
<file path=[Content_Types].xml><?xml version="1.0" encoding="utf-8"?>
<Types xmlns="http://schemas.openxmlformats.org/package/2006/content-types">
  <Default Extension="bin" ContentType="application/vnd.openxmlformats-officedocument.spreadsheetml.printerSettings"/>
  <Default Extension="png" ContentType="image/png"/>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externalLinks/externalLink1.xml" ContentType="application/vnd.openxmlformats-officedocument.spreadsheetml.externalLink+xml"/>
  <Override PartName="/xl/externalLinks/externalLink2.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xl/drawings/drawing4.xml" ContentType="application/vnd.openxmlformats-officedocument.drawing+xml"/>
  <Override PartName="/xl/drawings/drawing5.xml" ContentType="application/vnd.openxmlformats-officedocument.drawing+xml"/>
  <Override PartName="/xl/drawings/drawing6.xml" ContentType="application/vnd.openxmlformats-officedocument.drawing+xml"/>
  <Override PartName="/xl/drawings/drawing7.xml" ContentType="application/vnd.openxmlformats-officedocument.drawing+xml"/>
  <Override PartName="/xl/drawings/drawing8.xml" ContentType="application/vnd.openxmlformats-officedocument.drawing+xml"/>
  <Override PartName="/xl/drawings/drawing9.xml" ContentType="application/vnd.openxmlformats-officedocument.drawing+xml"/>
  <Override PartName="/xl/drawings/drawing10.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 Id="rId4" Type="http://schemas.openxmlformats.org/officeDocument/2006/relationships/custom-properties" Target="docProps/custom.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6" rupBuild="23127"/>
  <workbookPr codeName="ThisWorkbook" defaultThemeVersion="124226"/>
  <mc:AlternateContent xmlns:mc="http://schemas.openxmlformats.org/markup-compatibility/2006">
    <mc:Choice Requires="x15">
      <x15ac:absPath xmlns:x15ac="http://schemas.microsoft.com/office/spreadsheetml/2010/11/ac" url="C:\Users\s603179\Desktop\FORMS\"/>
    </mc:Choice>
  </mc:AlternateContent>
  <xr:revisionPtr revIDLastSave="0" documentId="8_{626D34E7-CDC6-455E-8E27-E29A1E6A4F45}" xr6:coauthVersionLast="45" xr6:coauthVersionMax="45" xr10:uidLastSave="{00000000-0000-0000-0000-000000000000}"/>
  <bookViews>
    <workbookView xWindow="5670" yWindow="2325" windowWidth="21600" windowHeight="12735" tabRatio="913" firstSheet="2" activeTab="2" xr2:uid="{00000000-000D-0000-FFFF-FFFF00000000}"/>
  </bookViews>
  <sheets>
    <sheet name="User Instructions" sheetId="1" state="hidden" r:id="rId1"/>
    <sheet name="Input Form" sheetId="12" state="hidden" r:id="rId2"/>
    <sheet name="Cover Sheet (Ltd Co)" sheetId="2" r:id="rId3"/>
    <sheet name="Cover Sheet (LLP)" sheetId="14" state="hidden" r:id="rId4"/>
    <sheet name="Cover Sheet (Sole Trader)" sheetId="4" state="hidden" r:id="rId5"/>
    <sheet name="Cover Sheet (Other)" sheetId="3" state="hidden" r:id="rId6"/>
    <sheet name="Deregister" sheetId="5" state="hidden" r:id="rId7"/>
    <sheet name="Payments &amp; Limits (2)" sheetId="9" state="hidden" r:id="rId8"/>
    <sheet name="Add Corp Admin" sheetId="7" state="hidden" r:id="rId9"/>
    <sheet name="Edit Corp Admin" sheetId="13" r:id="rId10"/>
    <sheet name="Lists" sheetId="10" state="hidden" r:id="rId11"/>
    <sheet name="Password" sheetId="11" state="hidden" r:id="rId12"/>
  </sheets>
  <externalReferences>
    <externalReference r:id="rId13"/>
    <externalReference r:id="rId14"/>
  </externalReferences>
  <definedNames>
    <definedName name="AccountNo">'[1]Data Capture'!$Q$34</definedName>
    <definedName name="ArrangementFee">'[1]Data Capture'!$Q$59</definedName>
    <definedName name="AssociateName">'[1]Data Capture'!$K$20</definedName>
    <definedName name="AssociateTel">'[1]Data Capture'!$K$21</definedName>
    <definedName name="Bank">'[1]Data Capture'!$H$9</definedName>
    <definedName name="BaseRate">'[1]Data Capture'!$Q$49</definedName>
    <definedName name="Charges" localSheetId="3">'[2]Covering Letter'!#REF!</definedName>
    <definedName name="Charges" localSheetId="9">'[2]Covering Letter'!#REF!</definedName>
    <definedName name="Charges" localSheetId="7">'[2]Covering Letter'!#REF!</definedName>
    <definedName name="Charges">'[2]Covering Letter'!#REF!</definedName>
    <definedName name="Charges2" localSheetId="3">'[2]Covering Letter'!#REF!</definedName>
    <definedName name="Charges2" localSheetId="9">'[2]Covering Letter'!#REF!</definedName>
    <definedName name="Charges2">'[2]Covering Letter'!#REF!</definedName>
    <definedName name="Complete">'[1]Data Capture'!$E$136</definedName>
    <definedName name="Complete2">'[1]Data Capture'!$E$137</definedName>
    <definedName name="CustomerAddress1">'[1]Data Capture'!$K$26</definedName>
    <definedName name="CustomerAddress2">'[1]Data Capture'!$K$27</definedName>
    <definedName name="CustomerAddress3">'[1]Data Capture'!$K$28</definedName>
    <definedName name="CustomerAddress4">'[1]Data Capture'!$K$29</definedName>
    <definedName name="CustomerAddress5">'[1]Data Capture'!$K$30</definedName>
    <definedName name="CustomerName">'[1]Data Capture'!$K$24</definedName>
    <definedName name="CustomerSalutation">'[1]Data Capture'!$K$32</definedName>
    <definedName name="Duration">'[1]Data Capture'!$O$36</definedName>
    <definedName name="EstablishmentFee">'[1]Data Capture'!$Q$59</definedName>
    <definedName name="EstablishmentYN">'[1]Data Capture'!$N$59</definedName>
    <definedName name="Expiry">'[1]Data Capture'!$Q$53</definedName>
    <definedName name="ExpiryOD">'[1]Data Capture'!$Q$55</definedName>
    <definedName name="FaxNo">'[1]Data Capture'!$K$22</definedName>
    <definedName name="Frequencies">'[1]Data Capture'!$AA$14:$AD$17</definedName>
    <definedName name="FSC_address_1">'[1]Data Capture'!$K$11</definedName>
    <definedName name="FSC_address_2">'[1]Data Capture'!$K$12</definedName>
    <definedName name="FSC_address_3">'[1]Data Capture'!$K$13</definedName>
    <definedName name="FSC_address_4">'[1]Data Capture'!$K$14</definedName>
    <definedName name="FSC_address_5">'[1]Data Capture'!$K$15</definedName>
    <definedName name="FSC_name">'[1]Data Capture'!$K$10</definedName>
    <definedName name="GuaranteeBy">'[1]Data Capture'!$K$66</definedName>
    <definedName name="Interest">'[1]Data Capture'!$E$135</definedName>
    <definedName name="Interest_Evergreen">'[1]Data Capture'!$E$110</definedName>
    <definedName name="Interest_Permanent">'[1]Data Capture'!$E$115</definedName>
    <definedName name="Interest_Reducing">'[1]Data Capture'!$E$127</definedName>
    <definedName name="Interest_Temporary">'[1]Data Capture'!$E$120</definedName>
    <definedName name="Letter_Show">'[1]Data Capture'!$A$75</definedName>
    <definedName name="Limit">'[1]Data Capture'!$O$38</definedName>
    <definedName name="Margin">'[1]Data Capture'!$Q$47</definedName>
    <definedName name="MarginUnplanned">'[1]Data Capture'!$Q$48</definedName>
    <definedName name="OurRef">'[1]Data Capture'!$P$6</definedName>
    <definedName name="OverdraftStart">'[1]Data Capture'!$O$44</definedName>
    <definedName name="PartnerName">'[1]Data Capture'!$K$17</definedName>
    <definedName name="PartnerTel">'[1]Data Capture'!$K$19</definedName>
    <definedName name="PartnerTitle">'[1]Data Capture'!$K$18</definedName>
    <definedName name="_xlnm.Print_Area" localSheetId="8">'Add Corp Admin'!$B$1:$AO$66</definedName>
    <definedName name="_xlnm.Print_Area" localSheetId="3">'Cover Sheet (LLP)'!$B$1:$AI$106</definedName>
    <definedName name="_xlnm.Print_Area" localSheetId="2">'Cover Sheet (Ltd Co)'!$B$1:$AI$57</definedName>
    <definedName name="_xlnm.Print_Area" localSheetId="5">'Cover Sheet (Other)'!$B$1:$AI$104</definedName>
    <definedName name="_xlnm.Print_Area" localSheetId="4">'Cover Sheet (Sole Trader)'!$B$1:$AI$61</definedName>
    <definedName name="_xlnm.Print_Area" localSheetId="6">Deregister!$B$1:$AK$56</definedName>
    <definedName name="_xlnm.Print_Area" localSheetId="9">'Edit Corp Admin'!$B$1:$AO$63</definedName>
    <definedName name="_xlnm.Print_Area" localSheetId="7">'Payments &amp; Limits (2)'!$B$1:$AT$86</definedName>
    <definedName name="_xlnm.Print_Area" localSheetId="0">'User Instructions'!$B$2:$AV$39</definedName>
    <definedName name="Rate">'[1]Data Capture'!$E$105</definedName>
    <definedName name="ReducingExpiry">'[1]Data Capture'!$Q$57</definedName>
    <definedName name="ReductionAmount">'[1]Data Capture'!$O$40</definedName>
    <definedName name="ReductionDate">'[1]Data Capture'!$O$42</definedName>
    <definedName name="ReductionFrequency">'[1]Data Capture'!$O$41</definedName>
    <definedName name="Review" localSheetId="3">'[1]Data Capture'!#REF!</definedName>
    <definedName name="Review" localSheetId="9">'[1]Data Capture'!#REF!</definedName>
    <definedName name="Review" localSheetId="7">'[1]Data Capture'!#REF!</definedName>
    <definedName name="Review">'[1]Data Capture'!#REF!</definedName>
    <definedName name="SecurityFee">'[1]Data Capture'!$Q$70</definedName>
    <definedName name="SecurityFeeType">'[1]Data Capture'!$Q$68</definedName>
    <definedName name="SecurityProperty">'[1]Data Capture'!$C$64</definedName>
    <definedName name="SecurityYN">'[1]Data Capture'!$N$68</definedName>
    <definedName name="Today">'[1]Data Capture'!$P$4</definedName>
    <definedName name="TotalCostOfCredit">'[1]Data Capture'!$P$101</definedName>
    <definedName name="Type">'[1]Data Capture'!$O$61</definedName>
    <definedName name="YourRef">'[1]Data Capture'!$P$7</definedName>
    <definedName name="Z_67FFD9AE_B4FE_4D55_B0D5_8B269AAA467F_.wvu.Cols" localSheetId="0" hidden="1">'User Instructions'!$AO:$AO</definedName>
    <definedName name="Z_67FFD9AE_B4FE_4D55_B0D5_8B269AAA467F_.wvu.PrintArea" localSheetId="8" hidden="1">'Add Corp Admin'!$A$2:$K$21</definedName>
    <definedName name="Z_67FFD9AE_B4FE_4D55_B0D5_8B269AAA467F_.wvu.PrintArea" localSheetId="3" hidden="1">'Cover Sheet (LLP)'!$B$2:$L$61</definedName>
    <definedName name="Z_67FFD9AE_B4FE_4D55_B0D5_8B269AAA467F_.wvu.PrintArea" localSheetId="2" hidden="1">'Cover Sheet (Ltd Co)'!$B$2:$U$54</definedName>
    <definedName name="Z_67FFD9AE_B4FE_4D55_B0D5_8B269AAA467F_.wvu.PrintArea" localSheetId="5" hidden="1">'Cover Sheet (Other)'!$B$2:$L$59</definedName>
    <definedName name="Z_67FFD9AE_B4FE_4D55_B0D5_8B269AAA467F_.wvu.PrintArea" localSheetId="4" hidden="1">'Cover Sheet (Sole Trader)'!$B$2:$L$85</definedName>
    <definedName name="Z_67FFD9AE_B4FE_4D55_B0D5_8B269AAA467F_.wvu.PrintArea" localSheetId="6" hidden="1">Deregister!$A$2:$AK$12</definedName>
    <definedName name="Z_67FFD9AE_B4FE_4D55_B0D5_8B269AAA467F_.wvu.PrintArea" localSheetId="9" hidden="1">'Edit Corp Admin'!$A$2:$J$59</definedName>
    <definedName name="Z_67FFD9AE_B4FE_4D55_B0D5_8B269AAA467F_.wvu.PrintArea" localSheetId="7" hidden="1">'Payments &amp; Limits (2)'!$D$4:$AF$41</definedName>
    <definedName name="Z_67FFD9AE_B4FE_4D55_B0D5_8B269AAA467F_.wvu.PrintArea" localSheetId="0" hidden="1">'User Instructions'!$B$1:$T$23</definedName>
  </definedNames>
  <calcPr calcId="191029"/>
  <customWorkbookViews>
    <customWorkbookView name="Warner, Stephen - Personal View" guid="{67FFD9AE-B4FE-4D55-B0D5-8B269AAA467F}" mergeInterval="0" personalView="1" maximized="1" xWindow="-11" yWindow="-11" windowWidth="1942" windowHeight="1166" tabRatio="913" activeSheetId="1"/>
  </customWorkbookViews>
  <extLst>
    <ext xmlns:xcalcf="http://schemas.microsoft.com/office/spreadsheetml/2018/calcfeatures" uri="{B58B0392-4F1F-4190-BB64-5DF3571DCE5F}">
      <xcalcf:calcFeatures>
        <xcalcf:feature name="microsoft.com:RD"/>
        <xcalcf:feature name="microsoft.com:Single"/>
        <xcalcf:feature name="microsoft.com:FV"/>
        <xcalcf:feature name="microsoft.com:CNMTM"/>
      </xcalcf:calcFeatures>
    </ext>
  </extLst>
</workbook>
</file>

<file path=xl/calcChain.xml><?xml version="1.0" encoding="utf-8"?>
<calcChain xmlns="http://schemas.openxmlformats.org/spreadsheetml/2006/main">
  <c r="C23" i="2" l="1"/>
  <c r="X16" i="14" l="1"/>
  <c r="D16" i="14"/>
  <c r="D14" i="14"/>
  <c r="D12" i="14"/>
  <c r="D10" i="14"/>
  <c r="D8" i="14"/>
  <c r="D6" i="14"/>
  <c r="P21" i="14" s="1"/>
  <c r="D6" i="3"/>
  <c r="C23" i="3" s="1"/>
  <c r="D8" i="3"/>
  <c r="D10" i="3"/>
  <c r="D12" i="3"/>
  <c r="D14" i="3"/>
  <c r="D16" i="3"/>
  <c r="X16" i="3"/>
  <c r="F32" i="14" l="1"/>
  <c r="F30" i="3" l="1"/>
  <c r="W16" i="4"/>
  <c r="D16" i="4"/>
  <c r="D14" i="4"/>
  <c r="D12" i="4"/>
  <c r="D10" i="4"/>
  <c r="D8" i="4"/>
  <c r="D6" i="4"/>
  <c r="W16" i="2"/>
  <c r="D16" i="2"/>
  <c r="D14" i="2" l="1"/>
  <c r="D6" i="2"/>
  <c r="D12" i="2"/>
  <c r="D10" i="2"/>
  <c r="D8" i="2"/>
</calcChain>
</file>

<file path=xl/sharedStrings.xml><?xml version="1.0" encoding="utf-8"?>
<sst xmlns="http://schemas.openxmlformats.org/spreadsheetml/2006/main" count="467" uniqueCount="220">
  <si>
    <t>CUSTOMER'S DETAILS</t>
  </si>
  <si>
    <t>Post Code</t>
  </si>
  <si>
    <t>Yes</t>
  </si>
  <si>
    <t>No</t>
  </si>
  <si>
    <t>Country</t>
  </si>
  <si>
    <t>Change of Name</t>
  </si>
  <si>
    <t>Change of Email Address</t>
  </si>
  <si>
    <t>Change of Mobile Number</t>
  </si>
  <si>
    <t>Add New Corporate Administrator</t>
  </si>
  <si>
    <t>First Name</t>
  </si>
  <si>
    <t>Surname</t>
  </si>
  <si>
    <t>Signing Instructions</t>
  </si>
  <si>
    <t>Changes to Maximum Transaction Limits</t>
  </si>
  <si>
    <t>Reason</t>
  </si>
  <si>
    <t>Customer's Details</t>
  </si>
  <si>
    <t>Signed for and on behalf of</t>
  </si>
  <si>
    <t>On</t>
  </si>
  <si>
    <t>To Clydesdale Bank PLC (trading as both Clydesdale Bank and Yorkshire Bank) (the “Bank”)</t>
  </si>
  <si>
    <t>Business Name</t>
  </si>
  <si>
    <t>Email Address</t>
  </si>
  <si>
    <t>Instructions for using this Form</t>
  </si>
  <si>
    <t>Mobile Number</t>
  </si>
  <si>
    <t>Business Address</t>
  </si>
  <si>
    <t xml:space="preserve">Change of email address </t>
  </si>
  <si>
    <t>After due consideration it was resolved that:</t>
  </si>
  <si>
    <t>(i) The Amendments Form be approved;</t>
  </si>
  <si>
    <t>(ii) The Bank be requested and authorised to make the changes detailed in the Amendments Form;</t>
  </si>
  <si>
    <t xml:space="preserve">At </t>
  </si>
  <si>
    <t>(insert place of signing)</t>
  </si>
  <si>
    <t>Signature</t>
  </si>
  <si>
    <t>By signing this Amendments Form, I confirm that:</t>
  </si>
  <si>
    <t>(i) the Amendments Form has been approved;</t>
  </si>
  <si>
    <t>(ii) the Bank be requested and authorised to make the changes detailed in the Amendments Form.</t>
  </si>
  <si>
    <t>(iii) I have the necessary authority to sign and authorise this Amendments Form.</t>
  </si>
  <si>
    <t>Business Internet Banking Post-Registration Amendment Form</t>
  </si>
  <si>
    <t>Date of Birth</t>
  </si>
  <si>
    <t>Change of mobile number</t>
  </si>
  <si>
    <t>Date</t>
  </si>
  <si>
    <t>2. Business Internet Banking Amendment Team answers the questions below to summarise the changes required</t>
  </si>
  <si>
    <t>User ID</t>
  </si>
  <si>
    <t>Gender</t>
  </si>
  <si>
    <t>Add</t>
  </si>
  <si>
    <t>Remove</t>
  </si>
  <si>
    <t>Security Token</t>
  </si>
  <si>
    <t>(iii) Any two Directors or a Director and the Company Secretary be authorised to sign the Amendments Form on behalf of the Company.</t>
  </si>
  <si>
    <t>Existing Corporate Admin Name</t>
  </si>
  <si>
    <t>Existing Corporate Admin Email address</t>
  </si>
  <si>
    <t>Mobile Banking App Authentication</t>
  </si>
  <si>
    <t>Payment Type</t>
  </si>
  <si>
    <t>Sort Code</t>
  </si>
  <si>
    <t>Account Number</t>
  </si>
  <si>
    <t>Existing Bacs IDs Management</t>
  </si>
  <si>
    <t>Bacs ID</t>
  </si>
  <si>
    <t>Bacs Credit</t>
  </si>
  <si>
    <t>Bacs Debit</t>
  </si>
  <si>
    <t>Faster Payments</t>
  </si>
  <si>
    <t>£30,000 per transaction with £30,000 Daily Cap</t>
  </si>
  <si>
    <t>£30,000 per transaction with No Daily Cap</t>
  </si>
  <si>
    <t>De-register Customer from BIB</t>
  </si>
  <si>
    <t>Change Security Preferences</t>
  </si>
  <si>
    <t>Change Maximum Payment Limits</t>
  </si>
  <si>
    <t>A</t>
  </si>
  <si>
    <t>B</t>
  </si>
  <si>
    <t>C</t>
  </si>
  <si>
    <t>D</t>
  </si>
  <si>
    <t>Change of name</t>
  </si>
  <si>
    <t>Change of telephone number</t>
  </si>
  <si>
    <t>Change of home address</t>
  </si>
  <si>
    <t>Add a newCorporate Administrator</t>
  </si>
  <si>
    <t>RM</t>
  </si>
  <si>
    <t>TL</t>
  </si>
  <si>
    <t>Amend Payment Limits</t>
  </si>
  <si>
    <t>Amend BACS</t>
  </si>
  <si>
    <t>Partner</t>
  </si>
  <si>
    <t>Trustee</t>
  </si>
  <si>
    <t>Member</t>
  </si>
  <si>
    <t>/</t>
  </si>
  <si>
    <t>(Insert name of customer)</t>
  </si>
  <si>
    <t>(insert date of signing)</t>
  </si>
  <si>
    <t>Director</t>
  </si>
  <si>
    <t>Company Secretary</t>
  </si>
  <si>
    <t>Business Internet Banking Post-Registration Amendments - Payments &amp; Limits</t>
  </si>
  <si>
    <t>Changes Required &amp; Progress Tracking</t>
  </si>
  <si>
    <t>Edit</t>
  </si>
  <si>
    <t>Option 1:</t>
  </si>
  <si>
    <t>Option 2:</t>
  </si>
  <si>
    <t>Option 3:</t>
  </si>
  <si>
    <t>Delete the Specified Accounts from the Associated Bacs ID:</t>
  </si>
  <si>
    <t>Add the following 
existing Bacs IDs 
and/or the specified Accounts:</t>
  </si>
  <si>
    <t>CHAPS Payments</t>
  </si>
  <si>
    <t>International Payments</t>
  </si>
  <si>
    <t>Current</t>
  </si>
  <si>
    <t>New</t>
  </si>
  <si>
    <t>Delete</t>
  </si>
  <si>
    <t>Suspend</t>
  </si>
  <si>
    <t>Title</t>
  </si>
  <si>
    <t>Frequency</t>
  </si>
  <si>
    <t>Delete the following 
Bacs IDs:</t>
  </si>
  <si>
    <t>Credit or Debit</t>
  </si>
  <si>
    <t>Bacs Type</t>
  </si>
  <si>
    <t>Credit</t>
  </si>
  <si>
    <t>Debit</t>
  </si>
  <si>
    <t>Daily</t>
  </si>
  <si>
    <t>Weekly</t>
  </si>
  <si>
    <t>Fortnightly</t>
  </si>
  <si>
    <t>4 Weekly</t>
  </si>
  <si>
    <t>Monthly</t>
  </si>
  <si>
    <t>Quarterly</t>
  </si>
  <si>
    <t>(min of £30,000.00, max of £250,000.00)</t>
  </si>
  <si>
    <t>(min of £30,000.00, max of £10,000,000.00)</t>
  </si>
  <si>
    <t>Actions</t>
  </si>
  <si>
    <t>To unlock the sheets:</t>
  </si>
  <si>
    <t>GB0746</t>
  </si>
  <si>
    <t>To unlock this sheet:</t>
  </si>
  <si>
    <t>VirginMoney</t>
  </si>
  <si>
    <t>Input Sheet</t>
  </si>
  <si>
    <t>Clear Form</t>
  </si>
  <si>
    <t>Options</t>
  </si>
  <si>
    <t>Amend Payments &amp; Limits</t>
  </si>
  <si>
    <t>Amendment Type</t>
  </si>
  <si>
    <t>Entity Type</t>
  </si>
  <si>
    <t>Sole Trader</t>
  </si>
  <si>
    <t>Limited Company</t>
  </si>
  <si>
    <t>Other</t>
  </si>
  <si>
    <t>2. Business Internet Banking Amendment Team print the Cover Sheet and all required tabs</t>
  </si>
  <si>
    <t>3. Business Internet Banking Amendment Team sends by secure email (if applicable) or posts completed amendment form to customer</t>
  </si>
  <si>
    <t>4. Customer returns signed amendment form</t>
  </si>
  <si>
    <t>5. BIB Amendment Team scan amendment form and upload to EDS and then submit to either the BIB Team Leader or Relationship Manager for approval</t>
  </si>
  <si>
    <t>6. BIB Amendment submit to BIB Helpdesk via EDS</t>
  </si>
  <si>
    <t>7. BIB Helpdesk process changes</t>
  </si>
  <si>
    <r>
      <t xml:space="preserve">If yes, complete and print the </t>
    </r>
    <r>
      <rPr>
        <b/>
        <sz val="10"/>
        <color rgb="FFFF0000"/>
        <rFont val="Arial"/>
        <family val="2"/>
      </rPr>
      <t>Deregister Tab</t>
    </r>
    <r>
      <rPr>
        <b/>
        <sz val="10"/>
        <rFont val="Arial"/>
        <family val="2"/>
      </rPr>
      <t xml:space="preserve">.  
The customer must sign for these changes.  The Team Leader must approve these changes.  </t>
    </r>
  </si>
  <si>
    <r>
      <t xml:space="preserve">If yes, complete and print the </t>
    </r>
    <r>
      <rPr>
        <b/>
        <sz val="10"/>
        <color rgb="FFFF0000"/>
        <rFont val="Arial"/>
        <family val="2"/>
      </rPr>
      <t>Payments &amp; Limits Tab</t>
    </r>
    <r>
      <rPr>
        <b/>
        <sz val="10"/>
        <rFont val="Arial"/>
        <family val="2"/>
      </rPr>
      <t>. 
The customer must sign for these changes.  The RM must provide an email authorising the amendment.</t>
    </r>
  </si>
  <si>
    <t>I,</t>
  </si>
  <si>
    <t>.</t>
  </si>
  <si>
    <t>Business Internet Banking Post-Registration Amendments - Limited Company</t>
  </si>
  <si>
    <t>Business Internet Banking Post-Registration Amendments - Sole Trader</t>
  </si>
  <si>
    <t>Business Internet Banking Post-Registration Amendments - Other Entity</t>
  </si>
  <si>
    <t>Customer convened and held on</t>
  </si>
  <si>
    <t>Position</t>
  </si>
  <si>
    <t>Unhide all sheets</t>
  </si>
  <si>
    <t>Hide Sheets</t>
  </si>
  <si>
    <t>Current Address</t>
  </si>
  <si>
    <t>New Address</t>
  </si>
  <si>
    <t>Add Corporate Administrator</t>
  </si>
  <si>
    <t>Edit Corporate Administrator</t>
  </si>
  <si>
    <t>Business Internet Banking Post-Registration Amendments - Edit Corporate Administrator Details</t>
  </si>
  <si>
    <t>Business Internet Banking Post-Registration Amendments - Add Corporate Administrator</t>
  </si>
  <si>
    <t>Change Access</t>
  </si>
  <si>
    <t>Delete, Suspend or Re-instate</t>
  </si>
  <si>
    <t>Change Address</t>
  </si>
  <si>
    <t>Change Personal / Contact Details</t>
  </si>
  <si>
    <t>Corporate Administrator Details</t>
  </si>
  <si>
    <t>Security Preference</t>
  </si>
  <si>
    <t>Add a Corporate Administrator</t>
  </si>
  <si>
    <t>Edit a Corporate Administrator</t>
  </si>
  <si>
    <r>
      <t xml:space="preserve">If yes, complete and print the </t>
    </r>
    <r>
      <rPr>
        <b/>
        <sz val="10"/>
        <color rgb="FFFF0000"/>
        <rFont val="Arial"/>
        <family val="2"/>
      </rPr>
      <t>Add Corp Admin Tab</t>
    </r>
    <r>
      <rPr>
        <b/>
        <sz val="10"/>
        <rFont val="Arial"/>
        <family val="2"/>
      </rPr>
      <t>.
The customer must sign for these changes.  The Team Leader must approve these changes.</t>
    </r>
  </si>
  <si>
    <r>
      <t xml:space="preserve">If yes, complete and print the </t>
    </r>
    <r>
      <rPr>
        <b/>
        <sz val="10"/>
        <color rgb="FFFF0000"/>
        <rFont val="Arial"/>
        <family val="2"/>
      </rPr>
      <t>Edit Corp Admin Tab</t>
    </r>
    <r>
      <rPr>
        <b/>
        <sz val="10"/>
        <rFont val="Arial"/>
        <family val="2"/>
      </rPr>
      <t>.
The customer must sign for these changes.  The Team Leader must approve these changes.</t>
    </r>
  </si>
  <si>
    <t>Amend personal details:</t>
  </si>
  <si>
    <t>Delete, Suspend or Re-instate a Corporate Administrator</t>
  </si>
  <si>
    <t>Change the Security Preferences</t>
  </si>
  <si>
    <t>Change the Payment Preferences</t>
  </si>
  <si>
    <t>Set the Payment Preferences</t>
  </si>
  <si>
    <t>Set the Security Preferences</t>
  </si>
  <si>
    <t>1. Business Internet Banking Amendment Team completes the Input Form with Customer details and type of changes required</t>
  </si>
  <si>
    <t>Set Payment Preferences</t>
  </si>
  <si>
    <t>Set Security Preferences</t>
  </si>
  <si>
    <t>Change Payment Preference</t>
  </si>
  <si>
    <t>(max of £10,000,000.00)</t>
  </si>
  <si>
    <r>
      <t xml:space="preserve">Limit </t>
    </r>
    <r>
      <rPr>
        <sz val="8"/>
        <rFont val="Arial"/>
        <family val="2"/>
      </rPr>
      <t>(optional)</t>
    </r>
  </si>
  <si>
    <r>
      <t>Frequency</t>
    </r>
    <r>
      <rPr>
        <sz val="8"/>
        <rFont val="Arial"/>
        <family val="2"/>
      </rPr>
      <t xml:space="preserve"> (optional)</t>
    </r>
  </si>
  <si>
    <t>Female</t>
  </si>
  <si>
    <t>Male</t>
  </si>
  <si>
    <t>Single</t>
  </si>
  <si>
    <t>Payment Approval Type</t>
  </si>
  <si>
    <t>Re-instate</t>
  </si>
  <si>
    <r>
      <rPr>
        <b/>
        <sz val="10"/>
        <rFont val="Arial"/>
        <family val="2"/>
      </rPr>
      <t xml:space="preserve">Dual payment approval </t>
    </r>
    <r>
      <rPr>
        <sz val="10"/>
        <rFont val="Arial"/>
        <family val="2"/>
      </rPr>
      <t>will require approval from the Corporate Administrator and from a further person with payment authority to approve payments.</t>
    </r>
  </si>
  <si>
    <r>
      <rPr>
        <b/>
        <u/>
        <sz val="10"/>
        <rFont val="Arial"/>
        <family val="2"/>
      </rPr>
      <t xml:space="preserve">Payment Approval Preferences
</t>
    </r>
    <r>
      <rPr>
        <b/>
        <sz val="10"/>
        <rFont val="Arial"/>
        <family val="2"/>
      </rPr>
      <t/>
    </r>
  </si>
  <si>
    <r>
      <rPr>
        <b/>
        <sz val="10"/>
        <rFont val="Arial"/>
        <family val="2"/>
      </rPr>
      <t>Single payment approval</t>
    </r>
    <r>
      <rPr>
        <sz val="10"/>
        <rFont val="Arial"/>
        <family val="2"/>
      </rPr>
      <t xml:space="preserve"> will enable the Corporate Administrators to approve payments without a secondary approval from another person.</t>
    </r>
  </si>
  <si>
    <t>Dual</t>
  </si>
  <si>
    <t>, the Company Secretary / a Director</t>
  </si>
  <si>
    <t>of</t>
  </si>
  <si>
    <t>Please ensure that this section is completed and all relevant parties complete the sections overleaf</t>
  </si>
  <si>
    <t xml:space="preserve">
Please ensure that all relevant parties complete this section</t>
  </si>
  <si>
    <t>De-Registration</t>
  </si>
  <si>
    <t>Business Internet Banking Post-Registration Amendments - De-Registration</t>
  </si>
  <si>
    <t>If a Corporate Administrator is suspended, access can be re-instated.  
If the Corporate Administrator is deleted, this cannot be reversed.</t>
  </si>
  <si>
    <t>Limited Liability Partnership</t>
  </si>
  <si>
    <t>Payment Preference</t>
  </si>
  <si>
    <t>(the "Customer") hereby certify that during a meeting</t>
  </si>
  <si>
    <t>of the members/trustees/committee members/partners* of the Customer convened and held on</t>
  </si>
  <si>
    <t>Full Name</t>
  </si>
  <si>
    <t>Business Internet Banking Post-Registration Amendments - LLP</t>
  </si>
  <si>
    <t>, a member of</t>
  </si>
  <si>
    <t>with registered number</t>
  </si>
  <si>
    <t xml:space="preserve"> (the "Customer") hereby certify that during a meeting of the members of the</t>
  </si>
  <si>
    <t xml:space="preserve">A copy of the Bank's Business Internet Banking Post Registration Amendments form (the "Amendments Form") was laid before the meeting together with a copy of the Digital Banking Services Terms and Conditions detailing the terms governing the use of Business Internet Banking and Mobile App which had previously been accepted by the Company together with any amendments made by the Bank from time to time and notified to the business  (the "T&amp;Cs"). 
The Company has also been provided with the Bank’s Privacy Notice ("Notice") as part of this amendment and have been made aware that personal data on all individuals whose information has been provided within this Amendment Form will be processed in the manner set out within the Notice. The Notice is available to view on The Bank’s website at cbonline.co.uk/privacy and at ybonline.co.uk/privacy and could be updated from time to time. All Documents were considered by the meeting and approved.  </t>
  </si>
  <si>
    <t>I have reviewed a copy of the Bank's Business Internet Banking Post Registration Amendments form (the "Amendments Form")  together with a copy of the Digital Banking Services Terms and Conditions detailing the terms governing the use of Business Internet Banking and Mobile App which had previously been accepted by me together with any amendments made by the Bank from time to time and notified to the business  (the "T&amp;Cs"). 
I have also been provided with the Bank’s Privacy Notice ("Notice") as part of this amendment and have been made aware that personal data on all individuals whose information has been provided within this Amendment Form will be processed in the manner set out within the Notice. The Notice is available to view on The Bank’s website at cbonline.co.uk/privacy and at ybonline.co.uk/privacy and could be updated from time to time. All Documents have been reviewed and I accept the terms and proposals of each.</t>
  </si>
  <si>
    <t>Business Internet Banking no longer required</t>
  </si>
  <si>
    <t>Moving bank account elsewhere</t>
  </si>
  <si>
    <t>Custom transaction limits with no Daily Cap - please complete section below:</t>
  </si>
  <si>
    <t>Maximum Transaction Amount (no Daily Cap)</t>
  </si>
  <si>
    <t>Middle Name(s)</t>
  </si>
  <si>
    <t>Business Details</t>
  </si>
  <si>
    <t xml:space="preserve">A copy of the Bank's Business Internet Banking Post Registration Amendments form (the "Amendments Form") was laid before the meeting together with a copy of the Digital Banking Services Terms and Conditions detailing the terms governing the use of Business Internet Banking and Mobile App which had previously been accepted by the Company together with any amendments made by the Bank from time to time and notified to the business  (the "T&amp;Cs"). 
The Customer has also been provided with the Bank’s Privacy Notice ("Notice") as part of this amendment and have been made aware that personal data on all individuals whose information has been provided within this Amendment Form will be processed in the manner set out within the Notice. The Notice is available to view on The Bank’s website at cbonline.co.uk/privacy and at ybonline.co.uk/privacy and could be updated from time to time. All Documents were considered by the meeting and approved.  </t>
  </si>
  <si>
    <t>(Insert name of Customer)</t>
  </si>
  <si>
    <t>It was resolved that:
(i) The Amendments Form be approved;
(ii) The Bank be requested and authorised to make the changes detailed in the Amendments Form;
(iii) the requisite number of members in terms of the Customer’s partnership deed* be authorised to sign the post-registration amendments form on behalf of the Customer
* Please Note: All members must sign this registration form in the absence of a partnership deed or equivalent document.</t>
  </si>
  <si>
    <r>
      <t xml:space="preserve">It was resolved that:
(i) The Amendments Form be approved;
(ii) The Bank be requested and authorised to make the changes detailed in the Amendments Form;
(iii) the requisite number of [members / trustees / committee members / partners*] in terms of the Customer’s constitutional documents** be authorised to sign the post-registration amendments form on behalf of the Customer
</t>
    </r>
    <r>
      <rPr>
        <b/>
        <sz val="10"/>
        <rFont val="Arial"/>
        <family val="2"/>
      </rPr>
      <t xml:space="preserve">* </t>
    </r>
    <r>
      <rPr>
        <sz val="10"/>
        <rFont val="Arial"/>
        <family val="2"/>
      </rPr>
      <t xml:space="preserve">Delete as appropriate
</t>
    </r>
    <r>
      <rPr>
        <b/>
        <sz val="10"/>
        <rFont val="Arial"/>
        <family val="2"/>
      </rPr>
      <t>**</t>
    </r>
    <r>
      <rPr>
        <sz val="10"/>
        <rFont val="Arial"/>
        <family val="2"/>
      </rPr>
      <t xml:space="preserve"> Please Note: All partners, trustees or members must sign this registration form in the absence of a partnership deed, trust deed or equivalent document.</t>
    </r>
  </si>
  <si>
    <t>, a member / trustee / committee member / partner*</t>
  </si>
  <si>
    <t xml:space="preserve"> (the "Company") hereby certify that at a quorate meeting of the Board of </t>
  </si>
  <si>
    <t>Directors of the Company duly convened and held on</t>
  </si>
  <si>
    <t xml:space="preserve">Clydesdale Bank PLC (which also trades as Yorkshire Bank and B) is authorised by the Prudential Regulation Authority and regulated by the Financial Conduct Authority and the Prudential Regulation Authority. Financial Services Register No. 121873. Credit facilities other than regulated mortgages and regulated credit agreements are not regulated by the Financial Conduct Authority. Clydesdale Bank PLC is registered in Scotland (No. SC001111). Registered Office: 30 St Vincent Place, Glasgow G1 2HL. </t>
  </si>
  <si>
    <t>GB0746 (07/20)</t>
  </si>
  <si>
    <t>SHETLAND UHI LTD</t>
  </si>
  <si>
    <t>GREMISTA</t>
  </si>
  <si>
    <t>INDUSTRIAL ESTATE</t>
  </si>
  <si>
    <t>SHETLAND</t>
  </si>
  <si>
    <t>ZE1 0PX</t>
  </si>
  <si>
    <t>N/A</t>
  </si>
  <si>
    <t>Dr Brendan Michael Hall</t>
  </si>
  <si>
    <t>jane.lewis@uhi.ac.uk</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3">
    <numFmt numFmtId="7" formatCode="&quot;£&quot;#,##0.00;\-&quot;£&quot;#,##0.00"/>
    <numFmt numFmtId="164" formatCode="&quot;£&quot;#,##0"/>
    <numFmt numFmtId="165" formatCode="dd/mm/yyyy;@"/>
  </numFmts>
  <fonts count="29" x14ac:knownFonts="1">
    <font>
      <sz val="10"/>
      <name val="Arial"/>
    </font>
    <font>
      <sz val="8"/>
      <name val="Arial"/>
      <family val="2"/>
    </font>
    <font>
      <sz val="10"/>
      <color indexed="9"/>
      <name val="Arial"/>
      <family val="2"/>
    </font>
    <font>
      <sz val="10"/>
      <name val="Arial"/>
      <family val="2"/>
    </font>
    <font>
      <sz val="10"/>
      <color rgb="FF00B050"/>
      <name val="Arial"/>
      <family val="2"/>
    </font>
    <font>
      <sz val="10"/>
      <color theme="1"/>
      <name val="Arial"/>
      <family val="2"/>
    </font>
    <font>
      <b/>
      <sz val="10"/>
      <color rgb="FF00B050"/>
      <name val="Arial"/>
      <family val="2"/>
    </font>
    <font>
      <b/>
      <sz val="13"/>
      <name val="Arial"/>
      <family val="2"/>
    </font>
    <font>
      <i/>
      <sz val="10"/>
      <name val="Arial"/>
      <family val="2"/>
    </font>
    <font>
      <b/>
      <sz val="10"/>
      <name val="Arial"/>
      <family val="2"/>
    </font>
    <font>
      <b/>
      <sz val="10"/>
      <color rgb="FFFF0000"/>
      <name val="Arial"/>
      <family val="2"/>
    </font>
    <font>
      <b/>
      <sz val="10"/>
      <color indexed="10"/>
      <name val="Arial"/>
      <family val="2"/>
    </font>
    <font>
      <b/>
      <sz val="11"/>
      <color theme="0"/>
      <name val="Arial"/>
      <family val="2"/>
    </font>
    <font>
      <sz val="9"/>
      <name val="Arial"/>
      <family val="2"/>
    </font>
    <font>
      <b/>
      <sz val="9"/>
      <color rgb="FF00B050"/>
      <name val="Arial"/>
      <family val="2"/>
    </font>
    <font>
      <sz val="10"/>
      <color indexed="12"/>
      <name val="Arial"/>
      <family val="2"/>
    </font>
    <font>
      <sz val="10"/>
      <color rgb="FF0000FF"/>
      <name val="Arial"/>
      <family val="2"/>
    </font>
    <font>
      <b/>
      <sz val="14"/>
      <name val="Arial"/>
      <family val="2"/>
    </font>
    <font>
      <b/>
      <sz val="11"/>
      <color indexed="9"/>
      <name val="Arial"/>
      <family val="2"/>
    </font>
    <font>
      <b/>
      <sz val="10"/>
      <color indexed="9"/>
      <name val="Arial"/>
      <family val="2"/>
    </font>
    <font>
      <sz val="10"/>
      <color rgb="FF0070C0"/>
      <name val="Arial"/>
      <family val="2"/>
    </font>
    <font>
      <b/>
      <sz val="10"/>
      <color rgb="FF0070C0"/>
      <name val="Arial"/>
      <family val="2"/>
    </font>
    <font>
      <b/>
      <sz val="16"/>
      <color rgb="FFC00000"/>
      <name val="Arial"/>
      <family val="2"/>
    </font>
    <font>
      <b/>
      <sz val="10"/>
      <color theme="0"/>
      <name val="Arial"/>
      <family val="2"/>
    </font>
    <font>
      <b/>
      <sz val="11"/>
      <name val="Arial"/>
      <family val="2"/>
    </font>
    <font>
      <b/>
      <sz val="12"/>
      <name val="Arial"/>
      <family val="2"/>
    </font>
    <font>
      <sz val="11"/>
      <name val="Arial"/>
      <family val="2"/>
    </font>
    <font>
      <b/>
      <u/>
      <sz val="10"/>
      <name val="Arial"/>
      <family val="2"/>
    </font>
    <font>
      <sz val="6.5"/>
      <name val="Arial"/>
      <family val="2"/>
    </font>
  </fonts>
  <fills count="8">
    <fill>
      <patternFill patternType="none"/>
    </fill>
    <fill>
      <patternFill patternType="gray125"/>
    </fill>
    <fill>
      <patternFill patternType="solid">
        <fgColor indexed="9"/>
        <bgColor indexed="64"/>
      </patternFill>
    </fill>
    <fill>
      <patternFill patternType="solid">
        <fgColor indexed="8"/>
        <bgColor indexed="64"/>
      </patternFill>
    </fill>
    <fill>
      <patternFill patternType="solid">
        <fgColor theme="0"/>
        <bgColor indexed="64"/>
      </patternFill>
    </fill>
    <fill>
      <patternFill patternType="solid">
        <fgColor theme="0" tint="-4.9989318521683403E-2"/>
        <bgColor indexed="64"/>
      </patternFill>
    </fill>
    <fill>
      <patternFill patternType="solid">
        <fgColor theme="1"/>
        <bgColor indexed="64"/>
      </patternFill>
    </fill>
    <fill>
      <patternFill patternType="solid">
        <fgColor rgb="FFC00000"/>
        <bgColor indexed="64"/>
      </patternFill>
    </fill>
  </fills>
  <borders count="17">
    <border>
      <left/>
      <right/>
      <top/>
      <bottom/>
      <diagonal/>
    </border>
    <border>
      <left style="thin">
        <color indexed="64"/>
      </left>
      <right/>
      <top/>
      <bottom/>
      <diagonal/>
    </border>
    <border>
      <left/>
      <right style="thin">
        <color indexed="64"/>
      </right>
      <top/>
      <bottom/>
      <diagonal/>
    </border>
    <border>
      <left/>
      <right/>
      <top style="thin">
        <color indexed="64"/>
      </top>
      <bottom style="thin">
        <color indexed="64"/>
      </bottom>
      <diagonal/>
    </border>
    <border>
      <left/>
      <right/>
      <top/>
      <bottom style="thin">
        <color indexed="64"/>
      </bottom>
      <diagonal/>
    </border>
    <border>
      <left/>
      <right style="thin">
        <color indexed="64"/>
      </right>
      <top/>
      <bottom style="thin">
        <color indexed="64"/>
      </bottom>
      <diagonal/>
    </border>
    <border>
      <left/>
      <right/>
      <top/>
      <bottom style="medium">
        <color indexed="64"/>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style="thin">
        <color indexed="64"/>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right style="medium">
        <color indexed="64"/>
      </right>
      <top style="medium">
        <color indexed="64"/>
      </top>
      <bottom style="medium">
        <color indexed="64"/>
      </bottom>
      <diagonal/>
    </border>
  </borders>
  <cellStyleXfs count="2">
    <xf numFmtId="0" fontId="0" fillId="0" borderId="0"/>
    <xf numFmtId="0" fontId="3" fillId="0" borderId="0"/>
  </cellStyleXfs>
  <cellXfs count="299">
    <xf numFmtId="0" fontId="0" fillId="0" borderId="0" xfId="0"/>
    <xf numFmtId="0" fontId="3" fillId="0" borderId="0" xfId="0" applyFont="1" applyFill="1" applyBorder="1" applyAlignment="1" applyProtection="1">
      <alignment vertical="center"/>
    </xf>
    <xf numFmtId="0" fontId="3" fillId="0" borderId="0" xfId="0" applyFont="1" applyFill="1" applyBorder="1" applyAlignment="1" applyProtection="1">
      <alignment vertical="center" wrapText="1"/>
    </xf>
    <xf numFmtId="0" fontId="3" fillId="2" borderId="0" xfId="0" applyFont="1" applyFill="1" applyAlignment="1">
      <alignment vertical="center"/>
    </xf>
    <xf numFmtId="0" fontId="3" fillId="0" borderId="0" xfId="0" applyFont="1" applyFill="1" applyAlignment="1">
      <alignment vertical="center"/>
    </xf>
    <xf numFmtId="0" fontId="3" fillId="0" borderId="0" xfId="0" applyFont="1" applyAlignment="1">
      <alignment vertical="center"/>
    </xf>
    <xf numFmtId="0" fontId="9" fillId="0" borderId="6" xfId="0" applyFont="1" applyBorder="1" applyAlignment="1" applyProtection="1">
      <alignment vertical="center"/>
    </xf>
    <xf numFmtId="0" fontId="3" fillId="0" borderId="0" xfId="0" applyFont="1" applyAlignment="1" applyProtection="1">
      <alignment vertical="center"/>
    </xf>
    <xf numFmtId="0" fontId="9" fillId="2" borderId="0" xfId="0" applyFont="1" applyFill="1" applyBorder="1" applyAlignment="1" applyProtection="1">
      <alignment horizontal="center" vertical="center" wrapText="1"/>
    </xf>
    <xf numFmtId="0" fontId="3" fillId="2" borderId="0" xfId="0" applyFont="1" applyFill="1" applyBorder="1" applyAlignment="1">
      <alignment vertical="center"/>
    </xf>
    <xf numFmtId="0" fontId="4" fillId="2" borderId="0" xfId="0" applyFont="1" applyFill="1" applyAlignment="1">
      <alignment vertical="center"/>
    </xf>
    <xf numFmtId="0" fontId="3" fillId="0" borderId="0" xfId="0" applyFont="1" applyAlignment="1">
      <alignment vertical="center"/>
    </xf>
    <xf numFmtId="0" fontId="3" fillId="0" borderId="7" xfId="0" applyFont="1" applyFill="1" applyBorder="1" applyAlignment="1" applyProtection="1">
      <alignment vertical="center"/>
      <protection locked="0"/>
    </xf>
    <xf numFmtId="0" fontId="3" fillId="0" borderId="0" xfId="0" applyFont="1" applyFill="1" applyBorder="1" applyAlignment="1" applyProtection="1">
      <alignment vertical="center"/>
      <protection locked="0"/>
    </xf>
    <xf numFmtId="0" fontId="15" fillId="0" borderId="0" xfId="0" applyFont="1" applyFill="1" applyBorder="1" applyAlignment="1" applyProtection="1">
      <alignment vertical="center" wrapText="1"/>
    </xf>
    <xf numFmtId="0" fontId="14" fillId="0" borderId="0" xfId="0" applyFont="1" applyFill="1" applyBorder="1" applyAlignment="1" applyProtection="1">
      <alignment vertical="center"/>
      <protection locked="0"/>
    </xf>
    <xf numFmtId="0" fontId="3" fillId="0" borderId="0" xfId="0" applyFont="1" applyFill="1" applyBorder="1" applyAlignment="1">
      <alignment vertical="center"/>
    </xf>
    <xf numFmtId="0" fontId="3" fillId="0" borderId="0" xfId="0" applyFont="1" applyFill="1" applyBorder="1" applyAlignment="1" applyProtection="1">
      <alignment horizontal="left" vertical="center"/>
    </xf>
    <xf numFmtId="0" fontId="9" fillId="0" borderId="0" xfId="0" applyFont="1" applyFill="1" applyBorder="1" applyAlignment="1" applyProtection="1">
      <alignment vertical="center" wrapText="1"/>
    </xf>
    <xf numFmtId="0" fontId="3" fillId="0" borderId="7" xfId="0" applyFont="1" applyBorder="1" applyAlignment="1" applyProtection="1">
      <alignment vertical="center"/>
      <protection locked="0"/>
    </xf>
    <xf numFmtId="0" fontId="3" fillId="0" borderId="0" xfId="0" applyFont="1" applyBorder="1" applyAlignment="1" applyProtection="1">
      <alignment vertical="center"/>
      <protection locked="0"/>
    </xf>
    <xf numFmtId="0" fontId="9" fillId="0" borderId="0" xfId="0" applyFont="1" applyFill="1" applyBorder="1" applyAlignment="1" applyProtection="1">
      <alignment vertical="center"/>
    </xf>
    <xf numFmtId="0" fontId="3" fillId="0" borderId="0" xfId="0" applyFont="1" applyBorder="1" applyAlignment="1" applyProtection="1">
      <alignment vertical="center"/>
    </xf>
    <xf numFmtId="0" fontId="5" fillId="0" borderId="0" xfId="0" applyFont="1" applyAlignment="1" applyProtection="1">
      <alignment vertical="center"/>
    </xf>
    <xf numFmtId="0" fontId="3" fillId="0" borderId="0" xfId="0" applyFont="1" applyAlignment="1" applyProtection="1">
      <alignment vertical="center" wrapText="1"/>
    </xf>
    <xf numFmtId="0" fontId="17" fillId="0" borderId="6" xfId="0" applyFont="1" applyBorder="1" applyAlignment="1" applyProtection="1">
      <alignment vertical="center"/>
    </xf>
    <xf numFmtId="0" fontId="6" fillId="0" borderId="0" xfId="0" applyFont="1" applyAlignment="1">
      <alignment vertical="center"/>
    </xf>
    <xf numFmtId="0" fontId="9" fillId="2" borderId="0" xfId="0" applyFont="1" applyFill="1" applyBorder="1" applyAlignment="1" applyProtection="1">
      <alignment vertical="center" wrapText="1"/>
    </xf>
    <xf numFmtId="0" fontId="0" fillId="0" borderId="0" xfId="0" applyAlignment="1">
      <alignment vertical="center"/>
    </xf>
    <xf numFmtId="0" fontId="3" fillId="0" borderId="0" xfId="0" applyFont="1" applyBorder="1" applyAlignment="1">
      <alignment vertical="center"/>
    </xf>
    <xf numFmtId="0" fontId="3" fillId="2" borderId="0" xfId="0" applyFont="1" applyFill="1" applyBorder="1" applyAlignment="1">
      <alignment horizontal="right" vertical="center"/>
    </xf>
    <xf numFmtId="0" fontId="3" fillId="0" borderId="0" xfId="0" applyFont="1" applyBorder="1" applyAlignment="1">
      <alignment horizontal="center" vertical="center"/>
    </xf>
    <xf numFmtId="0" fontId="3" fillId="0" borderId="0" xfId="0" applyFont="1"/>
    <xf numFmtId="0" fontId="4" fillId="0" borderId="0" xfId="0" applyFont="1"/>
    <xf numFmtId="0" fontId="3" fillId="2" borderId="0" xfId="0" applyFont="1" applyFill="1" applyBorder="1" applyAlignment="1" applyProtection="1">
      <alignment vertical="center"/>
    </xf>
    <xf numFmtId="0" fontId="3" fillId="2" borderId="0" xfId="0" applyFont="1" applyFill="1" applyBorder="1" applyAlignment="1" applyProtection="1">
      <alignment horizontal="left" vertical="center"/>
    </xf>
    <xf numFmtId="0" fontId="3" fillId="2" borderId="0" xfId="0" applyFont="1" applyFill="1" applyBorder="1" applyAlignment="1">
      <alignment horizontal="left" vertical="center"/>
    </xf>
    <xf numFmtId="0" fontId="11" fillId="0" borderId="0" xfId="0" applyFont="1" applyBorder="1" applyAlignment="1" applyProtection="1">
      <alignment vertical="center" wrapText="1"/>
    </xf>
    <xf numFmtId="0" fontId="11" fillId="0" borderId="0" xfId="0" applyFont="1" applyBorder="1" applyAlignment="1" applyProtection="1">
      <alignment horizontal="center" vertical="center" wrapText="1"/>
    </xf>
    <xf numFmtId="0" fontId="3" fillId="2" borderId="0" xfId="0" applyFont="1" applyFill="1" applyAlignment="1" applyProtection="1">
      <alignment vertical="center"/>
    </xf>
    <xf numFmtId="0" fontId="3" fillId="2" borderId="0" xfId="0" applyFont="1" applyFill="1" applyBorder="1" applyAlignment="1" applyProtection="1">
      <alignment vertical="center" wrapText="1"/>
    </xf>
    <xf numFmtId="0" fontId="3" fillId="2" borderId="0" xfId="0" applyFont="1" applyFill="1" applyBorder="1" applyAlignment="1" applyProtection="1">
      <alignment horizontal="left" vertical="center" wrapText="1"/>
    </xf>
    <xf numFmtId="0" fontId="2" fillId="3" borderId="0" xfId="0" applyFont="1" applyFill="1" applyBorder="1" applyAlignment="1" applyProtection="1">
      <alignment vertical="center"/>
    </xf>
    <xf numFmtId="0" fontId="3" fillId="2" borderId="0" xfId="0" applyFont="1" applyFill="1" applyBorder="1" applyAlignment="1" applyProtection="1">
      <alignment horizontal="center" vertical="center"/>
    </xf>
    <xf numFmtId="0" fontId="3" fillId="2" borderId="1" xfId="0" applyFont="1" applyFill="1" applyBorder="1" applyAlignment="1" applyProtection="1">
      <alignment vertical="center"/>
    </xf>
    <xf numFmtId="0" fontId="3" fillId="2" borderId="2" xfId="0" applyFont="1" applyFill="1" applyBorder="1" applyAlignment="1" applyProtection="1">
      <alignment vertical="center"/>
    </xf>
    <xf numFmtId="0" fontId="18" fillId="3" borderId="1" xfId="0" applyFont="1" applyFill="1" applyBorder="1" applyAlignment="1" applyProtection="1">
      <alignment vertical="center"/>
    </xf>
    <xf numFmtId="0" fontId="9" fillId="2" borderId="0" xfId="0" applyFont="1" applyFill="1" applyBorder="1" applyAlignment="1" applyProtection="1">
      <alignment horizontal="center" vertical="center"/>
    </xf>
    <xf numFmtId="164" fontId="3" fillId="2" borderId="0" xfId="0" applyNumberFormat="1" applyFont="1" applyFill="1" applyBorder="1" applyAlignment="1" applyProtection="1">
      <alignment vertical="center"/>
    </xf>
    <xf numFmtId="0" fontId="9" fillId="0" borderId="0" xfId="0" applyFont="1"/>
    <xf numFmtId="0" fontId="3" fillId="5" borderId="10" xfId="0" applyFont="1" applyFill="1" applyBorder="1" applyAlignment="1" applyProtection="1">
      <alignment vertical="center"/>
    </xf>
    <xf numFmtId="0" fontId="3" fillId="5" borderId="11" xfId="0" applyFont="1" applyFill="1" applyBorder="1" applyAlignment="1" applyProtection="1">
      <alignment vertical="center"/>
    </xf>
    <xf numFmtId="0" fontId="9" fillId="5" borderId="11" xfId="0" applyFont="1" applyFill="1" applyBorder="1" applyAlignment="1" applyProtection="1">
      <alignment vertical="center" wrapText="1"/>
    </xf>
    <xf numFmtId="0" fontId="3" fillId="5" borderId="12" xfId="0" applyFont="1" applyFill="1" applyBorder="1" applyAlignment="1" applyProtection="1">
      <alignment vertical="center"/>
    </xf>
    <xf numFmtId="0" fontId="3" fillId="5" borderId="1" xfId="0" applyFont="1" applyFill="1" applyBorder="1" applyAlignment="1" applyProtection="1">
      <alignment vertical="center"/>
    </xf>
    <xf numFmtId="0" fontId="3" fillId="5" borderId="0" xfId="0" applyFont="1" applyFill="1" applyBorder="1" applyAlignment="1" applyProtection="1">
      <alignment vertical="center"/>
    </xf>
    <xf numFmtId="0" fontId="9" fillId="5" borderId="0" xfId="0" applyFont="1" applyFill="1" applyBorder="1" applyAlignment="1" applyProtection="1">
      <alignment vertical="center"/>
    </xf>
    <xf numFmtId="0" fontId="3" fillId="5" borderId="2" xfId="0" applyFont="1" applyFill="1" applyBorder="1" applyAlignment="1" applyProtection="1">
      <alignment vertical="center"/>
    </xf>
    <xf numFmtId="0" fontId="3" fillId="5" borderId="0" xfId="0" applyFont="1" applyFill="1" applyBorder="1" applyAlignment="1" applyProtection="1">
      <alignment vertical="center" wrapText="1"/>
    </xf>
    <xf numFmtId="0" fontId="9" fillId="5" borderId="0" xfId="0" applyFont="1" applyFill="1" applyBorder="1" applyAlignment="1" applyProtection="1">
      <alignment horizontal="center" vertical="center" wrapText="1"/>
    </xf>
    <xf numFmtId="0" fontId="3" fillId="5" borderId="13" xfId="0" applyFont="1" applyFill="1" applyBorder="1" applyAlignment="1" applyProtection="1">
      <alignment vertical="center"/>
    </xf>
    <xf numFmtId="0" fontId="3" fillId="5" borderId="4" xfId="0" applyFont="1" applyFill="1" applyBorder="1" applyAlignment="1" applyProtection="1">
      <alignment vertical="center"/>
    </xf>
    <xf numFmtId="0" fontId="3" fillId="5" borderId="4" xfId="0" applyFont="1" applyFill="1" applyBorder="1" applyAlignment="1" applyProtection="1">
      <alignment vertical="center" wrapText="1"/>
    </xf>
    <xf numFmtId="0" fontId="9" fillId="5" borderId="4" xfId="0" applyFont="1" applyFill="1" applyBorder="1" applyAlignment="1" applyProtection="1">
      <alignment horizontal="center" vertical="center" wrapText="1"/>
    </xf>
    <xf numFmtId="0" fontId="3" fillId="5" borderId="0" xfId="0" applyFont="1" applyFill="1" applyAlignment="1" applyProtection="1">
      <alignment vertical="center"/>
    </xf>
    <xf numFmtId="0" fontId="3" fillId="5" borderId="11" xfId="0" applyFont="1" applyFill="1" applyBorder="1" applyAlignment="1" applyProtection="1">
      <alignment vertical="center" wrapText="1"/>
    </xf>
    <xf numFmtId="0" fontId="9" fillId="5" borderId="11" xfId="0" applyFont="1" applyFill="1" applyBorder="1" applyAlignment="1" applyProtection="1">
      <alignment horizontal="center" vertical="center" wrapText="1"/>
    </xf>
    <xf numFmtId="0" fontId="3" fillId="5" borderId="11" xfId="0" applyFont="1" applyFill="1" applyBorder="1" applyAlignment="1">
      <alignment vertical="center" wrapText="1"/>
    </xf>
    <xf numFmtId="0" fontId="4" fillId="0" borderId="0" xfId="0" applyFont="1" applyAlignment="1" applyProtection="1">
      <alignment vertical="center"/>
    </xf>
    <xf numFmtId="0" fontId="3" fillId="0" borderId="0" xfId="0" applyFont="1" applyProtection="1"/>
    <xf numFmtId="0" fontId="4" fillId="0" borderId="0" xfId="0" applyFont="1" applyBorder="1" applyAlignment="1">
      <alignment vertical="center"/>
    </xf>
    <xf numFmtId="0" fontId="6" fillId="0" borderId="0" xfId="0" applyFont="1" applyBorder="1" applyAlignment="1">
      <alignment vertical="center"/>
    </xf>
    <xf numFmtId="0" fontId="19" fillId="0" borderId="0" xfId="0" applyFont="1" applyFill="1" applyBorder="1" applyAlignment="1" applyProtection="1">
      <alignment vertical="center"/>
    </xf>
    <xf numFmtId="0" fontId="9" fillId="0" borderId="0" xfId="0" applyFont="1" applyFill="1" applyBorder="1" applyAlignment="1">
      <alignment vertical="center"/>
    </xf>
    <xf numFmtId="0" fontId="16" fillId="0" borderId="0" xfId="0" applyFont="1" applyAlignment="1">
      <alignment vertical="center"/>
    </xf>
    <xf numFmtId="0" fontId="0" fillId="0" borderId="0" xfId="0" applyBorder="1" applyAlignment="1">
      <alignment vertical="center"/>
    </xf>
    <xf numFmtId="0" fontId="3" fillId="2" borderId="1" xfId="0" applyFont="1" applyFill="1" applyBorder="1" applyAlignment="1">
      <alignment vertical="center"/>
    </xf>
    <xf numFmtId="0" fontId="9" fillId="0" borderId="0" xfId="0" applyFont="1" applyAlignment="1">
      <alignment vertical="center"/>
    </xf>
    <xf numFmtId="0" fontId="21" fillId="2" borderId="7" xfId="0" applyFont="1" applyFill="1" applyBorder="1" applyAlignment="1" applyProtection="1">
      <alignment vertical="center" wrapText="1"/>
      <protection locked="0"/>
    </xf>
    <xf numFmtId="0" fontId="20" fillId="0" borderId="0" xfId="0" applyFont="1" applyBorder="1" applyAlignment="1">
      <alignment horizontal="left" vertical="center"/>
    </xf>
    <xf numFmtId="0" fontId="9" fillId="2" borderId="0" xfId="0" applyFont="1" applyFill="1" applyBorder="1" applyAlignment="1" applyProtection="1">
      <alignment vertical="center"/>
    </xf>
    <xf numFmtId="0" fontId="3" fillId="0" borderId="0" xfId="0" applyFont="1" applyAlignment="1">
      <alignment vertical="center"/>
    </xf>
    <xf numFmtId="0" fontId="9" fillId="2" borderId="0" xfId="0" applyFont="1" applyFill="1" applyBorder="1" applyAlignment="1" applyProtection="1">
      <alignment horizontal="left" vertical="center"/>
    </xf>
    <xf numFmtId="0" fontId="3" fillId="2" borderId="0" xfId="0" applyFont="1" applyFill="1" applyBorder="1" applyAlignment="1" applyProtection="1">
      <alignment horizontal="center" vertical="center"/>
    </xf>
    <xf numFmtId="0" fontId="9" fillId="2" borderId="0" xfId="0" applyFont="1" applyFill="1" applyBorder="1" applyAlignment="1" applyProtection="1">
      <alignment vertical="center"/>
    </xf>
    <xf numFmtId="0" fontId="3" fillId="0" borderId="0" xfId="0" applyFont="1" applyAlignment="1">
      <alignment vertical="center"/>
    </xf>
    <xf numFmtId="0" fontId="9" fillId="2" borderId="0" xfId="0" applyFont="1" applyFill="1" applyBorder="1" applyAlignment="1" applyProtection="1">
      <alignment horizontal="left" vertical="center" wrapText="1"/>
    </xf>
    <xf numFmtId="0" fontId="4" fillId="0" borderId="0" xfId="0" applyFont="1" applyAlignment="1">
      <alignment vertical="center"/>
    </xf>
    <xf numFmtId="0" fontId="3" fillId="2" borderId="0" xfId="0" applyFont="1" applyFill="1" applyBorder="1" applyAlignment="1" applyProtection="1">
      <alignment horizontal="center" vertical="center"/>
    </xf>
    <xf numFmtId="0" fontId="0" fillId="7" borderId="10" xfId="0" applyFill="1" applyBorder="1"/>
    <xf numFmtId="0" fontId="0" fillId="7" borderId="11" xfId="0" applyFill="1" applyBorder="1"/>
    <xf numFmtId="0" fontId="0" fillId="7" borderId="12" xfId="0" applyFill="1" applyBorder="1"/>
    <xf numFmtId="0" fontId="0" fillId="7" borderId="1" xfId="0" applyFill="1" applyBorder="1"/>
    <xf numFmtId="0" fontId="0" fillId="7" borderId="0" xfId="0" applyFill="1" applyBorder="1"/>
    <xf numFmtId="0" fontId="0" fillId="7" borderId="2" xfId="0" applyFill="1" applyBorder="1"/>
    <xf numFmtId="0" fontId="0" fillId="7" borderId="13" xfId="0" applyFill="1" applyBorder="1"/>
    <xf numFmtId="0" fontId="0" fillId="7" borderId="4" xfId="0" applyFill="1" applyBorder="1"/>
    <xf numFmtId="0" fontId="0" fillId="7" borderId="5" xfId="0" applyFill="1" applyBorder="1"/>
    <xf numFmtId="0" fontId="22" fillId="0" borderId="0" xfId="0" applyFont="1"/>
    <xf numFmtId="0" fontId="0" fillId="0" borderId="0" xfId="0" applyAlignment="1">
      <alignment horizontal="left" vertical="center"/>
    </xf>
    <xf numFmtId="0" fontId="0" fillId="7" borderId="1" xfId="0" applyFill="1" applyBorder="1" applyAlignment="1">
      <alignment horizontal="left" vertical="center"/>
    </xf>
    <xf numFmtId="0" fontId="0" fillId="7" borderId="2" xfId="0" applyFill="1" applyBorder="1" applyAlignment="1">
      <alignment horizontal="left" vertical="center"/>
    </xf>
    <xf numFmtId="0" fontId="0" fillId="7" borderId="0" xfId="0" applyFill="1" applyBorder="1" applyAlignment="1">
      <alignment horizontal="left" indent="1"/>
    </xf>
    <xf numFmtId="0" fontId="9" fillId="7" borderId="11" xfId="0" applyFont="1" applyFill="1" applyBorder="1"/>
    <xf numFmtId="0" fontId="23" fillId="7" borderId="0" xfId="0" applyFont="1" applyFill="1" applyBorder="1"/>
    <xf numFmtId="0" fontId="9" fillId="7" borderId="0" xfId="0" applyFont="1" applyFill="1" applyBorder="1"/>
    <xf numFmtId="0" fontId="23" fillId="7" borderId="0" xfId="0" applyFont="1" applyFill="1" applyBorder="1" applyAlignment="1">
      <alignment horizontal="left" vertical="center"/>
    </xf>
    <xf numFmtId="0" fontId="9" fillId="7" borderId="4" xfId="0" applyFont="1" applyFill="1" applyBorder="1"/>
    <xf numFmtId="0" fontId="6" fillId="2" borderId="0" xfId="0" applyFont="1" applyFill="1" applyBorder="1" applyAlignment="1" applyProtection="1">
      <alignment vertical="center"/>
    </xf>
    <xf numFmtId="0" fontId="20" fillId="4" borderId="7" xfId="0" applyFont="1" applyFill="1" applyBorder="1" applyAlignment="1" applyProtection="1">
      <alignment horizontal="left" vertical="center" indent="1"/>
      <protection locked="0"/>
    </xf>
    <xf numFmtId="0" fontId="20" fillId="4" borderId="4" xfId="0" applyFont="1" applyFill="1" applyBorder="1" applyAlignment="1" applyProtection="1">
      <alignment horizontal="left" vertical="center" indent="1"/>
      <protection locked="0"/>
    </xf>
    <xf numFmtId="0" fontId="4" fillId="0" borderId="0" xfId="0" applyFont="1" applyProtection="1"/>
    <xf numFmtId="0" fontId="0" fillId="0" borderId="0" xfId="0" applyProtection="1"/>
    <xf numFmtId="0" fontId="6" fillId="0" borderId="0" xfId="0" applyFont="1" applyAlignment="1" applyProtection="1">
      <alignment vertical="center"/>
    </xf>
    <xf numFmtId="0" fontId="3" fillId="2" borderId="0" xfId="0" applyFont="1" applyFill="1" applyBorder="1" applyAlignment="1" applyProtection="1">
      <alignment horizontal="left" vertical="center" indent="1"/>
    </xf>
    <xf numFmtId="0" fontId="13" fillId="2" borderId="0" xfId="0" applyFont="1" applyFill="1" applyBorder="1" applyAlignment="1" applyProtection="1">
      <alignment vertical="center"/>
    </xf>
    <xf numFmtId="0" fontId="13" fillId="0" borderId="0" xfId="0" applyFont="1" applyAlignment="1" applyProtection="1">
      <alignment vertical="center"/>
    </xf>
    <xf numFmtId="0" fontId="3" fillId="0" borderId="0" xfId="0" applyFont="1" applyBorder="1" applyAlignment="1" applyProtection="1">
      <alignment horizontal="center" vertical="center"/>
    </xf>
    <xf numFmtId="0" fontId="3" fillId="2" borderId="0" xfId="0" applyFont="1" applyFill="1" applyBorder="1" applyAlignment="1" applyProtection="1">
      <alignment horizontal="right" vertical="center"/>
    </xf>
    <xf numFmtId="0" fontId="3" fillId="2" borderId="0" xfId="0" applyFont="1" applyFill="1" applyBorder="1" applyAlignment="1" applyProtection="1">
      <alignment vertical="center" wrapText="1"/>
    </xf>
    <xf numFmtId="0" fontId="0" fillId="0" borderId="0" xfId="0" applyAlignment="1" applyProtection="1">
      <alignment vertical="center"/>
    </xf>
    <xf numFmtId="0" fontId="3" fillId="0" borderId="0" xfId="0" applyFont="1" applyBorder="1" applyAlignment="1" applyProtection="1">
      <alignment horizontal="left" vertical="center"/>
    </xf>
    <xf numFmtId="0" fontId="3" fillId="0" borderId="1" xfId="0" applyFont="1" applyBorder="1" applyAlignment="1" applyProtection="1">
      <alignment vertical="center"/>
    </xf>
    <xf numFmtId="0" fontId="3" fillId="0" borderId="2" xfId="0" applyFont="1" applyBorder="1" applyAlignment="1" applyProtection="1">
      <alignment vertical="center"/>
    </xf>
    <xf numFmtId="0" fontId="3" fillId="0" borderId="0" xfId="0" applyFont="1" applyAlignment="1" applyProtection="1">
      <alignment vertical="top"/>
    </xf>
    <xf numFmtId="0" fontId="3" fillId="2" borderId="0" xfId="0" applyFont="1" applyFill="1" applyBorder="1" applyAlignment="1" applyProtection="1">
      <alignment vertical="top"/>
    </xf>
    <xf numFmtId="0" fontId="4" fillId="0" borderId="0" xfId="0" applyFont="1" applyAlignment="1" applyProtection="1">
      <alignment vertical="top"/>
    </xf>
    <xf numFmtId="0" fontId="3" fillId="0" borderId="0" xfId="0" applyFont="1" applyFill="1" applyAlignment="1" applyProtection="1">
      <alignment vertical="center"/>
    </xf>
    <xf numFmtId="0" fontId="3" fillId="4" borderId="0" xfId="0" applyFont="1" applyFill="1" applyAlignment="1" applyProtection="1">
      <alignment vertical="center"/>
    </xf>
    <xf numFmtId="0" fontId="3" fillId="4" borderId="0" xfId="0" applyFont="1" applyFill="1" applyBorder="1" applyAlignment="1" applyProtection="1">
      <alignment vertical="center"/>
    </xf>
    <xf numFmtId="0" fontId="3" fillId="0" borderId="0" xfId="0" applyFont="1" applyFill="1" applyAlignment="1" applyProtection="1">
      <alignment vertical="center" wrapText="1"/>
    </xf>
    <xf numFmtId="0" fontId="8" fillId="2" borderId="0" xfId="0" applyFont="1" applyFill="1" applyBorder="1" applyAlignment="1">
      <alignment horizontal="center" vertical="center"/>
    </xf>
    <xf numFmtId="0" fontId="8" fillId="2" borderId="0" xfId="0" applyFont="1" applyFill="1" applyBorder="1" applyAlignment="1">
      <alignment vertical="center"/>
    </xf>
    <xf numFmtId="0" fontId="9" fillId="0" borderId="0" xfId="0" applyFont="1" applyFill="1" applyBorder="1" applyAlignment="1" applyProtection="1">
      <alignment horizontal="left" vertical="center"/>
    </xf>
    <xf numFmtId="0" fontId="9" fillId="0" borderId="0" xfId="0" applyFont="1" applyFill="1" applyBorder="1" applyAlignment="1" applyProtection="1">
      <alignment vertical="top"/>
    </xf>
    <xf numFmtId="0" fontId="3" fillId="0" borderId="0" xfId="0" applyFont="1" applyAlignment="1" applyProtection="1">
      <alignment horizontal="left" vertical="center" indent="1"/>
    </xf>
    <xf numFmtId="0" fontId="3" fillId="0" borderId="0" xfId="0" applyFont="1" applyAlignment="1" applyProtection="1">
      <alignment horizontal="left" vertical="center" indent="2"/>
    </xf>
    <xf numFmtId="0" fontId="0" fillId="0" borderId="0" xfId="0" applyAlignment="1">
      <alignment horizontal="left"/>
    </xf>
    <xf numFmtId="0" fontId="3" fillId="2" borderId="0" xfId="0" applyFont="1" applyFill="1" applyBorder="1" applyAlignment="1" applyProtection="1">
      <alignment horizontal="left" vertical="center" wrapText="1"/>
    </xf>
    <xf numFmtId="0" fontId="3" fillId="5" borderId="0" xfId="0" applyFont="1" applyFill="1" applyBorder="1" applyAlignment="1" applyProtection="1">
      <alignment horizontal="left" vertical="top" wrapText="1"/>
    </xf>
    <xf numFmtId="0" fontId="3" fillId="2" borderId="0" xfId="0" applyFont="1" applyFill="1" applyBorder="1" applyAlignment="1" applyProtection="1">
      <alignment horizontal="center" vertical="center"/>
    </xf>
    <xf numFmtId="0" fontId="3" fillId="5" borderId="1" xfId="0" applyFont="1" applyFill="1" applyBorder="1"/>
    <xf numFmtId="0" fontId="3" fillId="5" borderId="0" xfId="0" applyFont="1" applyFill="1" applyBorder="1"/>
    <xf numFmtId="0" fontId="3" fillId="5" borderId="0" xfId="0" applyFont="1" applyFill="1" applyBorder="1" applyAlignment="1">
      <alignment horizontal="left"/>
    </xf>
    <xf numFmtId="0" fontId="3" fillId="5" borderId="0" xfId="0" applyFont="1" applyFill="1" applyBorder="1" applyAlignment="1">
      <alignment vertical="center"/>
    </xf>
    <xf numFmtId="0" fontId="3" fillId="5" borderId="2" xfId="0" applyFont="1" applyFill="1" applyBorder="1" applyAlignment="1">
      <alignment vertical="center"/>
    </xf>
    <xf numFmtId="7" fontId="3" fillId="0" borderId="0" xfId="0" applyNumberFormat="1" applyFont="1" applyFill="1" applyBorder="1" applyAlignment="1" applyProtection="1">
      <alignment vertical="center"/>
    </xf>
    <xf numFmtId="0" fontId="9" fillId="0" borderId="0" xfId="0" applyFont="1" applyAlignment="1" applyProtection="1">
      <alignment vertical="center"/>
    </xf>
    <xf numFmtId="0" fontId="3" fillId="0" borderId="0" xfId="0" applyFont="1" applyFill="1" applyBorder="1" applyAlignment="1" applyProtection="1">
      <alignment horizontal="left" vertical="center" wrapText="1" indent="1"/>
    </xf>
    <xf numFmtId="0" fontId="9" fillId="0" borderId="0" xfId="0" applyFont="1" applyAlignment="1" applyProtection="1">
      <alignment horizontal="left" vertical="center" indent="1"/>
    </xf>
    <xf numFmtId="0" fontId="9" fillId="0" borderId="0" xfId="0" applyFont="1" applyFill="1" applyAlignment="1" applyProtection="1">
      <alignment vertical="center"/>
    </xf>
    <xf numFmtId="0" fontId="3" fillId="0" borderId="0" xfId="0" applyFont="1" applyFill="1" applyProtection="1"/>
    <xf numFmtId="0" fontId="13" fillId="0" borderId="0" xfId="0" applyFont="1" applyFill="1" applyBorder="1" applyAlignment="1" applyProtection="1">
      <alignment horizontal="left" vertical="center" indent="1"/>
    </xf>
    <xf numFmtId="0" fontId="3" fillId="0" borderId="7" xfId="0" applyFont="1" applyFill="1" applyBorder="1" applyAlignment="1" applyProtection="1">
      <alignment vertical="center"/>
    </xf>
    <xf numFmtId="0" fontId="13" fillId="0" borderId="0" xfId="0" applyFont="1" applyFill="1" applyBorder="1" applyAlignment="1" applyProtection="1">
      <alignment vertical="center"/>
    </xf>
    <xf numFmtId="0" fontId="3" fillId="0" borderId="7" xfId="0" applyFont="1" applyFill="1" applyBorder="1" applyProtection="1"/>
    <xf numFmtId="0" fontId="25" fillId="0" borderId="0" xfId="0" quotePrefix="1" applyFont="1" applyFill="1" applyAlignment="1" applyProtection="1">
      <alignment horizontal="center"/>
    </xf>
    <xf numFmtId="0" fontId="3" fillId="5" borderId="11" xfId="0" applyFont="1" applyFill="1" applyBorder="1"/>
    <xf numFmtId="0" fontId="3" fillId="5" borderId="11" xfId="0" applyFont="1" applyFill="1" applyBorder="1" applyAlignment="1">
      <alignment vertical="center"/>
    </xf>
    <xf numFmtId="0" fontId="3" fillId="5" borderId="12" xfId="0" applyFont="1" applyFill="1" applyBorder="1" applyAlignment="1">
      <alignment vertical="center"/>
    </xf>
    <xf numFmtId="0" fontId="3" fillId="4" borderId="7" xfId="0" applyFont="1" applyFill="1" applyBorder="1" applyAlignment="1" applyProtection="1">
      <protection locked="0"/>
    </xf>
    <xf numFmtId="0" fontId="3" fillId="5" borderId="4" xfId="0" applyFont="1" applyFill="1" applyBorder="1"/>
    <xf numFmtId="0" fontId="3" fillId="5" borderId="4" xfId="0" applyFont="1" applyFill="1" applyBorder="1" applyAlignment="1">
      <alignment vertical="center"/>
    </xf>
    <xf numFmtId="0" fontId="3" fillId="5" borderId="5" xfId="0" applyFont="1" applyFill="1" applyBorder="1" applyAlignment="1">
      <alignment vertical="center"/>
    </xf>
    <xf numFmtId="0" fontId="3" fillId="5" borderId="10" xfId="0" applyFont="1" applyFill="1" applyBorder="1"/>
    <xf numFmtId="0" fontId="3" fillId="5" borderId="2" xfId="0" applyFont="1" applyFill="1" applyBorder="1"/>
    <xf numFmtId="0" fontId="3" fillId="5" borderId="5" xfId="0" applyFont="1" applyFill="1" applyBorder="1"/>
    <xf numFmtId="0" fontId="3" fillId="5" borderId="13" xfId="0" applyFont="1" applyFill="1" applyBorder="1"/>
    <xf numFmtId="0" fontId="3" fillId="0" borderId="7" xfId="0" applyFont="1" applyBorder="1" applyProtection="1"/>
    <xf numFmtId="0" fontId="3" fillId="0" borderId="7" xfId="0" applyFont="1" applyBorder="1" applyAlignment="1" applyProtection="1">
      <alignment vertical="center"/>
    </xf>
    <xf numFmtId="0" fontId="9" fillId="0" borderId="0" xfId="0" quotePrefix="1" applyFont="1" applyAlignment="1" applyProtection="1">
      <alignment horizontal="center" vertical="center"/>
    </xf>
    <xf numFmtId="0" fontId="3" fillId="2" borderId="0" xfId="0" applyFont="1" applyFill="1" applyBorder="1" applyAlignment="1" applyProtection="1">
      <alignment horizontal="center" vertical="center" wrapText="1"/>
    </xf>
    <xf numFmtId="0" fontId="26" fillId="0" borderId="0" xfId="0" applyFont="1" applyAlignment="1">
      <alignment vertical="center"/>
    </xf>
    <xf numFmtId="0" fontId="24" fillId="0" borderId="0" xfId="0" applyFont="1" applyFill="1" applyBorder="1" applyAlignment="1" applyProtection="1">
      <alignment vertical="center"/>
    </xf>
    <xf numFmtId="0" fontId="3" fillId="0" borderId="0" xfId="0" applyFont="1" applyFill="1" applyBorder="1" applyAlignment="1" applyProtection="1">
      <alignment horizontal="left" vertical="center" indent="2"/>
    </xf>
    <xf numFmtId="0" fontId="9" fillId="0" borderId="0" xfId="0" applyFont="1" applyFill="1" applyBorder="1" applyAlignment="1" applyProtection="1">
      <alignment horizontal="left" vertical="center" indent="2"/>
    </xf>
    <xf numFmtId="0" fontId="3" fillId="0" borderId="0" xfId="0" applyFont="1" applyBorder="1" applyAlignment="1">
      <alignment horizontal="left" vertical="center"/>
    </xf>
    <xf numFmtId="0" fontId="1" fillId="0" borderId="0" xfId="0" applyFont="1" applyAlignment="1">
      <alignment horizontal="left" vertical="center"/>
    </xf>
    <xf numFmtId="0" fontId="3" fillId="2" borderId="0" xfId="0" applyFont="1" applyFill="1" applyBorder="1" applyAlignment="1" applyProtection="1">
      <alignment horizontal="center" vertical="center"/>
    </xf>
    <xf numFmtId="0" fontId="3" fillId="0" borderId="0" xfId="0" applyFont="1" applyFill="1" applyBorder="1" applyAlignment="1" applyProtection="1">
      <alignment horizontal="left" vertical="center" indent="1"/>
    </xf>
    <xf numFmtId="0" fontId="9" fillId="2" borderId="0" xfId="0" applyFont="1" applyFill="1" applyBorder="1" applyAlignment="1" applyProtection="1">
      <alignment horizontal="left" vertical="center" wrapText="1" indent="1"/>
    </xf>
    <xf numFmtId="0" fontId="9" fillId="0" borderId="0" xfId="0" applyFont="1" applyAlignment="1">
      <alignment vertical="top" wrapText="1"/>
    </xf>
    <xf numFmtId="0" fontId="3" fillId="0" borderId="0" xfId="0" applyFont="1" applyAlignment="1">
      <alignment horizontal="left" vertical="center" indent="1"/>
    </xf>
    <xf numFmtId="0" fontId="16" fillId="0" borderId="0" xfId="0" applyFont="1" applyAlignment="1">
      <alignment horizontal="left" vertical="center" indent="1"/>
    </xf>
    <xf numFmtId="0" fontId="0" fillId="0" borderId="0" xfId="0" applyAlignment="1">
      <alignment horizontal="left" indent="1"/>
    </xf>
    <xf numFmtId="0" fontId="3" fillId="2" borderId="0" xfId="0" applyFont="1" applyFill="1" applyBorder="1" applyAlignment="1" applyProtection="1">
      <alignment horizontal="center" vertical="center"/>
    </xf>
    <xf numFmtId="0" fontId="3" fillId="2" borderId="0" xfId="0" applyFont="1" applyFill="1" applyBorder="1" applyAlignment="1" applyProtection="1">
      <alignment horizontal="center" vertical="center"/>
    </xf>
    <xf numFmtId="0" fontId="3" fillId="7" borderId="2" xfId="0" applyFont="1" applyFill="1" applyBorder="1" applyAlignment="1">
      <alignment horizontal="left" vertical="center"/>
    </xf>
    <xf numFmtId="0" fontId="3" fillId="5" borderId="0" xfId="0" applyFont="1" applyFill="1" applyBorder="1" applyAlignment="1" applyProtection="1">
      <alignment horizontal="center" vertical="center"/>
    </xf>
    <xf numFmtId="0" fontId="3" fillId="0" borderId="7" xfId="0" applyFont="1" applyBorder="1" applyAlignment="1" applyProtection="1">
      <alignment horizontal="center" vertical="center"/>
      <protection locked="0"/>
    </xf>
    <xf numFmtId="0" fontId="3" fillId="5" borderId="0" xfId="0" applyFont="1" applyFill="1" applyAlignment="1" applyProtection="1">
      <alignment horizontal="center" vertical="center"/>
    </xf>
    <xf numFmtId="0" fontId="3" fillId="4" borderId="7" xfId="0" applyFont="1" applyFill="1" applyBorder="1" applyAlignment="1" applyProtection="1">
      <alignment horizontal="center" vertical="center"/>
      <protection locked="0"/>
    </xf>
    <xf numFmtId="0" fontId="3" fillId="5" borderId="0" xfId="0" applyFont="1" applyFill="1" applyBorder="1" applyAlignment="1">
      <alignment horizontal="center" vertical="center"/>
    </xf>
    <xf numFmtId="0" fontId="3" fillId="4" borderId="9" xfId="0" applyFont="1" applyFill="1" applyBorder="1" applyAlignment="1" applyProtection="1">
      <alignment horizontal="center" vertical="center"/>
      <protection locked="0"/>
    </xf>
    <xf numFmtId="0" fontId="3" fillId="5" borderId="0" xfId="0" applyFont="1" applyFill="1" applyBorder="1" applyAlignment="1" applyProtection="1">
      <alignment horizontal="center" vertical="center" wrapText="1"/>
    </xf>
    <xf numFmtId="0" fontId="3" fillId="5" borderId="0" xfId="0" applyFont="1" applyFill="1" applyAlignment="1">
      <alignment vertical="center"/>
    </xf>
    <xf numFmtId="0" fontId="3" fillId="5" borderId="0" xfId="0" applyFont="1" applyFill="1" applyAlignment="1">
      <alignment horizontal="left" vertical="center" indent="1"/>
    </xf>
    <xf numFmtId="0" fontId="3" fillId="5" borderId="0" xfId="0" applyFont="1" applyFill="1" applyAlignment="1" applyProtection="1">
      <alignment horizontal="left" vertical="center" indent="1"/>
    </xf>
    <xf numFmtId="0" fontId="3" fillId="5" borderId="0" xfId="0" applyFont="1" applyFill="1" applyBorder="1" applyAlignment="1" applyProtection="1">
      <alignment horizontal="left" vertical="center" indent="1"/>
    </xf>
    <xf numFmtId="0" fontId="3" fillId="0" borderId="0" xfId="0" applyFont="1" applyAlignment="1">
      <alignment horizontal="center"/>
    </xf>
    <xf numFmtId="0" fontId="3" fillId="0" borderId="0" xfId="0" applyFont="1" applyAlignment="1" applyProtection="1">
      <alignment horizontal="center" vertical="center"/>
    </xf>
    <xf numFmtId="0" fontId="3" fillId="0" borderId="7" xfId="0" applyFont="1" applyFill="1" applyBorder="1" applyAlignment="1" applyProtection="1">
      <alignment horizontal="center" vertical="center"/>
      <protection locked="0"/>
    </xf>
    <xf numFmtId="164" fontId="3" fillId="2" borderId="7" xfId="0" applyNumberFormat="1" applyFont="1" applyFill="1" applyBorder="1" applyAlignment="1" applyProtection="1">
      <alignment horizontal="center" vertical="center"/>
      <protection locked="0"/>
    </xf>
    <xf numFmtId="164" fontId="3" fillId="2" borderId="0" xfId="0" applyNumberFormat="1" applyFont="1" applyFill="1" applyBorder="1" applyAlignment="1" applyProtection="1">
      <alignment horizontal="center" vertical="center"/>
    </xf>
    <xf numFmtId="0" fontId="3" fillId="0" borderId="0" xfId="0" applyFont="1" applyFill="1" applyAlignment="1" applyProtection="1">
      <alignment horizontal="left" vertical="center" indent="1"/>
    </xf>
    <xf numFmtId="0" fontId="3" fillId="0" borderId="0" xfId="0" applyFont="1" applyBorder="1" applyAlignment="1" applyProtection="1">
      <alignment horizontal="left" vertical="center" indent="1"/>
    </xf>
    <xf numFmtId="0" fontId="28" fillId="0" borderId="0" xfId="0" applyFont="1" applyFill="1" applyBorder="1" applyAlignment="1" applyProtection="1">
      <alignment vertical="center"/>
    </xf>
    <xf numFmtId="3" fontId="3" fillId="0" borderId="0" xfId="0" applyNumberFormat="1" applyFont="1" applyAlignment="1" applyProtection="1">
      <alignment horizontal="left" vertical="center" indent="1"/>
    </xf>
    <xf numFmtId="3" fontId="3" fillId="2" borderId="0" xfId="0" applyNumberFormat="1" applyFont="1" applyFill="1" applyBorder="1" applyAlignment="1" applyProtection="1">
      <alignment horizontal="left" vertical="center" indent="1"/>
    </xf>
    <xf numFmtId="0" fontId="9" fillId="0" borderId="0" xfId="0" applyFont="1" applyFill="1" applyBorder="1" applyAlignment="1" applyProtection="1">
      <alignment horizontal="left" vertical="center" wrapText="1"/>
    </xf>
    <xf numFmtId="0" fontId="3" fillId="0" borderId="0" xfId="0" applyFont="1" applyFill="1" applyBorder="1" applyAlignment="1" applyProtection="1">
      <alignment horizontal="left" vertical="center" wrapText="1"/>
    </xf>
    <xf numFmtId="0" fontId="17" fillId="0" borderId="6" xfId="0" applyFont="1" applyBorder="1" applyAlignment="1" applyProtection="1">
      <alignment horizontal="left" vertical="center"/>
    </xf>
    <xf numFmtId="0" fontId="12" fillId="3" borderId="8" xfId="0" applyFont="1" applyFill="1" applyBorder="1" applyAlignment="1" applyProtection="1">
      <alignment horizontal="center" vertical="center" wrapText="1"/>
    </xf>
    <xf numFmtId="0" fontId="12" fillId="3" borderId="3" xfId="0" applyFont="1" applyFill="1" applyBorder="1" applyAlignment="1" applyProtection="1">
      <alignment horizontal="center" vertical="center" wrapText="1"/>
    </xf>
    <xf numFmtId="0" fontId="12" fillId="3" borderId="9" xfId="0" applyFont="1" applyFill="1" applyBorder="1" applyAlignment="1" applyProtection="1">
      <alignment horizontal="center" vertical="center" wrapText="1"/>
    </xf>
    <xf numFmtId="0" fontId="9" fillId="0" borderId="0" xfId="0" applyFont="1" applyFill="1" applyBorder="1" applyAlignment="1" applyProtection="1">
      <alignment horizontal="left" vertical="top" wrapText="1"/>
    </xf>
    <xf numFmtId="0" fontId="7" fillId="0" borderId="0" xfId="0" applyFont="1" applyBorder="1" applyAlignment="1" applyProtection="1">
      <alignment horizontal="left" vertical="center"/>
    </xf>
    <xf numFmtId="0" fontId="3" fillId="0" borderId="8" xfId="0" applyFont="1" applyBorder="1" applyAlignment="1" applyProtection="1">
      <alignment horizontal="left" vertical="center" indent="1"/>
    </xf>
    <xf numFmtId="0" fontId="3" fillId="0" borderId="3" xfId="0" applyFont="1" applyBorder="1" applyAlignment="1" applyProtection="1">
      <alignment horizontal="left" vertical="center" indent="1"/>
    </xf>
    <xf numFmtId="0" fontId="3" fillId="0" borderId="9" xfId="0" applyFont="1" applyBorder="1" applyAlignment="1" applyProtection="1">
      <alignment horizontal="left" vertical="center" indent="1"/>
    </xf>
    <xf numFmtId="0" fontId="3" fillId="2" borderId="8" xfId="0" applyFont="1" applyFill="1" applyBorder="1" applyAlignment="1" applyProtection="1">
      <alignment horizontal="left" vertical="center" indent="1"/>
    </xf>
    <xf numFmtId="0" fontId="3" fillId="2" borderId="3" xfId="0" applyFont="1" applyFill="1" applyBorder="1" applyAlignment="1" applyProtection="1">
      <alignment horizontal="left" vertical="center" indent="1"/>
    </xf>
    <xf numFmtId="0" fontId="3" fillId="2" borderId="9" xfId="0" applyFont="1" applyFill="1" applyBorder="1" applyAlignment="1" applyProtection="1">
      <alignment horizontal="left" vertical="center" indent="1"/>
    </xf>
    <xf numFmtId="0" fontId="18" fillId="3" borderId="1" xfId="0" applyFont="1" applyFill="1" applyBorder="1" applyAlignment="1" applyProtection="1">
      <alignment horizontal="center" vertical="center"/>
    </xf>
    <xf numFmtId="0" fontId="18" fillId="3" borderId="0" xfId="0" applyFont="1" applyFill="1" applyBorder="1" applyAlignment="1" applyProtection="1">
      <alignment horizontal="center" vertical="center"/>
    </xf>
    <xf numFmtId="0" fontId="3" fillId="0" borderId="0" xfId="0" applyFont="1" applyFill="1" applyBorder="1" applyAlignment="1" applyProtection="1">
      <alignment horizontal="center" vertical="center"/>
    </xf>
    <xf numFmtId="0" fontId="3" fillId="2" borderId="0" xfId="0" applyFont="1" applyFill="1" applyBorder="1" applyAlignment="1" applyProtection="1">
      <alignment horizontal="left" vertical="top" wrapText="1"/>
    </xf>
    <xf numFmtId="0" fontId="28" fillId="0" borderId="0" xfId="0" applyFont="1" applyFill="1" applyBorder="1" applyAlignment="1" applyProtection="1">
      <alignment horizontal="left" vertical="center" wrapText="1"/>
    </xf>
    <xf numFmtId="0" fontId="3" fillId="2" borderId="8" xfId="0" applyFont="1" applyFill="1" applyBorder="1" applyAlignment="1" applyProtection="1">
      <alignment horizontal="left" vertical="center" indent="2"/>
    </xf>
    <xf numFmtId="0" fontId="3" fillId="2" borderId="3" xfId="0" applyFont="1" applyFill="1" applyBorder="1" applyAlignment="1" applyProtection="1">
      <alignment horizontal="left" vertical="center" indent="2"/>
    </xf>
    <xf numFmtId="0" fontId="3" fillId="2" borderId="9" xfId="0" applyFont="1" applyFill="1" applyBorder="1" applyAlignment="1" applyProtection="1">
      <alignment horizontal="left" vertical="center" indent="2"/>
    </xf>
    <xf numFmtId="0" fontId="3" fillId="0" borderId="8" xfId="0" applyFont="1" applyFill="1" applyBorder="1" applyAlignment="1" applyProtection="1">
      <alignment horizontal="left"/>
    </xf>
    <xf numFmtId="0" fontId="3" fillId="0" borderId="3" xfId="0" applyFont="1" applyFill="1" applyBorder="1" applyAlignment="1" applyProtection="1">
      <alignment horizontal="left"/>
    </xf>
    <xf numFmtId="0" fontId="3" fillId="0" borderId="9" xfId="0" applyFont="1" applyFill="1" applyBorder="1" applyAlignment="1" applyProtection="1">
      <alignment horizontal="left"/>
    </xf>
    <xf numFmtId="0" fontId="0" fillId="0" borderId="8" xfId="0" applyBorder="1" applyAlignment="1">
      <alignment horizontal="left" indent="1"/>
    </xf>
    <xf numFmtId="0" fontId="0" fillId="0" borderId="3" xfId="0" applyBorder="1" applyAlignment="1">
      <alignment horizontal="left" indent="1"/>
    </xf>
    <xf numFmtId="0" fontId="0" fillId="0" borderId="9" xfId="0" applyBorder="1" applyAlignment="1">
      <alignment horizontal="left" indent="1"/>
    </xf>
    <xf numFmtId="0" fontId="23" fillId="3" borderId="8" xfId="0" applyFont="1" applyFill="1" applyBorder="1" applyAlignment="1" applyProtection="1">
      <alignment horizontal="center" vertical="center"/>
    </xf>
    <xf numFmtId="0" fontId="23" fillId="3" borderId="3" xfId="0" applyFont="1" applyFill="1" applyBorder="1" applyAlignment="1" applyProtection="1">
      <alignment horizontal="center" vertical="center"/>
    </xf>
    <xf numFmtId="0" fontId="23" fillId="3" borderId="9" xfId="0" applyFont="1" applyFill="1" applyBorder="1" applyAlignment="1" applyProtection="1">
      <alignment horizontal="center" vertical="center"/>
    </xf>
    <xf numFmtId="0" fontId="17" fillId="0" borderId="0" xfId="0" applyFont="1" applyBorder="1" applyAlignment="1" applyProtection="1">
      <alignment horizontal="left" vertical="center"/>
    </xf>
    <xf numFmtId="0" fontId="13" fillId="5" borderId="0" xfId="0" applyFont="1" applyFill="1" applyBorder="1" applyAlignment="1" applyProtection="1">
      <alignment horizontal="center" vertical="center" wrapText="1"/>
    </xf>
    <xf numFmtId="0" fontId="3" fillId="0" borderId="8" xfId="0" applyFont="1" applyBorder="1" applyAlignment="1" applyProtection="1">
      <alignment horizontal="center" vertical="center"/>
    </xf>
    <xf numFmtId="0" fontId="3" fillId="0" borderId="3" xfId="0" applyFont="1" applyBorder="1" applyAlignment="1" applyProtection="1">
      <alignment horizontal="center" vertical="center"/>
    </xf>
    <xf numFmtId="0" fontId="3" fillId="0" borderId="9" xfId="0" applyFont="1" applyBorder="1" applyAlignment="1" applyProtection="1">
      <alignment horizontal="center" vertical="center"/>
    </xf>
    <xf numFmtId="0" fontId="3" fillId="2" borderId="0" xfId="0" applyFont="1" applyFill="1" applyBorder="1" applyAlignment="1" applyProtection="1">
      <alignment horizontal="left" vertical="center" wrapText="1"/>
    </xf>
    <xf numFmtId="0" fontId="3" fillId="0" borderId="8" xfId="0" applyFont="1" applyFill="1" applyBorder="1" applyAlignment="1" applyProtection="1">
      <alignment horizontal="left" vertical="center" indent="1"/>
    </xf>
    <xf numFmtId="0" fontId="3" fillId="0" borderId="3" xfId="0" applyFont="1" applyFill="1" applyBorder="1" applyAlignment="1" applyProtection="1">
      <alignment horizontal="left" vertical="center" indent="1"/>
    </xf>
    <xf numFmtId="0" fontId="3" fillId="0" borderId="9" xfId="0" applyFont="1" applyFill="1" applyBorder="1" applyAlignment="1" applyProtection="1">
      <alignment horizontal="left" vertical="center" indent="1"/>
    </xf>
    <xf numFmtId="0" fontId="3" fillId="0" borderId="8" xfId="0" applyFont="1" applyFill="1" applyBorder="1" applyAlignment="1" applyProtection="1">
      <alignment horizontal="left" vertical="center"/>
    </xf>
    <xf numFmtId="0" fontId="3" fillId="0" borderId="3" xfId="0" applyFont="1" applyFill="1" applyBorder="1" applyAlignment="1" applyProtection="1">
      <alignment horizontal="left" vertical="center"/>
    </xf>
    <xf numFmtId="0" fontId="3" fillId="0" borderId="9" xfId="0" applyFont="1" applyFill="1" applyBorder="1" applyAlignment="1" applyProtection="1">
      <alignment horizontal="left" vertical="center"/>
    </xf>
    <xf numFmtId="0" fontId="13" fillId="5" borderId="0" xfId="0" applyFont="1" applyFill="1" applyBorder="1" applyAlignment="1" applyProtection="1">
      <alignment horizontal="center" vertical="top" wrapText="1"/>
    </xf>
    <xf numFmtId="0" fontId="19" fillId="3" borderId="1" xfId="0" applyFont="1" applyFill="1" applyBorder="1" applyAlignment="1" applyProtection="1">
      <alignment horizontal="center" vertical="center"/>
    </xf>
    <xf numFmtId="0" fontId="19" fillId="3" borderId="0" xfId="0" applyFont="1" applyFill="1" applyBorder="1" applyAlignment="1" applyProtection="1">
      <alignment horizontal="center" vertical="center"/>
    </xf>
    <xf numFmtId="0" fontId="3" fillId="0" borderId="8" xfId="0" applyFont="1" applyBorder="1" applyAlignment="1" applyProtection="1">
      <alignment horizontal="left" vertical="center"/>
    </xf>
    <xf numFmtId="0" fontId="3" fillId="0" borderId="3" xfId="0" applyFont="1" applyBorder="1" applyAlignment="1" applyProtection="1">
      <alignment horizontal="left" vertical="center"/>
    </xf>
    <xf numFmtId="0" fontId="3" fillId="0" borderId="9" xfId="0" applyFont="1" applyBorder="1" applyAlignment="1" applyProtection="1">
      <alignment horizontal="left" vertical="center"/>
    </xf>
    <xf numFmtId="0" fontId="0" fillId="0" borderId="8" xfId="0" applyBorder="1" applyAlignment="1">
      <alignment horizontal="left" vertical="center"/>
    </xf>
    <xf numFmtId="0" fontId="0" fillId="0" borderId="3" xfId="0" applyBorder="1" applyAlignment="1">
      <alignment horizontal="left" vertical="center"/>
    </xf>
    <xf numFmtId="0" fontId="0" fillId="0" borderId="9" xfId="0" applyBorder="1" applyAlignment="1">
      <alignment horizontal="left" vertical="center"/>
    </xf>
    <xf numFmtId="0" fontId="20" fillId="2" borderId="8" xfId="0" applyFont="1" applyFill="1" applyBorder="1" applyAlignment="1" applyProtection="1">
      <alignment horizontal="left" vertical="top" wrapText="1" indent="1"/>
      <protection locked="0"/>
    </xf>
    <xf numFmtId="0" fontId="20" fillId="0" borderId="3" xfId="0" applyFont="1" applyBorder="1" applyAlignment="1" applyProtection="1">
      <alignment horizontal="left" vertical="top" wrapText="1" indent="1"/>
      <protection locked="0"/>
    </xf>
    <xf numFmtId="0" fontId="20" fillId="0" borderId="9" xfId="0" applyFont="1" applyBorder="1" applyAlignment="1" applyProtection="1">
      <alignment horizontal="left" vertical="top" wrapText="1" indent="1"/>
      <protection locked="0"/>
    </xf>
    <xf numFmtId="3" fontId="3" fillId="0" borderId="8" xfId="0" applyNumberFormat="1" applyFont="1" applyFill="1" applyBorder="1" applyAlignment="1" applyProtection="1">
      <alignment horizontal="left" vertical="center" indent="1"/>
      <protection locked="0"/>
    </xf>
    <xf numFmtId="3" fontId="3" fillId="0" borderId="3" xfId="0" applyNumberFormat="1" applyFont="1" applyFill="1" applyBorder="1" applyAlignment="1" applyProtection="1">
      <alignment horizontal="left" vertical="center" indent="1"/>
      <protection locked="0"/>
    </xf>
    <xf numFmtId="3" fontId="3" fillId="0" borderId="9" xfId="0" applyNumberFormat="1" applyFont="1" applyFill="1" applyBorder="1" applyAlignment="1" applyProtection="1">
      <alignment horizontal="left" vertical="center" indent="1"/>
      <protection locked="0"/>
    </xf>
    <xf numFmtId="0" fontId="23" fillId="3" borderId="0" xfId="0" applyFont="1" applyFill="1" applyBorder="1" applyAlignment="1" applyProtection="1">
      <alignment horizontal="center" vertical="center"/>
    </xf>
    <xf numFmtId="0" fontId="3" fillId="4" borderId="8" xfId="0" applyFont="1" applyFill="1" applyBorder="1" applyAlignment="1" applyProtection="1">
      <alignment horizontal="center" vertical="center"/>
      <protection locked="0"/>
    </xf>
    <xf numFmtId="0" fontId="3" fillId="4" borderId="3" xfId="0" applyFont="1" applyFill="1" applyBorder="1" applyAlignment="1" applyProtection="1">
      <alignment horizontal="center" vertical="center"/>
      <protection locked="0"/>
    </xf>
    <xf numFmtId="0" fontId="3" fillId="4" borderId="9" xfId="0" applyFont="1" applyFill="1" applyBorder="1" applyAlignment="1" applyProtection="1">
      <alignment horizontal="center" vertical="center"/>
      <protection locked="0"/>
    </xf>
    <xf numFmtId="164" fontId="3" fillId="0" borderId="8" xfId="0" applyNumberFormat="1" applyFont="1" applyBorder="1" applyAlignment="1" applyProtection="1">
      <alignment horizontal="left" vertical="center" indent="1"/>
      <protection locked="0"/>
    </xf>
    <xf numFmtId="164" fontId="3" fillId="0" borderId="3" xfId="0" applyNumberFormat="1" applyFont="1" applyBorder="1" applyAlignment="1" applyProtection="1">
      <alignment horizontal="left" vertical="center" indent="1"/>
      <protection locked="0"/>
    </xf>
    <xf numFmtId="164" fontId="3" fillId="0" borderId="9" xfId="0" applyNumberFormat="1" applyFont="1" applyBorder="1" applyAlignment="1" applyProtection="1">
      <alignment horizontal="left" vertical="center" indent="1"/>
      <protection locked="0"/>
    </xf>
    <xf numFmtId="0" fontId="23" fillId="3" borderId="14" xfId="0" applyFont="1" applyFill="1" applyBorder="1" applyAlignment="1" applyProtection="1">
      <alignment horizontal="center" vertical="center"/>
    </xf>
    <xf numFmtId="0" fontId="23" fillId="3" borderId="15" xfId="0" applyFont="1" applyFill="1" applyBorder="1" applyAlignment="1" applyProtection="1">
      <alignment horizontal="center" vertical="center"/>
    </xf>
    <xf numFmtId="0" fontId="23" fillId="3" borderId="16" xfId="0" applyFont="1" applyFill="1" applyBorder="1" applyAlignment="1" applyProtection="1">
      <alignment horizontal="center" vertical="center"/>
    </xf>
    <xf numFmtId="0" fontId="3" fillId="5" borderId="0" xfId="0" applyFont="1" applyFill="1" applyBorder="1" applyAlignment="1" applyProtection="1">
      <alignment horizontal="left" vertical="top" wrapText="1"/>
    </xf>
    <xf numFmtId="0" fontId="3" fillId="2" borderId="0" xfId="0" applyFont="1" applyFill="1" applyBorder="1" applyAlignment="1" applyProtection="1">
      <alignment horizontal="center" vertical="center"/>
    </xf>
    <xf numFmtId="0" fontId="3" fillId="4" borderId="8" xfId="0" applyFont="1" applyFill="1" applyBorder="1" applyAlignment="1" applyProtection="1">
      <alignment horizontal="left" vertical="center" indent="1"/>
      <protection locked="0"/>
    </xf>
    <xf numFmtId="0" fontId="3" fillId="4" borderId="3" xfId="0" applyFont="1" applyFill="1" applyBorder="1" applyAlignment="1" applyProtection="1">
      <alignment horizontal="left" vertical="center" indent="1"/>
      <protection locked="0"/>
    </xf>
    <xf numFmtId="0" fontId="3" fillId="4" borderId="9" xfId="0" applyFont="1" applyFill="1" applyBorder="1" applyAlignment="1" applyProtection="1">
      <alignment horizontal="left" vertical="center" indent="1"/>
      <protection locked="0"/>
    </xf>
    <xf numFmtId="0" fontId="3" fillId="5" borderId="0" xfId="0" applyFont="1" applyFill="1" applyBorder="1" applyAlignment="1">
      <alignment horizontal="left" vertical="top" wrapText="1"/>
    </xf>
    <xf numFmtId="0" fontId="12" fillId="6" borderId="0" xfId="0" applyFont="1" applyFill="1" applyBorder="1" applyAlignment="1">
      <alignment horizontal="center" vertical="center"/>
    </xf>
    <xf numFmtId="0" fontId="20" fillId="0" borderId="8" xfId="0" applyFont="1" applyBorder="1" applyAlignment="1" applyProtection="1">
      <alignment horizontal="left" vertical="center" indent="1"/>
      <protection locked="0"/>
    </xf>
    <xf numFmtId="0" fontId="20" fillId="0" borderId="3" xfId="0" applyFont="1" applyBorder="1" applyAlignment="1" applyProtection="1">
      <alignment horizontal="left" vertical="center" indent="1"/>
      <protection locked="0"/>
    </xf>
    <xf numFmtId="0" fontId="20" fillId="0" borderId="9" xfId="0" applyFont="1" applyBorder="1" applyAlignment="1" applyProtection="1">
      <alignment horizontal="left" vertical="center" indent="1"/>
      <protection locked="0"/>
    </xf>
    <xf numFmtId="0" fontId="12" fillId="6" borderId="8" xfId="0" applyFont="1" applyFill="1" applyBorder="1" applyAlignment="1">
      <alignment horizontal="center" vertical="center"/>
    </xf>
    <xf numFmtId="0" fontId="12" fillId="6" borderId="3" xfId="0" applyFont="1" applyFill="1" applyBorder="1" applyAlignment="1">
      <alignment horizontal="center" vertical="center"/>
    </xf>
    <xf numFmtId="0" fontId="12" fillId="6" borderId="9" xfId="0" applyFont="1" applyFill="1" applyBorder="1" applyAlignment="1">
      <alignment horizontal="center" vertical="center"/>
    </xf>
    <xf numFmtId="165" fontId="20" fillId="0" borderId="8" xfId="0" applyNumberFormat="1" applyFont="1" applyBorder="1" applyAlignment="1" applyProtection="1">
      <alignment horizontal="left" vertical="center" indent="1"/>
      <protection locked="0"/>
    </xf>
    <xf numFmtId="165" fontId="20" fillId="0" borderId="3" xfId="0" applyNumberFormat="1" applyFont="1" applyBorder="1" applyAlignment="1" applyProtection="1">
      <alignment horizontal="left" vertical="center" indent="1"/>
      <protection locked="0"/>
    </xf>
    <xf numFmtId="165" fontId="20" fillId="0" borderId="9" xfId="0" applyNumberFormat="1" applyFont="1" applyBorder="1" applyAlignment="1" applyProtection="1">
      <alignment horizontal="left" vertical="center" indent="1"/>
      <protection locked="0"/>
    </xf>
    <xf numFmtId="0" fontId="20" fillId="0" borderId="8" xfId="0" applyNumberFormat="1" applyFont="1" applyBorder="1" applyAlignment="1" applyProtection="1">
      <alignment horizontal="left" vertical="center" indent="1"/>
      <protection locked="0"/>
    </xf>
    <xf numFmtId="0" fontId="20" fillId="0" borderId="3" xfId="0" applyNumberFormat="1" applyFont="1" applyBorder="1" applyAlignment="1" applyProtection="1">
      <alignment horizontal="left" vertical="center" indent="1"/>
      <protection locked="0"/>
    </xf>
    <xf numFmtId="0" fontId="20" fillId="0" borderId="9" xfId="0" applyNumberFormat="1" applyFont="1" applyBorder="1" applyAlignment="1" applyProtection="1">
      <alignment horizontal="left" vertical="center" indent="1"/>
      <protection locked="0"/>
    </xf>
    <xf numFmtId="0" fontId="3" fillId="0" borderId="0" xfId="0" applyFont="1" applyAlignment="1">
      <alignment horizontal="left" vertical="top" wrapText="1"/>
    </xf>
    <xf numFmtId="0" fontId="9" fillId="0" borderId="0" xfId="0" applyFont="1" applyAlignment="1">
      <alignment horizontal="left" vertical="top" wrapText="1"/>
    </xf>
    <xf numFmtId="0" fontId="3" fillId="0" borderId="0" xfId="0" applyFont="1" applyFill="1" applyBorder="1" applyAlignment="1">
      <alignment horizontal="center" vertical="center"/>
    </xf>
  </cellXfs>
  <cellStyles count="2">
    <cellStyle name="Normal" xfId="0" builtinId="0"/>
    <cellStyle name="Normal 2" xfId="1" xr:uid="{00000000-0005-0000-0000-000001000000}"/>
  </cellStyles>
  <dxfs count="0"/>
  <tableStyles count="0" defaultTableStyle="TableStyleMedium2" defaultPivotStyle="PivotStyleLight16"/>
  <colors>
    <mruColors>
      <color rgb="FF0000FF"/>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externalLink" Target="externalLinks/externalLink1.xml"/><Relationship Id="rId18" Type="http://schemas.openxmlformats.org/officeDocument/2006/relationships/calcChain" Target="calcChain.xml"/><Relationship Id="rId3" Type="http://schemas.openxmlformats.org/officeDocument/2006/relationships/worksheet" Target="worksheets/sheet3.xml"/><Relationship Id="rId7" Type="http://schemas.openxmlformats.org/officeDocument/2006/relationships/worksheet" Target="worksheets/sheet7.xml"/><Relationship Id="rId12" Type="http://schemas.openxmlformats.org/officeDocument/2006/relationships/worksheet" Target="worksheets/sheet12.xml"/><Relationship Id="rId17" Type="http://schemas.openxmlformats.org/officeDocument/2006/relationships/sharedStrings" Target="sharedStrings.xml"/><Relationship Id="rId2" Type="http://schemas.openxmlformats.org/officeDocument/2006/relationships/worksheet" Target="worksheets/sheet2.xml"/><Relationship Id="rId16" Type="http://schemas.openxmlformats.org/officeDocument/2006/relationships/styles" Target="styles.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5" Type="http://schemas.openxmlformats.org/officeDocument/2006/relationships/worksheet" Target="worksheets/sheet5.xml"/><Relationship Id="rId15" Type="http://schemas.openxmlformats.org/officeDocument/2006/relationships/theme" Target="theme/theme1.xml"/><Relationship Id="rId10" Type="http://schemas.openxmlformats.org/officeDocument/2006/relationships/worksheet" Target="worksheets/sheet10.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externalLink" Target="externalLinks/externalLink2.xml"/></Relationships>
</file>

<file path=xl/drawings/_rels/drawing2.xml.rels><?xml version="1.0" encoding="UTF-8" standalone="yes"?>
<Relationships xmlns="http://schemas.openxmlformats.org/package/2006/relationships"><Relationship Id="rId1" Type="http://schemas.openxmlformats.org/officeDocument/2006/relationships/image" Target="../media/image1.png"/></Relationships>
</file>

<file path=xl/drawings/_rels/drawing3.xml.rels><?xml version="1.0" encoding="UTF-8" standalone="yes"?>
<Relationships xmlns="http://schemas.openxmlformats.org/package/2006/relationships"><Relationship Id="rId1" Type="http://schemas.openxmlformats.org/officeDocument/2006/relationships/image" Target="../media/image1.png"/></Relationships>
</file>

<file path=xl/drawings/_rels/drawing4.xml.rels><?xml version="1.0" encoding="UTF-8" standalone="yes"?>
<Relationships xmlns="http://schemas.openxmlformats.org/package/2006/relationships"><Relationship Id="rId1" Type="http://schemas.openxmlformats.org/officeDocument/2006/relationships/image" Target="../media/image1.png"/></Relationships>
</file>

<file path=xl/drawings/_rels/drawing5.xml.rels><?xml version="1.0" encoding="UTF-8" standalone="yes"?>
<Relationships xmlns="http://schemas.openxmlformats.org/package/2006/relationships"><Relationship Id="rId1" Type="http://schemas.openxmlformats.org/officeDocument/2006/relationships/image" Target="../media/image1.png"/></Relationships>
</file>

<file path=xl/drawings/_rels/drawing6.xml.rels><?xml version="1.0" encoding="UTF-8" standalone="yes"?>
<Relationships xmlns="http://schemas.openxmlformats.org/package/2006/relationships"><Relationship Id="rId1" Type="http://schemas.openxmlformats.org/officeDocument/2006/relationships/image" Target="../media/image1.png"/></Relationships>
</file>

<file path=xl/drawings/_rels/drawing7.xml.rels><?xml version="1.0" encoding="UTF-8" standalone="yes"?>
<Relationships xmlns="http://schemas.openxmlformats.org/package/2006/relationships"><Relationship Id="rId1" Type="http://schemas.openxmlformats.org/officeDocument/2006/relationships/image" Target="../media/image1.png"/></Relationships>
</file>

<file path=xl/drawings/_rels/drawing8.xml.rels><?xml version="1.0" encoding="UTF-8" standalone="yes"?>
<Relationships xmlns="http://schemas.openxmlformats.org/package/2006/relationships"><Relationship Id="rId1" Type="http://schemas.openxmlformats.org/officeDocument/2006/relationships/image" Target="../media/image1.png"/></Relationships>
</file>

<file path=xl/drawings/_rels/drawing9.xml.rels><?xml version="1.0" encoding="UTF-8" standalone="yes"?>
<Relationships xmlns="http://schemas.openxmlformats.org/package/2006/relationships"><Relationship Id="rId1" Type="http://schemas.openxmlformats.org/officeDocument/2006/relationships/image" Target="../media/image1.png"/></Relationships>
</file>

<file path=xl/drawings/drawing1.xml><?xml version="1.0" encoding="utf-8"?>
<xdr:wsDr xmlns:xdr="http://schemas.openxmlformats.org/drawingml/2006/spreadsheetDrawing" xmlns:a="http://schemas.openxmlformats.org/drawingml/2006/main">
  <xdr:twoCellAnchor>
    <xdr:from>
      <xdr:col>3</xdr:col>
      <xdr:colOff>0</xdr:colOff>
      <xdr:row>2</xdr:row>
      <xdr:rowOff>132291</xdr:rowOff>
    </xdr:from>
    <xdr:to>
      <xdr:col>3</xdr:col>
      <xdr:colOff>830791</xdr:colOff>
      <xdr:row>4</xdr:row>
      <xdr:rowOff>31750</xdr:rowOff>
    </xdr:to>
    <xdr:sp macro="[0]!Sheet12.Clearcontents" textlink="">
      <xdr:nvSpPr>
        <xdr:cNvPr id="2" name="Rectangle 1">
          <a:extLst>
            <a:ext uri="{FF2B5EF4-FFF2-40B4-BE49-F238E27FC236}">
              <a16:creationId xmlns:a16="http://schemas.microsoft.com/office/drawing/2014/main" id="{00000000-0008-0000-0100-000002000000}"/>
            </a:ext>
          </a:extLst>
        </xdr:cNvPr>
        <xdr:cNvSpPr/>
      </xdr:nvSpPr>
      <xdr:spPr>
        <a:xfrm>
          <a:off x="1703917" y="550333"/>
          <a:ext cx="830791" cy="227542"/>
        </a:xfrm>
        <a:prstGeom prst="rect">
          <a:avLst/>
        </a:prstGeom>
        <a:solidFill>
          <a:schemeClr val="bg1"/>
        </a:solidFill>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lang="en-GB" sz="1100">
              <a:solidFill>
                <a:sysClr val="windowText" lastClr="000000"/>
              </a:solidFill>
            </a:rPr>
            <a:t>Clear Form</a:t>
          </a:r>
        </a:p>
      </xdr:txBody>
    </xdr:sp>
    <xdr:clientData/>
  </xdr:twoCellAnchor>
</xdr:wsDr>
</file>

<file path=xl/drawings/drawing10.xml><?xml version="1.0" encoding="utf-8"?>
<xdr:wsDr xmlns:xdr="http://schemas.openxmlformats.org/drawingml/2006/spreadsheetDrawing" xmlns:a="http://schemas.openxmlformats.org/drawingml/2006/main">
  <xdr:twoCellAnchor>
    <xdr:from>
      <xdr:col>1</xdr:col>
      <xdr:colOff>12700</xdr:colOff>
      <xdr:row>3</xdr:row>
      <xdr:rowOff>107950</xdr:rowOff>
    </xdr:from>
    <xdr:to>
      <xdr:col>2</xdr:col>
      <xdr:colOff>25400</xdr:colOff>
      <xdr:row>5</xdr:row>
      <xdr:rowOff>44450</xdr:rowOff>
    </xdr:to>
    <xdr:sp macro="[0]!Sheet4.Unhide_All_Sheets" textlink="">
      <xdr:nvSpPr>
        <xdr:cNvPr id="2" name="Rectangle 1">
          <a:extLst>
            <a:ext uri="{FF2B5EF4-FFF2-40B4-BE49-F238E27FC236}">
              <a16:creationId xmlns:a16="http://schemas.microsoft.com/office/drawing/2014/main" id="{00000000-0008-0000-0B00-000002000000}"/>
            </a:ext>
          </a:extLst>
        </xdr:cNvPr>
        <xdr:cNvSpPr/>
      </xdr:nvSpPr>
      <xdr:spPr>
        <a:xfrm>
          <a:off x="1416050" y="584200"/>
          <a:ext cx="622300" cy="254000"/>
        </a:xfrm>
        <a:prstGeom prst="rect">
          <a:avLst/>
        </a:prstGeom>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ctr"/>
          <a:r>
            <a:rPr lang="en-GB" sz="1100"/>
            <a:t>Unhide</a:t>
          </a:r>
        </a:p>
      </xdr:txBody>
    </xdr:sp>
    <xdr:clientData/>
  </xdr:twoCellAnchor>
  <xdr:twoCellAnchor>
    <xdr:from>
      <xdr:col>1</xdr:col>
      <xdr:colOff>12700</xdr:colOff>
      <xdr:row>5</xdr:row>
      <xdr:rowOff>107950</xdr:rowOff>
    </xdr:from>
    <xdr:to>
      <xdr:col>2</xdr:col>
      <xdr:colOff>25400</xdr:colOff>
      <xdr:row>7</xdr:row>
      <xdr:rowOff>44450</xdr:rowOff>
    </xdr:to>
    <xdr:sp macro="[0]!Sheet4.HideSheets" textlink="">
      <xdr:nvSpPr>
        <xdr:cNvPr id="3" name="Rectangle 2">
          <a:extLst>
            <a:ext uri="{FF2B5EF4-FFF2-40B4-BE49-F238E27FC236}">
              <a16:creationId xmlns:a16="http://schemas.microsoft.com/office/drawing/2014/main" id="{00000000-0008-0000-0B00-000003000000}"/>
            </a:ext>
          </a:extLst>
        </xdr:cNvPr>
        <xdr:cNvSpPr/>
      </xdr:nvSpPr>
      <xdr:spPr>
        <a:xfrm>
          <a:off x="1416050" y="584200"/>
          <a:ext cx="622300" cy="254000"/>
        </a:xfrm>
        <a:prstGeom prst="rect">
          <a:avLst/>
        </a:prstGeom>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ctr"/>
          <a:r>
            <a:rPr lang="en-GB" sz="1100"/>
            <a:t>Hide</a:t>
          </a:r>
        </a:p>
      </xdr:txBody>
    </xdr:sp>
    <xdr:clientData/>
  </xdr:twoCellAnchor>
</xdr:wsDr>
</file>

<file path=xl/drawings/drawing2.xml><?xml version="1.0" encoding="utf-8"?>
<xdr:wsDr xmlns:xdr="http://schemas.openxmlformats.org/drawingml/2006/spreadsheetDrawing" xmlns:a="http://schemas.openxmlformats.org/drawingml/2006/main">
  <xdr:twoCellAnchor editAs="oneCell">
    <xdr:from>
      <xdr:col>1</xdr:col>
      <xdr:colOff>0</xdr:colOff>
      <xdr:row>0</xdr:row>
      <xdr:rowOff>0</xdr:rowOff>
    </xdr:from>
    <xdr:to>
      <xdr:col>3</xdr:col>
      <xdr:colOff>30162</xdr:colOff>
      <xdr:row>0</xdr:row>
      <xdr:rowOff>826763</xdr:rowOff>
    </xdr:to>
    <xdr:pic>
      <xdr:nvPicPr>
        <xdr:cNvPr id="4" name="Picture 3">
          <a:extLst>
            <a:ext uri="{FF2B5EF4-FFF2-40B4-BE49-F238E27FC236}">
              <a16:creationId xmlns:a16="http://schemas.microsoft.com/office/drawing/2014/main" id="{00000000-0008-0000-0200-000004000000}"/>
            </a:ext>
          </a:extLst>
        </xdr:cNvPr>
        <xdr:cNvPicPr>
          <a:picLocks noChangeAspect="1"/>
        </xdr:cNvPicPr>
      </xdr:nvPicPr>
      <xdr:blipFill>
        <a:blip xmlns:r="http://schemas.openxmlformats.org/officeDocument/2006/relationships" r:embed="rId1"/>
        <a:stretch>
          <a:fillRect/>
        </a:stretch>
      </xdr:blipFill>
      <xdr:spPr>
        <a:xfrm>
          <a:off x="184150" y="0"/>
          <a:ext cx="1376362" cy="826763"/>
        </a:xfrm>
        <a:prstGeom prst="rect">
          <a:avLst/>
        </a:prstGeom>
      </xdr:spPr>
    </xdr:pic>
    <xdr:clientData/>
  </xdr:twoCellAnchor>
</xdr:wsDr>
</file>

<file path=xl/drawings/drawing3.xml><?xml version="1.0" encoding="utf-8"?>
<xdr:wsDr xmlns:xdr="http://schemas.openxmlformats.org/drawingml/2006/spreadsheetDrawing" xmlns:a="http://schemas.openxmlformats.org/drawingml/2006/main">
  <xdr:twoCellAnchor editAs="oneCell">
    <xdr:from>
      <xdr:col>1</xdr:col>
      <xdr:colOff>0</xdr:colOff>
      <xdr:row>0</xdr:row>
      <xdr:rowOff>0</xdr:rowOff>
    </xdr:from>
    <xdr:to>
      <xdr:col>2</xdr:col>
      <xdr:colOff>1128712</xdr:colOff>
      <xdr:row>0</xdr:row>
      <xdr:rowOff>826763</xdr:rowOff>
    </xdr:to>
    <xdr:pic>
      <xdr:nvPicPr>
        <xdr:cNvPr id="6" name="Picture 5">
          <a:extLst>
            <a:ext uri="{FF2B5EF4-FFF2-40B4-BE49-F238E27FC236}">
              <a16:creationId xmlns:a16="http://schemas.microsoft.com/office/drawing/2014/main" id="{00000000-0008-0000-0300-000006000000}"/>
            </a:ext>
          </a:extLst>
        </xdr:cNvPr>
        <xdr:cNvPicPr>
          <a:picLocks noChangeAspect="1"/>
        </xdr:cNvPicPr>
      </xdr:nvPicPr>
      <xdr:blipFill>
        <a:blip xmlns:r="http://schemas.openxmlformats.org/officeDocument/2006/relationships" r:embed="rId1"/>
        <a:stretch>
          <a:fillRect/>
        </a:stretch>
      </xdr:blipFill>
      <xdr:spPr>
        <a:xfrm>
          <a:off x="107950" y="0"/>
          <a:ext cx="1376362" cy="826763"/>
        </a:xfrm>
        <a:prstGeom prst="rect">
          <a:avLst/>
        </a:prstGeom>
      </xdr:spPr>
    </xdr:pic>
    <xdr:clientData/>
  </xdr:twoCellAnchor>
</xdr:wsDr>
</file>

<file path=xl/drawings/drawing4.xml><?xml version="1.0" encoding="utf-8"?>
<xdr:wsDr xmlns:xdr="http://schemas.openxmlformats.org/drawingml/2006/spreadsheetDrawing" xmlns:a="http://schemas.openxmlformats.org/drawingml/2006/main">
  <xdr:twoCellAnchor editAs="oneCell">
    <xdr:from>
      <xdr:col>1</xdr:col>
      <xdr:colOff>0</xdr:colOff>
      <xdr:row>0</xdr:row>
      <xdr:rowOff>0</xdr:rowOff>
    </xdr:from>
    <xdr:to>
      <xdr:col>3</xdr:col>
      <xdr:colOff>30162</xdr:colOff>
      <xdr:row>0</xdr:row>
      <xdr:rowOff>826763</xdr:rowOff>
    </xdr:to>
    <xdr:pic>
      <xdr:nvPicPr>
        <xdr:cNvPr id="2" name="Picture 1">
          <a:extLst>
            <a:ext uri="{FF2B5EF4-FFF2-40B4-BE49-F238E27FC236}">
              <a16:creationId xmlns:a16="http://schemas.microsoft.com/office/drawing/2014/main" id="{00000000-0008-0000-0400-000002000000}"/>
            </a:ext>
          </a:extLst>
        </xdr:cNvPr>
        <xdr:cNvPicPr>
          <a:picLocks noChangeAspect="1"/>
        </xdr:cNvPicPr>
      </xdr:nvPicPr>
      <xdr:blipFill>
        <a:blip xmlns:r="http://schemas.openxmlformats.org/officeDocument/2006/relationships" r:embed="rId1"/>
        <a:stretch>
          <a:fillRect/>
        </a:stretch>
      </xdr:blipFill>
      <xdr:spPr>
        <a:xfrm>
          <a:off x="107950" y="0"/>
          <a:ext cx="1376362" cy="826763"/>
        </a:xfrm>
        <a:prstGeom prst="rect">
          <a:avLst/>
        </a:prstGeom>
      </xdr:spPr>
    </xdr:pic>
    <xdr:clientData/>
  </xdr:twoCellAnchor>
</xdr:wsDr>
</file>

<file path=xl/drawings/drawing5.xml><?xml version="1.0" encoding="utf-8"?>
<xdr:wsDr xmlns:xdr="http://schemas.openxmlformats.org/drawingml/2006/spreadsheetDrawing" xmlns:a="http://schemas.openxmlformats.org/drawingml/2006/main">
  <xdr:twoCellAnchor editAs="oneCell">
    <xdr:from>
      <xdr:col>1</xdr:col>
      <xdr:colOff>0</xdr:colOff>
      <xdr:row>0</xdr:row>
      <xdr:rowOff>0</xdr:rowOff>
    </xdr:from>
    <xdr:to>
      <xdr:col>2</xdr:col>
      <xdr:colOff>1128712</xdr:colOff>
      <xdr:row>0</xdr:row>
      <xdr:rowOff>826763</xdr:rowOff>
    </xdr:to>
    <xdr:pic>
      <xdr:nvPicPr>
        <xdr:cNvPr id="2" name="Picture 1">
          <a:extLst>
            <a:ext uri="{FF2B5EF4-FFF2-40B4-BE49-F238E27FC236}">
              <a16:creationId xmlns:a16="http://schemas.microsoft.com/office/drawing/2014/main" id="{00000000-0008-0000-0500-000002000000}"/>
            </a:ext>
          </a:extLst>
        </xdr:cNvPr>
        <xdr:cNvPicPr>
          <a:picLocks noChangeAspect="1"/>
        </xdr:cNvPicPr>
      </xdr:nvPicPr>
      <xdr:blipFill>
        <a:blip xmlns:r="http://schemas.openxmlformats.org/officeDocument/2006/relationships" r:embed="rId1"/>
        <a:stretch>
          <a:fillRect/>
        </a:stretch>
      </xdr:blipFill>
      <xdr:spPr>
        <a:xfrm>
          <a:off x="107950" y="0"/>
          <a:ext cx="1376362" cy="826763"/>
        </a:xfrm>
        <a:prstGeom prst="rect">
          <a:avLst/>
        </a:prstGeom>
      </xdr:spPr>
    </xdr:pic>
    <xdr:clientData/>
  </xdr:twoCellAnchor>
</xdr:wsDr>
</file>

<file path=xl/drawings/drawing6.xml><?xml version="1.0" encoding="utf-8"?>
<xdr:wsDr xmlns:xdr="http://schemas.openxmlformats.org/drawingml/2006/spreadsheetDrawing" xmlns:a="http://schemas.openxmlformats.org/drawingml/2006/main">
  <xdr:twoCellAnchor editAs="oneCell">
    <xdr:from>
      <xdr:col>1</xdr:col>
      <xdr:colOff>0</xdr:colOff>
      <xdr:row>0</xdr:row>
      <xdr:rowOff>0</xdr:rowOff>
    </xdr:from>
    <xdr:to>
      <xdr:col>7</xdr:col>
      <xdr:colOff>42862</xdr:colOff>
      <xdr:row>0</xdr:row>
      <xdr:rowOff>826763</xdr:rowOff>
    </xdr:to>
    <xdr:pic>
      <xdr:nvPicPr>
        <xdr:cNvPr id="2" name="Picture 1">
          <a:extLst>
            <a:ext uri="{FF2B5EF4-FFF2-40B4-BE49-F238E27FC236}">
              <a16:creationId xmlns:a16="http://schemas.microsoft.com/office/drawing/2014/main" id="{00000000-0008-0000-0600-000002000000}"/>
            </a:ext>
          </a:extLst>
        </xdr:cNvPr>
        <xdr:cNvPicPr>
          <a:picLocks noChangeAspect="1"/>
        </xdr:cNvPicPr>
      </xdr:nvPicPr>
      <xdr:blipFill>
        <a:blip xmlns:r="http://schemas.openxmlformats.org/officeDocument/2006/relationships" r:embed="rId1"/>
        <a:stretch>
          <a:fillRect/>
        </a:stretch>
      </xdr:blipFill>
      <xdr:spPr>
        <a:xfrm>
          <a:off x="91722" y="0"/>
          <a:ext cx="1397529" cy="826763"/>
        </a:xfrm>
        <a:prstGeom prst="rect">
          <a:avLst/>
        </a:prstGeom>
      </xdr:spPr>
    </xdr:pic>
    <xdr:clientData/>
  </xdr:twoCellAnchor>
</xdr:wsDr>
</file>

<file path=xl/drawings/drawing7.xml><?xml version="1.0" encoding="utf-8"?>
<xdr:wsDr xmlns:xdr="http://schemas.openxmlformats.org/drawingml/2006/spreadsheetDrawing" xmlns:a="http://schemas.openxmlformats.org/drawingml/2006/main">
  <xdr:twoCellAnchor editAs="oneCell">
    <xdr:from>
      <xdr:col>1</xdr:col>
      <xdr:colOff>0</xdr:colOff>
      <xdr:row>0</xdr:row>
      <xdr:rowOff>0</xdr:rowOff>
    </xdr:from>
    <xdr:to>
      <xdr:col>5</xdr:col>
      <xdr:colOff>179387</xdr:colOff>
      <xdr:row>0</xdr:row>
      <xdr:rowOff>829938</xdr:rowOff>
    </xdr:to>
    <xdr:pic>
      <xdr:nvPicPr>
        <xdr:cNvPr id="2" name="Picture 1">
          <a:extLst>
            <a:ext uri="{FF2B5EF4-FFF2-40B4-BE49-F238E27FC236}">
              <a16:creationId xmlns:a16="http://schemas.microsoft.com/office/drawing/2014/main" id="{00000000-0008-0000-0700-000002000000}"/>
            </a:ext>
          </a:extLst>
        </xdr:cNvPr>
        <xdr:cNvPicPr>
          <a:picLocks noChangeAspect="1"/>
        </xdr:cNvPicPr>
      </xdr:nvPicPr>
      <xdr:blipFill>
        <a:blip xmlns:r="http://schemas.openxmlformats.org/officeDocument/2006/relationships" r:embed="rId1"/>
        <a:stretch>
          <a:fillRect/>
        </a:stretch>
      </xdr:blipFill>
      <xdr:spPr>
        <a:xfrm>
          <a:off x="107950" y="0"/>
          <a:ext cx="1376362" cy="826763"/>
        </a:xfrm>
        <a:prstGeom prst="rect">
          <a:avLst/>
        </a:prstGeom>
      </xdr:spPr>
    </xdr:pic>
    <xdr:clientData/>
  </xdr:twoCellAnchor>
</xdr:wsDr>
</file>

<file path=xl/drawings/drawing8.xml><?xml version="1.0" encoding="utf-8"?>
<xdr:wsDr xmlns:xdr="http://schemas.openxmlformats.org/drawingml/2006/spreadsheetDrawing" xmlns:a="http://schemas.openxmlformats.org/drawingml/2006/main">
  <xdr:twoCellAnchor editAs="oneCell">
    <xdr:from>
      <xdr:col>1</xdr:col>
      <xdr:colOff>0</xdr:colOff>
      <xdr:row>0</xdr:row>
      <xdr:rowOff>0</xdr:rowOff>
    </xdr:from>
    <xdr:to>
      <xdr:col>2</xdr:col>
      <xdr:colOff>68262</xdr:colOff>
      <xdr:row>0</xdr:row>
      <xdr:rowOff>826763</xdr:rowOff>
    </xdr:to>
    <xdr:pic>
      <xdr:nvPicPr>
        <xdr:cNvPr id="2" name="Picture 1">
          <a:extLst>
            <a:ext uri="{FF2B5EF4-FFF2-40B4-BE49-F238E27FC236}">
              <a16:creationId xmlns:a16="http://schemas.microsoft.com/office/drawing/2014/main" id="{00000000-0008-0000-0800-000002000000}"/>
            </a:ext>
          </a:extLst>
        </xdr:cNvPr>
        <xdr:cNvPicPr>
          <a:picLocks noChangeAspect="1"/>
        </xdr:cNvPicPr>
      </xdr:nvPicPr>
      <xdr:blipFill>
        <a:blip xmlns:r="http://schemas.openxmlformats.org/officeDocument/2006/relationships" r:embed="rId1"/>
        <a:stretch>
          <a:fillRect/>
        </a:stretch>
      </xdr:blipFill>
      <xdr:spPr>
        <a:xfrm>
          <a:off x="107950" y="0"/>
          <a:ext cx="1376362" cy="826763"/>
        </a:xfrm>
        <a:prstGeom prst="rect">
          <a:avLst/>
        </a:prstGeom>
      </xdr:spPr>
    </xdr:pic>
    <xdr:clientData/>
  </xdr:twoCellAnchor>
</xdr:wsDr>
</file>

<file path=xl/drawings/drawing9.xml><?xml version="1.0" encoding="utf-8"?>
<xdr:wsDr xmlns:xdr="http://schemas.openxmlformats.org/drawingml/2006/spreadsheetDrawing" xmlns:a="http://schemas.openxmlformats.org/drawingml/2006/main">
  <xdr:twoCellAnchor editAs="oneCell">
    <xdr:from>
      <xdr:col>1</xdr:col>
      <xdr:colOff>0</xdr:colOff>
      <xdr:row>0</xdr:row>
      <xdr:rowOff>0</xdr:rowOff>
    </xdr:from>
    <xdr:to>
      <xdr:col>2</xdr:col>
      <xdr:colOff>68262</xdr:colOff>
      <xdr:row>0</xdr:row>
      <xdr:rowOff>826763</xdr:rowOff>
    </xdr:to>
    <xdr:pic>
      <xdr:nvPicPr>
        <xdr:cNvPr id="2" name="Picture 1">
          <a:extLst>
            <a:ext uri="{FF2B5EF4-FFF2-40B4-BE49-F238E27FC236}">
              <a16:creationId xmlns:a16="http://schemas.microsoft.com/office/drawing/2014/main" id="{00000000-0008-0000-0900-000002000000}"/>
            </a:ext>
          </a:extLst>
        </xdr:cNvPr>
        <xdr:cNvPicPr>
          <a:picLocks noChangeAspect="1"/>
        </xdr:cNvPicPr>
      </xdr:nvPicPr>
      <xdr:blipFill>
        <a:blip xmlns:r="http://schemas.openxmlformats.org/officeDocument/2006/relationships" r:embed="rId1"/>
        <a:stretch>
          <a:fillRect/>
        </a:stretch>
      </xdr:blipFill>
      <xdr:spPr>
        <a:xfrm>
          <a:off x="107950" y="0"/>
          <a:ext cx="1376362" cy="826763"/>
        </a:xfrm>
        <a:prstGeom prst="rect">
          <a:avLst/>
        </a:prstGeom>
      </xdr:spPr>
    </xdr:pic>
    <xdr:clientData/>
  </xdr:twoCellAnchor>
</xdr:wsDr>
</file>

<file path=xl/externalLinks/_rels/externalLink1.xml.rels><?xml version="1.0" encoding="UTF-8" standalone="yes"?>
<Relationships xmlns="http://schemas.openxmlformats.org/package/2006/relationships"><Relationship Id="rId1" Type="http://schemas.openxmlformats.org/officeDocument/2006/relationships/externalLinkPath" Target="/DOCUME~1/scobbh/LOCALS~1/Temp/notesA37AE0/GB0786.xls" TargetMode="External"/></Relationships>
</file>

<file path=xl/externalLinks/_rels/externalLink2.xml.rels><?xml version="1.0" encoding="UTF-8" standalone="yes"?>
<Relationships xmlns="http://schemas.openxmlformats.org/package/2006/relationships"><Relationship Id="rId1" Type="http://schemas.openxmlformats.org/officeDocument/2006/relationships/externalLinkPath" Target="/Data/ARCHIVE/FORMS/Pending/GB0757A%20.xls"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Doc"/>
      <sheetName val="Data Capture"/>
      <sheetName val="Sheets Lookup"/>
      <sheetName val="U P under15k - Specimen"/>
      <sheetName val="U P under15k"/>
      <sheetName val="U P - Specimen"/>
      <sheetName val="U P"/>
      <sheetName val="U T - Specimen"/>
      <sheetName val="U T"/>
      <sheetName val="U R - Specimen"/>
      <sheetName val="U R"/>
      <sheetName val="S P - Specimen"/>
      <sheetName val="S P"/>
      <sheetName val="S T - Specimen"/>
      <sheetName val="S T"/>
      <sheetName val="S R - Specimen"/>
      <sheetName val="S R"/>
    </sheetNames>
    <sheetDataSet>
      <sheetData sheetId="0"/>
      <sheetData sheetId="1">
        <row r="4">
          <cell r="P4">
            <v>41003</v>
          </cell>
        </row>
        <row r="14">
          <cell r="AA14" t="str">
            <v>Week</v>
          </cell>
          <cell r="AB14">
            <v>52</v>
          </cell>
          <cell r="AC14">
            <v>0</v>
          </cell>
          <cell r="AD14">
            <v>7</v>
          </cell>
        </row>
        <row r="15">
          <cell r="AA15" t="str">
            <v>Fortnight</v>
          </cell>
          <cell r="AB15">
            <v>26</v>
          </cell>
          <cell r="AC15">
            <v>0</v>
          </cell>
          <cell r="AD15">
            <v>14</v>
          </cell>
        </row>
        <row r="16">
          <cell r="AA16" t="str">
            <v>Month</v>
          </cell>
          <cell r="AB16">
            <v>12</v>
          </cell>
          <cell r="AC16">
            <v>1</v>
          </cell>
          <cell r="AD16">
            <v>0</v>
          </cell>
        </row>
        <row r="17">
          <cell r="AA17" t="str">
            <v>Quarter</v>
          </cell>
          <cell r="AB17">
            <v>4</v>
          </cell>
          <cell r="AC17">
            <v>3</v>
          </cell>
          <cell r="AD17">
            <v>0</v>
          </cell>
        </row>
        <row r="36">
          <cell r="O36" t="str">
            <v>Select option from dropdown list</v>
          </cell>
        </row>
        <row r="57">
          <cell r="Q57" t="e">
            <v>#DIV/0!</v>
          </cell>
        </row>
        <row r="59">
          <cell r="N59" t="str">
            <v>N</v>
          </cell>
          <cell r="Q59">
            <v>0</v>
          </cell>
        </row>
        <row r="61">
          <cell r="O61" t="str">
            <v>Unsecured</v>
          </cell>
        </row>
        <row r="68">
          <cell r="N68" t="str">
            <v>N</v>
          </cell>
          <cell r="Q68" t="str">
            <v>Select option</v>
          </cell>
        </row>
        <row r="70">
          <cell r="Q70">
            <v>0</v>
          </cell>
        </row>
        <row r="75">
          <cell r="A75" t="b">
            <v>0</v>
          </cell>
        </row>
        <row r="101">
          <cell r="P101">
            <v>0</v>
          </cell>
        </row>
        <row r="105">
          <cell r="E105">
            <v>0</v>
          </cell>
        </row>
        <row r="110">
          <cell r="E110">
            <v>0</v>
          </cell>
        </row>
        <row r="115">
          <cell r="E115">
            <v>0</v>
          </cell>
        </row>
        <row r="120">
          <cell r="E120">
            <v>0</v>
          </cell>
        </row>
        <row r="127">
          <cell r="E127" t="e">
            <v>#N/A</v>
          </cell>
        </row>
        <row r="135">
          <cell r="E135">
            <v>0</v>
          </cell>
        </row>
        <row r="136">
          <cell r="E136" t="b">
            <v>0</v>
          </cell>
        </row>
        <row r="137">
          <cell r="E137" t="b">
            <v>0</v>
          </cell>
        </row>
      </sheetData>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Set>
  </externalBook>
</externalLink>
</file>

<file path=xl/externalLinks/externalLink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User Instructions"/>
      <sheetName val="Covering Letter"/>
      <sheetName val="Cover Sheet"/>
      <sheetName val="Address Details"/>
      <sheetName val="Add Linked Party (Subsidiary)"/>
      <sheetName val="AddDelete Acc"/>
      <sheetName val="Limits Invoice Module Details"/>
      <sheetName val="Corp Admin Details"/>
      <sheetName val="Change Email"/>
      <sheetName val="Change Company name"/>
      <sheetName val="Discounting Module Fees"/>
    </sheetNames>
    <sheetDataSet>
      <sheetData sheetId="0"/>
      <sheetData sheetId="1"/>
      <sheetData sheetId="2"/>
      <sheetData sheetId="3"/>
      <sheetData sheetId="4"/>
      <sheetData sheetId="5"/>
      <sheetData sheetId="6"/>
      <sheetData sheetId="7"/>
      <sheetData sheetId="8"/>
      <sheetData sheetId="9"/>
      <sheetData sheetId="10"/>
    </sheetDataSet>
  </externalBook>
</externalLink>
</file>

<file path=xl/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2" Type="http://schemas.openxmlformats.org/officeDocument/2006/relationships/printerSettings" Target="../printerSettings/printerSettings2.bin"/><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2" Type="http://schemas.openxmlformats.org/officeDocument/2006/relationships/drawing" Target="../drawings/drawing9.xml"/><Relationship Id="rId1" Type="http://schemas.openxmlformats.org/officeDocument/2006/relationships/printerSettings" Target="../printerSettings/printerSettings16.bin"/></Relationships>
</file>

<file path=xl/worksheets/_rels/sheet11.xml.rels><?xml version="1.0" encoding="UTF-8" standalone="yes"?>
<Relationships xmlns="http://schemas.openxmlformats.org/package/2006/relationships"><Relationship Id="rId1" Type="http://schemas.openxmlformats.org/officeDocument/2006/relationships/printerSettings" Target="../printerSettings/printerSettings17.bin"/></Relationships>
</file>

<file path=xl/worksheets/_rels/sheet12.xml.rels><?xml version="1.0" encoding="UTF-8" standalone="yes"?>
<Relationships xmlns="http://schemas.openxmlformats.org/package/2006/relationships"><Relationship Id="rId2" Type="http://schemas.openxmlformats.org/officeDocument/2006/relationships/drawing" Target="../drawings/drawing10.xml"/><Relationship Id="rId1" Type="http://schemas.openxmlformats.org/officeDocument/2006/relationships/printerSettings" Target="../printerSettings/printerSettings18.bin"/></Relationships>
</file>

<file path=xl/worksheets/_rels/sheet2.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3.bin"/></Relationships>
</file>

<file path=xl/worksheets/_rels/sheet3.xml.rels><?xml version="1.0" encoding="UTF-8" standalone="yes"?>
<Relationships xmlns="http://schemas.openxmlformats.org/package/2006/relationships"><Relationship Id="rId3" Type="http://schemas.openxmlformats.org/officeDocument/2006/relationships/drawing" Target="../drawings/drawing2.xml"/><Relationship Id="rId2" Type="http://schemas.openxmlformats.org/officeDocument/2006/relationships/printerSettings" Target="../printerSettings/printerSettings5.bin"/><Relationship Id="rId1" Type="http://schemas.openxmlformats.org/officeDocument/2006/relationships/printerSettings" Target="../printerSettings/printerSettings4.bin"/></Relationships>
</file>

<file path=xl/worksheets/_rels/sheet4.xml.rels><?xml version="1.0" encoding="UTF-8" standalone="yes"?>
<Relationships xmlns="http://schemas.openxmlformats.org/package/2006/relationships"><Relationship Id="rId2" Type="http://schemas.openxmlformats.org/officeDocument/2006/relationships/drawing" Target="../drawings/drawing3.xml"/><Relationship Id="rId1" Type="http://schemas.openxmlformats.org/officeDocument/2006/relationships/printerSettings" Target="../printerSettings/printerSettings6.bin"/></Relationships>
</file>

<file path=xl/worksheets/_rels/sheet5.xml.rels><?xml version="1.0" encoding="UTF-8" standalone="yes"?>
<Relationships xmlns="http://schemas.openxmlformats.org/package/2006/relationships"><Relationship Id="rId3" Type="http://schemas.openxmlformats.org/officeDocument/2006/relationships/drawing" Target="../drawings/drawing4.xml"/><Relationship Id="rId2" Type="http://schemas.openxmlformats.org/officeDocument/2006/relationships/printerSettings" Target="../printerSettings/printerSettings8.bin"/><Relationship Id="rId1" Type="http://schemas.openxmlformats.org/officeDocument/2006/relationships/printerSettings" Target="../printerSettings/printerSettings7.bin"/></Relationships>
</file>

<file path=xl/worksheets/_rels/sheet6.xml.rels><?xml version="1.0" encoding="UTF-8" standalone="yes"?>
<Relationships xmlns="http://schemas.openxmlformats.org/package/2006/relationships"><Relationship Id="rId3" Type="http://schemas.openxmlformats.org/officeDocument/2006/relationships/drawing" Target="../drawings/drawing5.xml"/><Relationship Id="rId2" Type="http://schemas.openxmlformats.org/officeDocument/2006/relationships/printerSettings" Target="../printerSettings/printerSettings10.bin"/><Relationship Id="rId1" Type="http://schemas.openxmlformats.org/officeDocument/2006/relationships/printerSettings" Target="../printerSettings/printerSettings9.bin"/></Relationships>
</file>

<file path=xl/worksheets/_rels/sheet7.xml.rels><?xml version="1.0" encoding="UTF-8" standalone="yes"?>
<Relationships xmlns="http://schemas.openxmlformats.org/package/2006/relationships"><Relationship Id="rId3" Type="http://schemas.openxmlformats.org/officeDocument/2006/relationships/drawing" Target="../drawings/drawing6.xml"/><Relationship Id="rId2" Type="http://schemas.openxmlformats.org/officeDocument/2006/relationships/printerSettings" Target="../printerSettings/printerSettings12.bin"/><Relationship Id="rId1" Type="http://schemas.openxmlformats.org/officeDocument/2006/relationships/printerSettings" Target="../printerSettings/printerSettings11.bin"/></Relationships>
</file>

<file path=xl/worksheets/_rels/sheet8.xml.rels><?xml version="1.0" encoding="UTF-8" standalone="yes"?>
<Relationships xmlns="http://schemas.openxmlformats.org/package/2006/relationships"><Relationship Id="rId2" Type="http://schemas.openxmlformats.org/officeDocument/2006/relationships/drawing" Target="../drawings/drawing7.xml"/><Relationship Id="rId1" Type="http://schemas.openxmlformats.org/officeDocument/2006/relationships/printerSettings" Target="../printerSettings/printerSettings13.bin"/></Relationships>
</file>

<file path=xl/worksheets/_rels/sheet9.xml.rels><?xml version="1.0" encoding="UTF-8" standalone="yes"?>
<Relationships xmlns="http://schemas.openxmlformats.org/package/2006/relationships"><Relationship Id="rId3" Type="http://schemas.openxmlformats.org/officeDocument/2006/relationships/drawing" Target="../drawings/drawing8.xml"/><Relationship Id="rId2" Type="http://schemas.openxmlformats.org/officeDocument/2006/relationships/printerSettings" Target="../printerSettings/printerSettings15.bin"/><Relationship Id="rId1" Type="http://schemas.openxmlformats.org/officeDocument/2006/relationships/printerSettings" Target="../printerSettings/printerSettings14.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sheetPr codeName="Sheet1">
    <pageSetUpPr autoPageBreaks="0" fitToPage="1"/>
  </sheetPr>
  <dimension ref="A1:DK56"/>
  <sheetViews>
    <sheetView showGridLines="0" topLeftCell="A4" zoomScale="80" zoomScaleNormal="80" zoomScaleSheetLayoutView="100" workbookViewId="0"/>
  </sheetViews>
  <sheetFormatPr defaultColWidth="3.140625" defaultRowHeight="12.75" x14ac:dyDescent="0.2"/>
  <cols>
    <col min="1" max="1" width="3.140625" style="3"/>
    <col min="2" max="2" width="3.140625" style="85"/>
    <col min="3" max="3" width="35.5703125" style="85" customWidth="1"/>
    <col min="4" max="5" width="3.140625" style="85"/>
    <col min="6" max="19" width="0" style="85" hidden="1" customWidth="1"/>
    <col min="20" max="21" width="3.140625" style="85"/>
    <col min="54" max="115" width="3.140625" style="4"/>
    <col min="116" max="16384" width="3.140625" style="5"/>
  </cols>
  <sheetData>
    <row r="1" spans="1:115" ht="12" customHeight="1" x14ac:dyDescent="0.2">
      <c r="B1" s="3"/>
      <c r="C1" s="3"/>
      <c r="D1" s="3"/>
      <c r="E1" s="3"/>
      <c r="F1" s="3"/>
      <c r="G1" s="3"/>
      <c r="H1" s="3"/>
      <c r="I1" s="3"/>
      <c r="J1" s="3"/>
      <c r="K1" s="3"/>
      <c r="L1" s="3"/>
      <c r="M1" s="3"/>
      <c r="N1" s="3"/>
      <c r="O1" s="3"/>
      <c r="P1" s="3"/>
      <c r="Q1" s="3"/>
      <c r="R1" s="3"/>
      <c r="S1" s="3"/>
      <c r="T1" s="3"/>
      <c r="U1" s="3"/>
    </row>
    <row r="2" spans="1:115" s="7" customFormat="1" ht="29.45" customHeight="1" thickBot="1" x14ac:dyDescent="0.25">
      <c r="A2" s="3"/>
      <c r="B2" s="211" t="s">
        <v>34</v>
      </c>
      <c r="C2" s="211"/>
      <c r="D2" s="211"/>
      <c r="E2" s="211"/>
      <c r="F2" s="211"/>
      <c r="G2" s="211"/>
      <c r="H2" s="211"/>
      <c r="I2" s="211"/>
      <c r="J2" s="211"/>
      <c r="K2" s="211"/>
      <c r="L2" s="211"/>
      <c r="M2" s="211"/>
      <c r="N2" s="211"/>
      <c r="O2" s="211"/>
      <c r="P2" s="211"/>
      <c r="Q2" s="211"/>
      <c r="R2" s="211"/>
      <c r="S2" s="211"/>
      <c r="T2" s="211"/>
      <c r="U2" s="211"/>
      <c r="V2" s="211"/>
      <c r="W2" s="211"/>
      <c r="X2" s="211"/>
      <c r="Y2" s="211"/>
      <c r="Z2" s="211"/>
      <c r="AA2" s="211"/>
      <c r="AB2" s="211"/>
      <c r="AC2" s="211"/>
      <c r="AD2" s="211"/>
      <c r="AE2" s="211"/>
      <c r="AF2" s="211"/>
      <c r="AG2" s="211"/>
      <c r="AH2" s="211"/>
      <c r="AI2" s="211"/>
      <c r="AJ2" s="211"/>
      <c r="AK2" s="211"/>
      <c r="AL2" s="211"/>
      <c r="AM2" s="211"/>
      <c r="AN2" s="211"/>
      <c r="AO2" s="211"/>
      <c r="AP2" s="211"/>
      <c r="AQ2" s="211"/>
      <c r="AR2" s="211"/>
      <c r="AS2" s="211"/>
      <c r="AT2" s="211"/>
      <c r="AU2" s="211"/>
      <c r="AV2" s="211"/>
      <c r="AW2"/>
      <c r="AX2"/>
      <c r="AY2"/>
      <c r="AZ2"/>
      <c r="BA2"/>
      <c r="BB2" s="4"/>
    </row>
    <row r="3" spans="1:115" ht="3.75" customHeight="1" x14ac:dyDescent="0.2">
      <c r="B3" s="171"/>
      <c r="C3" s="8"/>
      <c r="D3" s="8"/>
      <c r="E3" s="8"/>
      <c r="F3" s="8"/>
      <c r="G3" s="8"/>
      <c r="H3" s="8"/>
      <c r="I3" s="8"/>
      <c r="J3" s="8"/>
      <c r="K3" s="8"/>
      <c r="L3" s="8"/>
      <c r="M3" s="8"/>
      <c r="N3" s="8"/>
      <c r="O3" s="8"/>
      <c r="P3" s="8"/>
      <c r="Q3" s="8"/>
      <c r="R3" s="8"/>
      <c r="S3" s="8"/>
      <c r="T3" s="131"/>
      <c r="U3" s="8"/>
    </row>
    <row r="4" spans="1:115" ht="26.1" customHeight="1" x14ac:dyDescent="0.2">
      <c r="B4" s="212" t="s">
        <v>20</v>
      </c>
      <c r="C4" s="213"/>
      <c r="D4" s="213"/>
      <c r="E4" s="213"/>
      <c r="F4" s="213"/>
      <c r="G4" s="213"/>
      <c r="H4" s="213"/>
      <c r="I4" s="213"/>
      <c r="J4" s="213"/>
      <c r="K4" s="213"/>
      <c r="L4" s="213"/>
      <c r="M4" s="213"/>
      <c r="N4" s="213"/>
      <c r="O4" s="213"/>
      <c r="P4" s="213"/>
      <c r="Q4" s="213"/>
      <c r="R4" s="213"/>
      <c r="S4" s="213"/>
      <c r="T4" s="213"/>
      <c r="U4" s="213"/>
      <c r="V4" s="213"/>
      <c r="W4" s="213"/>
      <c r="X4" s="213"/>
      <c r="Y4" s="213"/>
      <c r="Z4" s="213"/>
      <c r="AA4" s="213"/>
      <c r="AB4" s="213"/>
      <c r="AC4" s="213"/>
      <c r="AD4" s="213"/>
      <c r="AE4" s="213"/>
      <c r="AF4" s="213"/>
      <c r="AG4" s="213"/>
      <c r="AH4" s="213"/>
      <c r="AI4" s="213"/>
      <c r="AJ4" s="213"/>
      <c r="AK4" s="213"/>
      <c r="AL4" s="213"/>
      <c r="AM4" s="213"/>
      <c r="AN4" s="213"/>
      <c r="AO4" s="213"/>
      <c r="AP4" s="213"/>
      <c r="AQ4" s="213"/>
      <c r="AR4" s="213"/>
      <c r="AS4" s="213"/>
      <c r="AT4" s="213"/>
      <c r="AU4" s="213"/>
      <c r="AV4" s="214"/>
      <c r="DF4" s="5"/>
      <c r="DG4" s="5"/>
      <c r="DH4" s="5"/>
      <c r="DI4" s="5"/>
      <c r="DJ4" s="5"/>
      <c r="DK4" s="5"/>
    </row>
    <row r="5" spans="1:115" ht="12.95" customHeight="1" x14ac:dyDescent="0.2">
      <c r="A5" s="10"/>
      <c r="B5" s="34"/>
      <c r="C5" s="84"/>
      <c r="D5" s="84"/>
      <c r="E5" s="84"/>
      <c r="F5" s="84"/>
      <c r="G5" s="84"/>
      <c r="H5" s="9"/>
      <c r="I5" s="9"/>
      <c r="J5" s="9"/>
      <c r="K5" s="9"/>
      <c r="L5" s="9"/>
      <c r="M5" s="9"/>
      <c r="N5" s="9"/>
      <c r="O5" s="9"/>
      <c r="P5" s="9"/>
      <c r="Q5" s="9"/>
      <c r="R5" s="9"/>
      <c r="S5" s="9"/>
      <c r="T5" s="132"/>
      <c r="U5" s="9"/>
    </row>
    <row r="6" spans="1:115" s="81" customFormat="1" x14ac:dyDescent="0.2">
      <c r="A6" s="10"/>
      <c r="B6" s="34" t="s">
        <v>163</v>
      </c>
      <c r="C6" s="84"/>
      <c r="D6" s="84"/>
      <c r="E6" s="84"/>
      <c r="F6" s="84"/>
      <c r="G6" s="84"/>
      <c r="H6" s="85"/>
      <c r="I6" s="85"/>
      <c r="J6" s="85"/>
      <c r="K6" s="85"/>
      <c r="L6" s="85"/>
      <c r="M6" s="85"/>
      <c r="N6" s="85"/>
      <c r="O6" s="85"/>
      <c r="P6" s="85"/>
      <c r="Q6" s="85"/>
      <c r="R6" s="85"/>
      <c r="S6" s="85"/>
      <c r="T6" s="85"/>
      <c r="U6" s="85"/>
      <c r="V6"/>
      <c r="W6"/>
      <c r="X6"/>
      <c r="Y6"/>
      <c r="Z6"/>
      <c r="AA6"/>
      <c r="AB6"/>
      <c r="AC6"/>
      <c r="AD6"/>
      <c r="AE6"/>
      <c r="AF6"/>
      <c r="AG6"/>
      <c r="AH6"/>
      <c r="AI6"/>
      <c r="AJ6"/>
      <c r="AK6"/>
      <c r="AL6"/>
      <c r="AM6"/>
      <c r="AN6"/>
      <c r="AO6"/>
      <c r="AP6"/>
      <c r="AQ6"/>
      <c r="AR6"/>
      <c r="AS6"/>
      <c r="AT6"/>
      <c r="AU6"/>
      <c r="AV6"/>
      <c r="AW6"/>
      <c r="AX6"/>
      <c r="AY6"/>
      <c r="AZ6"/>
      <c r="BA6"/>
      <c r="BB6" s="4"/>
      <c r="BC6" s="4"/>
      <c r="BD6" s="4"/>
      <c r="BE6" s="4"/>
      <c r="BF6" s="4"/>
      <c r="BG6" s="4"/>
      <c r="BH6" s="4"/>
      <c r="BI6" s="4"/>
      <c r="BJ6" s="4"/>
      <c r="BK6" s="4"/>
      <c r="BL6" s="4"/>
      <c r="BM6" s="4"/>
      <c r="BN6" s="4"/>
      <c r="BO6" s="4"/>
      <c r="BP6" s="4"/>
      <c r="BQ6" s="4"/>
      <c r="BR6" s="4"/>
      <c r="BS6" s="4"/>
      <c r="BT6" s="4"/>
      <c r="BU6" s="4"/>
      <c r="BV6" s="4"/>
      <c r="BW6" s="4"/>
      <c r="BX6" s="4"/>
      <c r="BY6" s="4"/>
      <c r="BZ6" s="4"/>
      <c r="CA6" s="4"/>
      <c r="CB6" s="4"/>
      <c r="CC6" s="4"/>
      <c r="CD6" s="4"/>
      <c r="CE6" s="4"/>
      <c r="CF6" s="4"/>
      <c r="CG6" s="4"/>
      <c r="CH6" s="4"/>
      <c r="CI6" s="4"/>
      <c r="CJ6" s="4"/>
      <c r="CK6" s="4"/>
      <c r="CL6" s="4"/>
      <c r="CM6" s="4"/>
      <c r="CN6" s="4"/>
      <c r="CO6" s="4"/>
      <c r="CP6" s="4"/>
      <c r="CQ6" s="4"/>
      <c r="CR6" s="4"/>
      <c r="CS6" s="4"/>
      <c r="CT6" s="4"/>
      <c r="CU6" s="4"/>
      <c r="CV6" s="4"/>
      <c r="CW6" s="4"/>
      <c r="CX6" s="4"/>
      <c r="CY6" s="4"/>
      <c r="CZ6" s="4"/>
      <c r="DA6" s="4"/>
      <c r="DB6" s="4"/>
      <c r="DC6" s="4"/>
      <c r="DD6" s="4"/>
      <c r="DE6" s="4"/>
      <c r="DF6" s="4"/>
      <c r="DG6" s="4"/>
      <c r="DH6" s="4"/>
      <c r="DI6" s="4"/>
      <c r="DJ6" s="4"/>
      <c r="DK6" s="4"/>
    </row>
    <row r="7" spans="1:115" s="81" customFormat="1" ht="12.95" hidden="1" customHeight="1" x14ac:dyDescent="0.2">
      <c r="A7" s="10"/>
      <c r="B7" s="34" t="s">
        <v>38</v>
      </c>
      <c r="C7" s="84"/>
      <c r="D7" s="84"/>
      <c r="E7" s="84"/>
      <c r="F7" s="84"/>
      <c r="G7" s="84"/>
      <c r="H7" s="85"/>
      <c r="I7" s="85"/>
      <c r="J7" s="85"/>
      <c r="K7" s="85"/>
      <c r="L7" s="85"/>
      <c r="M7" s="85"/>
      <c r="N7" s="85"/>
      <c r="O7" s="85"/>
      <c r="P7" s="85"/>
      <c r="Q7" s="85"/>
      <c r="R7" s="85"/>
      <c r="S7" s="85"/>
      <c r="T7" s="85"/>
      <c r="U7" s="85"/>
      <c r="V7"/>
      <c r="W7"/>
      <c r="X7"/>
      <c r="Y7"/>
      <c r="Z7"/>
      <c r="AA7"/>
      <c r="AB7"/>
      <c r="AC7"/>
      <c r="AD7"/>
      <c r="AE7"/>
      <c r="AF7"/>
      <c r="AG7"/>
      <c r="AH7"/>
      <c r="AI7"/>
      <c r="AJ7"/>
      <c r="AK7"/>
      <c r="AL7"/>
      <c r="AM7"/>
      <c r="AN7"/>
      <c r="AO7"/>
      <c r="AP7"/>
      <c r="AQ7"/>
      <c r="AR7"/>
      <c r="AS7"/>
      <c r="AT7"/>
      <c r="AU7"/>
      <c r="AV7"/>
      <c r="AW7"/>
      <c r="AX7"/>
      <c r="AY7"/>
      <c r="AZ7"/>
      <c r="BA7"/>
      <c r="BB7" s="4"/>
      <c r="BC7" s="4"/>
      <c r="BD7" s="4"/>
      <c r="BE7" s="4"/>
      <c r="BF7" s="4"/>
      <c r="BG7" s="4"/>
      <c r="BH7" s="4"/>
      <c r="BI7" s="4"/>
      <c r="BJ7" s="4"/>
      <c r="BK7" s="4"/>
      <c r="BL7" s="4"/>
      <c r="BM7" s="4"/>
      <c r="BN7" s="4"/>
      <c r="BO7" s="4"/>
      <c r="BP7" s="4"/>
      <c r="BQ7" s="4"/>
      <c r="BR7" s="4"/>
      <c r="BS7" s="4"/>
      <c r="BT7" s="4"/>
      <c r="BU7" s="4"/>
      <c r="BV7" s="4"/>
      <c r="BW7" s="4"/>
      <c r="BX7" s="4"/>
      <c r="BY7" s="4"/>
      <c r="BZ7" s="4"/>
      <c r="CA7" s="4"/>
      <c r="CB7" s="4"/>
      <c r="CC7" s="4"/>
      <c r="CD7" s="4"/>
      <c r="CE7" s="4"/>
      <c r="CF7" s="4"/>
      <c r="CG7" s="4"/>
      <c r="CH7" s="4"/>
      <c r="CI7" s="4"/>
      <c r="CJ7" s="4"/>
      <c r="CK7" s="4"/>
      <c r="CL7" s="4"/>
      <c r="CM7" s="4"/>
      <c r="CN7" s="4"/>
      <c r="CO7" s="4"/>
      <c r="CP7" s="4"/>
      <c r="CQ7" s="4"/>
      <c r="CR7" s="4"/>
      <c r="CS7" s="4"/>
      <c r="CT7" s="4"/>
      <c r="CU7" s="4"/>
      <c r="CV7" s="4"/>
      <c r="CW7" s="4"/>
      <c r="CX7" s="4"/>
      <c r="CY7" s="4"/>
      <c r="CZ7" s="4"/>
      <c r="DA7" s="4"/>
      <c r="DB7" s="4"/>
      <c r="DC7" s="4"/>
      <c r="DD7" s="4"/>
      <c r="DE7" s="4"/>
      <c r="DF7" s="4"/>
      <c r="DG7" s="4"/>
      <c r="DH7" s="4"/>
      <c r="DI7" s="4"/>
      <c r="DJ7" s="4"/>
      <c r="DK7" s="4"/>
    </row>
    <row r="8" spans="1:115" s="81" customFormat="1" x14ac:dyDescent="0.2">
      <c r="A8" s="10"/>
      <c r="B8" s="34" t="s">
        <v>124</v>
      </c>
      <c r="C8" s="84"/>
      <c r="D8" s="84"/>
      <c r="E8" s="84"/>
      <c r="F8" s="84"/>
      <c r="G8" s="84"/>
      <c r="H8" s="85"/>
      <c r="I8" s="85"/>
      <c r="J8" s="85"/>
      <c r="K8" s="85"/>
      <c r="L8" s="85"/>
      <c r="M8" s="85"/>
      <c r="N8" s="85"/>
      <c r="O8" s="85"/>
      <c r="P8" s="85"/>
      <c r="Q8" s="85"/>
      <c r="R8" s="85"/>
      <c r="S8" s="85"/>
      <c r="T8" s="85"/>
      <c r="U8" s="85"/>
      <c r="V8"/>
      <c r="W8"/>
      <c r="X8"/>
      <c r="Y8"/>
      <c r="Z8"/>
      <c r="AA8"/>
      <c r="AB8"/>
      <c r="AC8"/>
      <c r="AD8"/>
      <c r="AE8"/>
      <c r="AF8"/>
      <c r="AG8"/>
      <c r="AH8"/>
      <c r="AI8"/>
      <c r="AJ8"/>
      <c r="AK8"/>
      <c r="AL8"/>
      <c r="AM8"/>
      <c r="AN8"/>
      <c r="AO8"/>
      <c r="AP8"/>
      <c r="AQ8"/>
      <c r="AR8"/>
      <c r="AS8"/>
      <c r="AT8"/>
      <c r="AU8"/>
      <c r="AV8"/>
      <c r="AW8"/>
      <c r="AX8"/>
      <c r="AY8"/>
      <c r="AZ8"/>
      <c r="BA8"/>
      <c r="BB8" s="4"/>
      <c r="BC8" s="4"/>
      <c r="BD8" s="4"/>
      <c r="BE8" s="4"/>
      <c r="BF8" s="4"/>
      <c r="BG8" s="4"/>
      <c r="BH8" s="4"/>
      <c r="BI8" s="4"/>
      <c r="BJ8" s="4"/>
      <c r="BK8" s="4"/>
      <c r="BL8" s="4"/>
      <c r="BM8" s="4"/>
      <c r="BN8" s="4"/>
      <c r="BO8" s="4"/>
      <c r="BP8" s="4"/>
      <c r="BQ8" s="4"/>
      <c r="BR8" s="4"/>
      <c r="BS8" s="4"/>
      <c r="BT8" s="4"/>
      <c r="BU8" s="4"/>
      <c r="BV8" s="4"/>
      <c r="BW8" s="4"/>
      <c r="BX8" s="4"/>
      <c r="BY8" s="4"/>
      <c r="BZ8" s="4"/>
      <c r="CA8" s="4"/>
      <c r="CB8" s="4"/>
      <c r="CC8" s="4"/>
      <c r="CD8" s="4"/>
      <c r="CE8" s="4"/>
      <c r="CF8" s="4"/>
      <c r="CG8" s="4"/>
      <c r="CH8" s="4"/>
      <c r="CI8" s="4"/>
      <c r="CJ8" s="4"/>
      <c r="CK8" s="4"/>
      <c r="CL8" s="4"/>
      <c r="CM8" s="4"/>
      <c r="CN8" s="4"/>
      <c r="CO8" s="4"/>
      <c r="CP8" s="4"/>
      <c r="CQ8" s="4"/>
      <c r="CR8" s="4"/>
      <c r="CS8" s="4"/>
      <c r="CT8" s="4"/>
      <c r="CU8" s="4"/>
      <c r="CV8" s="4"/>
      <c r="CW8" s="4"/>
      <c r="CX8" s="4"/>
      <c r="CY8" s="4"/>
      <c r="CZ8" s="4"/>
      <c r="DA8" s="4"/>
      <c r="DB8" s="4"/>
      <c r="DC8" s="4"/>
      <c r="DD8" s="4"/>
      <c r="DE8" s="4"/>
      <c r="DF8" s="4"/>
      <c r="DG8" s="4"/>
      <c r="DH8" s="4"/>
      <c r="DI8" s="4"/>
      <c r="DJ8" s="4"/>
      <c r="DK8" s="4"/>
    </row>
    <row r="9" spans="1:115" s="81" customFormat="1" x14ac:dyDescent="0.2">
      <c r="A9" s="10"/>
      <c r="B9" s="34" t="s">
        <v>125</v>
      </c>
      <c r="C9" s="84"/>
      <c r="D9" s="84"/>
      <c r="E9" s="84"/>
      <c r="F9" s="84"/>
      <c r="G9" s="84"/>
      <c r="H9" s="85"/>
      <c r="I9" s="85"/>
      <c r="J9" s="85"/>
      <c r="K9" s="85"/>
      <c r="L9" s="85"/>
      <c r="M9" s="85"/>
      <c r="N9" s="85"/>
      <c r="O9" s="85"/>
      <c r="P9" s="85"/>
      <c r="Q9" s="85"/>
      <c r="R9" s="85"/>
      <c r="S9" s="85"/>
      <c r="T9" s="85"/>
      <c r="U9" s="85"/>
      <c r="V9"/>
      <c r="W9"/>
      <c r="X9"/>
      <c r="Y9"/>
      <c r="Z9"/>
      <c r="AA9"/>
      <c r="AB9"/>
      <c r="AC9"/>
      <c r="AD9"/>
      <c r="AE9"/>
      <c r="AF9"/>
      <c r="AG9"/>
      <c r="AH9"/>
      <c r="AI9"/>
      <c r="AJ9"/>
      <c r="AK9"/>
      <c r="AL9"/>
      <c r="AM9"/>
      <c r="AN9"/>
      <c r="AO9"/>
      <c r="AP9"/>
      <c r="AQ9"/>
      <c r="AR9"/>
      <c r="AS9"/>
      <c r="AT9"/>
      <c r="AU9"/>
      <c r="AV9"/>
      <c r="AW9"/>
      <c r="AX9"/>
      <c r="AY9"/>
      <c r="AZ9"/>
      <c r="BA9"/>
      <c r="BB9" s="4"/>
      <c r="BC9" s="4"/>
      <c r="BD9" s="4"/>
      <c r="BE9" s="4"/>
      <c r="BF9" s="4"/>
      <c r="BG9" s="4"/>
      <c r="BH9" s="4"/>
      <c r="BI9" s="4"/>
      <c r="BJ9" s="4"/>
      <c r="BK9" s="4"/>
      <c r="BL9" s="4"/>
      <c r="BM9" s="4"/>
      <c r="BN9" s="4"/>
      <c r="BO9" s="4"/>
      <c r="BP9" s="4"/>
      <c r="BQ9" s="4"/>
      <c r="BR9" s="4"/>
      <c r="BS9" s="4"/>
      <c r="BT9" s="4"/>
      <c r="BU9" s="4"/>
      <c r="BV9" s="4"/>
      <c r="BW9" s="4"/>
      <c r="BX9" s="4"/>
      <c r="BY9" s="4"/>
      <c r="BZ9" s="4"/>
      <c r="CA9" s="4"/>
      <c r="CB9" s="4"/>
      <c r="CC9" s="4"/>
      <c r="CD9" s="4"/>
      <c r="CE9" s="4"/>
      <c r="CF9" s="4"/>
      <c r="CG9" s="4"/>
      <c r="CH9" s="4"/>
      <c r="CI9" s="4"/>
      <c r="CJ9" s="4"/>
      <c r="CK9" s="4"/>
      <c r="CL9" s="4"/>
      <c r="CM9" s="4"/>
      <c r="CN9" s="4"/>
      <c r="CO9" s="4"/>
      <c r="CP9" s="4"/>
      <c r="CQ9" s="4"/>
      <c r="CR9" s="4"/>
      <c r="CS9" s="4"/>
      <c r="CT9" s="4"/>
      <c r="CU9" s="4"/>
      <c r="CV9" s="4"/>
      <c r="CW9" s="4"/>
      <c r="CX9" s="4"/>
      <c r="CY9" s="4"/>
      <c r="CZ9" s="4"/>
      <c r="DA9" s="4"/>
      <c r="DB9" s="4"/>
      <c r="DC9" s="4"/>
      <c r="DD9" s="4"/>
      <c r="DE9" s="4"/>
      <c r="DF9" s="4"/>
      <c r="DG9" s="4"/>
      <c r="DH9" s="4"/>
      <c r="DI9" s="4"/>
      <c r="DJ9" s="4"/>
      <c r="DK9" s="4"/>
    </row>
    <row r="10" spans="1:115" s="81" customFormat="1" x14ac:dyDescent="0.2">
      <c r="A10" s="10"/>
      <c r="B10" s="34" t="s">
        <v>126</v>
      </c>
      <c r="C10" s="84"/>
      <c r="D10" s="84"/>
      <c r="E10" s="84"/>
      <c r="F10" s="84"/>
      <c r="G10" s="84"/>
      <c r="H10" s="85"/>
      <c r="I10" s="85"/>
      <c r="J10" s="85"/>
      <c r="K10" s="85"/>
      <c r="L10" s="85"/>
      <c r="M10" s="85"/>
      <c r="N10" s="85"/>
      <c r="O10" s="85"/>
      <c r="P10" s="85"/>
      <c r="Q10" s="85"/>
      <c r="R10" s="85"/>
      <c r="S10" s="85"/>
      <c r="T10" s="85"/>
      <c r="U10" s="85"/>
      <c r="V10"/>
      <c r="W10"/>
      <c r="X10"/>
      <c r="Y10"/>
      <c r="Z10"/>
      <c r="AA10"/>
      <c r="AB10"/>
      <c r="AC10"/>
      <c r="AD10"/>
      <c r="AE10"/>
      <c r="AF10"/>
      <c r="AG10"/>
      <c r="AH10"/>
      <c r="AI10"/>
      <c r="AJ10"/>
      <c r="AK10"/>
      <c r="AL10"/>
      <c r="AM10"/>
      <c r="AN10"/>
      <c r="AO10"/>
      <c r="AP10"/>
      <c r="AQ10"/>
      <c r="AR10"/>
      <c r="AS10"/>
      <c r="AT10"/>
      <c r="AU10"/>
      <c r="AV10"/>
      <c r="AW10"/>
      <c r="AX10"/>
      <c r="AY10"/>
      <c r="AZ10"/>
      <c r="BA10"/>
      <c r="BB10" s="4"/>
      <c r="BC10" s="4"/>
      <c r="BD10" s="4"/>
      <c r="BE10" s="4"/>
      <c r="BF10" s="4"/>
      <c r="BG10" s="4"/>
      <c r="BH10" s="4"/>
      <c r="BI10" s="4"/>
      <c r="BJ10" s="4"/>
      <c r="BK10" s="4"/>
      <c r="BL10" s="4"/>
      <c r="BM10" s="4"/>
      <c r="BN10" s="4"/>
      <c r="BO10" s="4"/>
      <c r="BP10" s="4"/>
      <c r="BQ10" s="4"/>
      <c r="BR10" s="4"/>
      <c r="BS10" s="4"/>
      <c r="BT10" s="4"/>
      <c r="BU10" s="4"/>
      <c r="BV10" s="4"/>
      <c r="BW10" s="4"/>
      <c r="BX10" s="4"/>
      <c r="BY10" s="4"/>
      <c r="BZ10" s="4"/>
      <c r="CA10" s="4"/>
      <c r="CB10" s="4"/>
      <c r="CC10" s="4"/>
      <c r="CD10" s="4"/>
      <c r="CE10" s="4"/>
      <c r="CF10" s="4"/>
      <c r="CG10" s="4"/>
      <c r="CH10" s="4"/>
      <c r="CI10" s="4"/>
      <c r="CJ10" s="4"/>
      <c r="CK10" s="4"/>
      <c r="CL10" s="4"/>
      <c r="CM10" s="4"/>
      <c r="CN10" s="4"/>
      <c r="CO10" s="4"/>
      <c r="CP10" s="4"/>
      <c r="CQ10" s="4"/>
      <c r="CR10" s="4"/>
      <c r="CS10" s="4"/>
      <c r="CT10" s="4"/>
      <c r="CU10" s="4"/>
      <c r="CV10" s="4"/>
      <c r="CW10" s="4"/>
      <c r="CX10" s="4"/>
      <c r="CY10" s="4"/>
      <c r="CZ10" s="4"/>
      <c r="DA10" s="4"/>
      <c r="DB10" s="4"/>
      <c r="DC10" s="4"/>
      <c r="DD10" s="4"/>
      <c r="DE10" s="4"/>
      <c r="DF10" s="4"/>
      <c r="DG10" s="4"/>
      <c r="DH10" s="4"/>
      <c r="DI10" s="4"/>
      <c r="DJ10" s="4"/>
      <c r="DK10" s="4"/>
    </row>
    <row r="11" spans="1:115" s="81" customFormat="1" x14ac:dyDescent="0.2">
      <c r="A11" s="10"/>
      <c r="B11" s="34" t="s">
        <v>127</v>
      </c>
      <c r="C11" s="84"/>
      <c r="D11" s="108"/>
      <c r="E11" s="108"/>
      <c r="F11" s="108"/>
      <c r="G11" s="108"/>
      <c r="H11" s="87"/>
      <c r="I11" s="87"/>
      <c r="J11" s="87"/>
      <c r="K11" s="87"/>
      <c r="L11" s="87"/>
      <c r="M11" s="87"/>
      <c r="N11" s="87"/>
      <c r="O11" s="87"/>
      <c r="P11" s="87"/>
      <c r="Q11" s="87"/>
      <c r="R11" s="87"/>
      <c r="S11" s="87"/>
      <c r="T11" s="87"/>
      <c r="U11" s="85"/>
      <c r="V11"/>
      <c r="W11"/>
      <c r="X11"/>
      <c r="Y11"/>
      <c r="Z11"/>
      <c r="AA11"/>
      <c r="AB11"/>
      <c r="AC11"/>
      <c r="AD11"/>
      <c r="AE11"/>
      <c r="AF11"/>
      <c r="AG11"/>
      <c r="AH11"/>
      <c r="AI11"/>
      <c r="AJ11"/>
      <c r="AK11"/>
      <c r="AL11"/>
      <c r="AM11"/>
      <c r="AN11"/>
      <c r="AO11"/>
      <c r="AP11"/>
      <c r="AQ11"/>
      <c r="AR11"/>
      <c r="AS11"/>
      <c r="AT11"/>
      <c r="AU11"/>
      <c r="AV11"/>
      <c r="AW11"/>
      <c r="AX11"/>
      <c r="AY11"/>
      <c r="AZ11"/>
      <c r="BA11"/>
      <c r="BB11" s="4"/>
      <c r="BC11" s="4"/>
      <c r="BD11" s="4"/>
      <c r="BE11" s="4"/>
      <c r="BF11" s="4"/>
      <c r="BG11" s="4"/>
      <c r="BH11" s="4"/>
      <c r="BI11" s="4"/>
      <c r="BJ11" s="4"/>
      <c r="BK11" s="4"/>
      <c r="BL11" s="4"/>
      <c r="BM11" s="4"/>
      <c r="BN11" s="4"/>
      <c r="BO11" s="4"/>
      <c r="BP11" s="4"/>
      <c r="BQ11" s="4"/>
      <c r="BR11" s="4"/>
      <c r="BS11" s="4"/>
      <c r="BT11" s="4"/>
      <c r="BU11" s="4"/>
      <c r="BV11" s="4"/>
      <c r="BW11" s="4"/>
      <c r="BX11" s="4"/>
      <c r="BY11" s="4"/>
      <c r="BZ11" s="4"/>
      <c r="CA11" s="4"/>
      <c r="CB11" s="4"/>
      <c r="CC11" s="4"/>
      <c r="CD11" s="4"/>
      <c r="CE11" s="4"/>
      <c r="CF11" s="4"/>
      <c r="CG11" s="4"/>
      <c r="CH11" s="4"/>
      <c r="CI11" s="4"/>
      <c r="CJ11" s="4"/>
      <c r="CK11" s="4"/>
      <c r="CL11" s="4"/>
      <c r="CM11" s="4"/>
      <c r="CN11" s="4"/>
      <c r="CO11" s="4"/>
      <c r="CP11" s="4"/>
      <c r="CQ11" s="4"/>
      <c r="CR11" s="4"/>
      <c r="CS11" s="4"/>
      <c r="CT11" s="4"/>
      <c r="CU11" s="4"/>
      <c r="CV11" s="4"/>
      <c r="CW11" s="4"/>
      <c r="CX11" s="4"/>
      <c r="CY11" s="4"/>
      <c r="CZ11" s="4"/>
      <c r="DA11" s="4"/>
      <c r="DB11" s="4"/>
      <c r="DC11" s="4"/>
      <c r="DD11" s="4"/>
      <c r="DE11" s="4"/>
      <c r="DF11" s="4"/>
      <c r="DG11" s="4"/>
      <c r="DH11" s="4"/>
      <c r="DI11" s="4"/>
      <c r="DJ11" s="4"/>
      <c r="DK11" s="4"/>
    </row>
    <row r="12" spans="1:115" s="81" customFormat="1" x14ac:dyDescent="0.2">
      <c r="A12" s="10"/>
      <c r="B12" s="34" t="s">
        <v>128</v>
      </c>
      <c r="C12" s="84"/>
      <c r="D12" s="108"/>
      <c r="E12" s="108"/>
      <c r="F12" s="108"/>
      <c r="G12" s="108"/>
      <c r="H12" s="87"/>
      <c r="I12" s="87"/>
      <c r="J12" s="87"/>
      <c r="K12" s="87"/>
      <c r="L12" s="87"/>
      <c r="M12" s="87"/>
      <c r="N12" s="87"/>
      <c r="O12" s="87"/>
      <c r="P12" s="87"/>
      <c r="Q12" s="87"/>
      <c r="R12" s="87"/>
      <c r="S12" s="87"/>
      <c r="T12" s="87"/>
      <c r="U12" s="85"/>
      <c r="V12"/>
      <c r="W12"/>
      <c r="X12"/>
      <c r="Y12"/>
      <c r="Z12"/>
      <c r="AA12"/>
      <c r="AB12"/>
      <c r="AC12"/>
      <c r="AD12"/>
      <c r="AE12"/>
      <c r="AF12"/>
      <c r="AG12"/>
      <c r="AH12"/>
      <c r="AI12"/>
      <c r="AJ12"/>
      <c r="AK12"/>
      <c r="AL12"/>
      <c r="AM12"/>
      <c r="AN12"/>
      <c r="AO12"/>
      <c r="AP12"/>
      <c r="AQ12"/>
      <c r="AR12"/>
      <c r="AS12"/>
      <c r="AT12"/>
      <c r="AU12"/>
      <c r="AV12"/>
      <c r="AW12"/>
      <c r="AX12"/>
      <c r="AY12"/>
      <c r="AZ12"/>
      <c r="BA12"/>
      <c r="BB12" s="4"/>
      <c r="BC12" s="4"/>
      <c r="BD12" s="4"/>
      <c r="BE12" s="4"/>
      <c r="BF12" s="4"/>
      <c r="BG12" s="4"/>
      <c r="BH12" s="4"/>
      <c r="BI12" s="4"/>
      <c r="BJ12" s="4"/>
      <c r="BK12" s="4"/>
      <c r="BL12" s="4"/>
      <c r="BM12" s="4"/>
      <c r="BN12" s="4"/>
      <c r="BO12" s="4"/>
      <c r="BP12" s="4"/>
      <c r="BQ12" s="4"/>
      <c r="BR12" s="4"/>
      <c r="BS12" s="4"/>
      <c r="BT12" s="4"/>
      <c r="BU12" s="4"/>
      <c r="BV12" s="4"/>
      <c r="BW12" s="4"/>
      <c r="BX12" s="4"/>
      <c r="BY12" s="4"/>
      <c r="BZ12" s="4"/>
      <c r="CA12" s="4"/>
      <c r="CB12" s="4"/>
      <c r="CC12" s="4"/>
      <c r="CD12" s="4"/>
      <c r="CE12" s="4"/>
      <c r="CF12" s="4"/>
      <c r="CG12" s="4"/>
      <c r="CH12" s="4"/>
      <c r="CI12" s="4"/>
      <c r="CJ12" s="4"/>
      <c r="CK12" s="4"/>
      <c r="CL12" s="4"/>
      <c r="CM12" s="4"/>
      <c r="CN12" s="4"/>
      <c r="CO12" s="4"/>
      <c r="CP12" s="4"/>
      <c r="CQ12" s="4"/>
      <c r="CR12" s="4"/>
      <c r="CS12" s="4"/>
      <c r="CT12" s="4"/>
      <c r="CU12" s="4"/>
      <c r="CV12" s="4"/>
      <c r="CW12" s="4"/>
      <c r="CX12" s="4"/>
      <c r="CY12" s="4"/>
      <c r="CZ12" s="4"/>
      <c r="DA12" s="4"/>
      <c r="DB12" s="4"/>
      <c r="DC12" s="4"/>
      <c r="DD12" s="4"/>
      <c r="DE12" s="4"/>
      <c r="DF12" s="4"/>
      <c r="DG12" s="4"/>
      <c r="DH12" s="4"/>
      <c r="DI12" s="4"/>
      <c r="DJ12" s="4"/>
      <c r="DK12" s="4"/>
    </row>
    <row r="13" spans="1:115" s="81" customFormat="1" x14ac:dyDescent="0.2">
      <c r="A13" s="10"/>
      <c r="B13" s="34" t="s">
        <v>129</v>
      </c>
      <c r="C13" s="84"/>
      <c r="D13" s="108"/>
      <c r="E13" s="108"/>
      <c r="F13" s="108"/>
      <c r="G13" s="108"/>
      <c r="H13" s="87"/>
      <c r="I13" s="87"/>
      <c r="J13" s="87"/>
      <c r="K13" s="87"/>
      <c r="L13" s="87"/>
      <c r="M13" s="87"/>
      <c r="N13" s="87"/>
      <c r="O13" s="87"/>
      <c r="P13" s="87"/>
      <c r="Q13" s="87"/>
      <c r="R13" s="87"/>
      <c r="S13" s="87"/>
      <c r="T13" s="87"/>
      <c r="U13" s="85"/>
      <c r="V13"/>
      <c r="W13"/>
      <c r="X13"/>
      <c r="Y13"/>
      <c r="Z13"/>
      <c r="AA13"/>
      <c r="AB13"/>
      <c r="AC13"/>
      <c r="AD13"/>
      <c r="AE13"/>
      <c r="AF13"/>
      <c r="AG13"/>
      <c r="AH13"/>
      <c r="AI13"/>
      <c r="AJ13"/>
      <c r="AK13"/>
      <c r="AL13"/>
      <c r="AM13"/>
      <c r="AN13"/>
      <c r="AO13"/>
      <c r="AP13"/>
      <c r="AQ13"/>
      <c r="AR13"/>
      <c r="AS13"/>
      <c r="AT13"/>
      <c r="AU13"/>
      <c r="AV13"/>
      <c r="AW13"/>
      <c r="AX13"/>
      <c r="AY13"/>
      <c r="AZ13"/>
      <c r="BA13"/>
      <c r="BB13" s="4"/>
      <c r="BC13" s="4"/>
      <c r="BD13" s="4"/>
      <c r="BE13" s="4"/>
      <c r="BF13" s="4"/>
      <c r="BG13" s="4"/>
      <c r="BH13" s="4"/>
      <c r="BI13" s="4"/>
      <c r="BJ13" s="4"/>
      <c r="BK13" s="4"/>
      <c r="BL13" s="4"/>
      <c r="BM13" s="4"/>
      <c r="BN13" s="4"/>
      <c r="BO13" s="4"/>
      <c r="BP13" s="4"/>
      <c r="BQ13" s="4"/>
      <c r="BR13" s="4"/>
      <c r="BS13" s="4"/>
      <c r="BT13" s="4"/>
      <c r="BU13" s="4"/>
      <c r="BV13" s="4"/>
      <c r="BW13" s="4"/>
      <c r="BX13" s="4"/>
      <c r="BY13" s="4"/>
      <c r="BZ13" s="4"/>
      <c r="CA13" s="4"/>
      <c r="CB13" s="4"/>
      <c r="CC13" s="4"/>
      <c r="CD13" s="4"/>
      <c r="CE13" s="4"/>
      <c r="CF13" s="4"/>
      <c r="CG13" s="4"/>
      <c r="CH13" s="4"/>
      <c r="CI13" s="4"/>
      <c r="CJ13" s="4"/>
      <c r="CK13" s="4"/>
      <c r="CL13" s="4"/>
      <c r="CM13" s="4"/>
      <c r="CN13" s="4"/>
      <c r="CO13" s="4"/>
      <c r="CP13" s="4"/>
      <c r="CQ13" s="4"/>
      <c r="CR13" s="4"/>
      <c r="CS13" s="4"/>
      <c r="CT13" s="4"/>
      <c r="CU13" s="4"/>
      <c r="CV13" s="4"/>
      <c r="CW13" s="4"/>
      <c r="CX13" s="4"/>
      <c r="CY13" s="4"/>
      <c r="CZ13" s="4"/>
      <c r="DA13" s="4"/>
      <c r="DB13" s="4"/>
      <c r="DC13" s="4"/>
      <c r="DD13" s="4"/>
      <c r="DE13" s="4"/>
      <c r="DF13" s="4"/>
      <c r="DG13" s="4"/>
      <c r="DH13" s="4"/>
      <c r="DI13" s="4"/>
      <c r="DJ13" s="4"/>
      <c r="DK13" s="4"/>
    </row>
    <row r="14" spans="1:115" ht="16.5" customHeight="1" x14ac:dyDescent="0.2">
      <c r="B14" s="138"/>
      <c r="C14" s="86"/>
      <c r="D14" s="86"/>
      <c r="E14" s="86"/>
      <c r="F14" s="86"/>
      <c r="G14" s="86"/>
      <c r="H14" s="86"/>
      <c r="I14" s="86"/>
      <c r="J14" s="86"/>
      <c r="K14" s="86"/>
      <c r="L14" s="86"/>
      <c r="M14" s="86"/>
      <c r="N14" s="86"/>
      <c r="O14" s="86"/>
      <c r="P14" s="86"/>
      <c r="Q14" s="86"/>
      <c r="R14" s="86"/>
      <c r="S14" s="86"/>
      <c r="T14" s="86"/>
      <c r="U14" s="86"/>
    </row>
    <row r="15" spans="1:115" ht="26.1" customHeight="1" x14ac:dyDescent="0.2">
      <c r="B15" s="212" t="s">
        <v>82</v>
      </c>
      <c r="C15" s="213"/>
      <c r="D15" s="213"/>
      <c r="E15" s="213"/>
      <c r="F15" s="213"/>
      <c r="G15" s="213"/>
      <c r="H15" s="213"/>
      <c r="I15" s="213"/>
      <c r="J15" s="213"/>
      <c r="K15" s="213"/>
      <c r="L15" s="213"/>
      <c r="M15" s="213"/>
      <c r="N15" s="213"/>
      <c r="O15" s="213"/>
      <c r="P15" s="213"/>
      <c r="Q15" s="213"/>
      <c r="R15" s="213"/>
      <c r="S15" s="213"/>
      <c r="T15" s="213"/>
      <c r="U15" s="213"/>
      <c r="V15" s="213"/>
      <c r="W15" s="213"/>
      <c r="X15" s="213"/>
      <c r="Y15" s="213"/>
      <c r="Z15" s="213"/>
      <c r="AA15" s="213"/>
      <c r="AB15" s="213"/>
      <c r="AC15" s="213"/>
      <c r="AD15" s="213"/>
      <c r="AE15" s="213"/>
      <c r="AF15" s="213"/>
      <c r="AG15" s="213"/>
      <c r="AH15" s="213"/>
      <c r="AI15" s="213"/>
      <c r="AJ15" s="213"/>
      <c r="AK15" s="213"/>
      <c r="AL15" s="213"/>
      <c r="AM15" s="213"/>
      <c r="AN15" s="213"/>
      <c r="AO15" s="213"/>
      <c r="AP15" s="213"/>
      <c r="AQ15" s="213"/>
      <c r="AR15" s="213"/>
      <c r="AS15" s="213"/>
      <c r="AT15" s="213"/>
      <c r="AU15" s="213"/>
      <c r="AV15" s="214"/>
      <c r="DF15" s="5"/>
      <c r="DG15" s="5"/>
      <c r="DH15" s="5"/>
      <c r="DI15" s="5"/>
      <c r="DJ15" s="5"/>
      <c r="DK15" s="5"/>
    </row>
    <row r="16" spans="1:115" ht="5.0999999999999996" customHeight="1" x14ac:dyDescent="0.2">
      <c r="B16" s="34"/>
      <c r="C16" s="84"/>
      <c r="D16" s="84"/>
      <c r="E16" s="84"/>
      <c r="F16" s="9"/>
      <c r="G16" s="9"/>
      <c r="H16" s="9"/>
      <c r="I16" s="9"/>
      <c r="J16" s="9"/>
      <c r="K16" s="9"/>
      <c r="L16" s="9"/>
      <c r="M16" s="9"/>
      <c r="N16" s="9"/>
      <c r="O16" s="9"/>
      <c r="P16" s="9"/>
      <c r="Q16" s="9"/>
      <c r="R16" s="9"/>
      <c r="S16" s="9"/>
      <c r="T16" s="9"/>
      <c r="U16" s="9"/>
    </row>
    <row r="17" spans="1:115" ht="15" customHeight="1" x14ac:dyDescent="0.2">
      <c r="B17" s="172" t="s">
        <v>61</v>
      </c>
      <c r="C17" s="173" t="s">
        <v>58</v>
      </c>
      <c r="D17" s="1"/>
      <c r="E17" s="1"/>
      <c r="F17" s="1"/>
      <c r="G17" s="1"/>
      <c r="H17" s="12"/>
      <c r="I17" s="13"/>
      <c r="J17" s="13"/>
      <c r="K17" s="12"/>
      <c r="L17" s="13"/>
      <c r="M17" s="13"/>
      <c r="N17" s="12"/>
      <c r="O17" s="15" t="s">
        <v>70</v>
      </c>
      <c r="P17" s="13"/>
      <c r="Q17" s="12"/>
      <c r="R17" s="13"/>
      <c r="S17" s="13"/>
      <c r="T17" s="209" t="s">
        <v>130</v>
      </c>
      <c r="U17" s="209"/>
      <c r="V17" s="209"/>
      <c r="W17" s="209"/>
      <c r="X17" s="209"/>
      <c r="Y17" s="209"/>
      <c r="Z17" s="209"/>
      <c r="AA17" s="209"/>
      <c r="AB17" s="209"/>
      <c r="AC17" s="209"/>
      <c r="AD17" s="209"/>
      <c r="AE17" s="209"/>
      <c r="AF17" s="209"/>
      <c r="AG17" s="209"/>
      <c r="AH17" s="209"/>
      <c r="AI17" s="209"/>
      <c r="AJ17" s="209"/>
      <c r="AK17" s="209"/>
      <c r="AL17" s="209"/>
      <c r="AM17" s="209"/>
      <c r="AN17" s="209"/>
      <c r="AO17" s="209"/>
      <c r="AP17" s="209"/>
      <c r="AQ17" s="209"/>
      <c r="AR17" s="209"/>
      <c r="AS17" s="209"/>
      <c r="AT17" s="209"/>
      <c r="AU17" s="209"/>
      <c r="AV17" s="209"/>
    </row>
    <row r="18" spans="1:115" x14ac:dyDescent="0.2">
      <c r="C18" s="84"/>
      <c r="D18" s="84"/>
      <c r="E18" s="84"/>
      <c r="F18" s="9"/>
      <c r="G18" s="9"/>
      <c r="H18" s="9"/>
      <c r="I18" s="9"/>
      <c r="J18" s="9"/>
      <c r="K18" s="9"/>
      <c r="L18" s="9"/>
      <c r="M18" s="9"/>
      <c r="N18" s="9"/>
      <c r="O18" s="9"/>
      <c r="P18" s="9"/>
      <c r="Q18" s="9"/>
      <c r="R18" s="9"/>
      <c r="S18" s="9"/>
      <c r="T18" s="209"/>
      <c r="U18" s="209"/>
      <c r="V18" s="209"/>
      <c r="W18" s="209"/>
      <c r="X18" s="209"/>
      <c r="Y18" s="209"/>
      <c r="Z18" s="209"/>
      <c r="AA18" s="209"/>
      <c r="AB18" s="209"/>
      <c r="AC18" s="209"/>
      <c r="AD18" s="209"/>
      <c r="AE18" s="209"/>
      <c r="AF18" s="209"/>
      <c r="AG18" s="209"/>
      <c r="AH18" s="209"/>
      <c r="AI18" s="209"/>
      <c r="AJ18" s="209"/>
      <c r="AK18" s="209"/>
      <c r="AL18" s="209"/>
      <c r="AM18" s="209"/>
      <c r="AN18" s="209"/>
      <c r="AO18" s="209"/>
      <c r="AP18" s="209"/>
      <c r="AQ18" s="209"/>
      <c r="AR18" s="209"/>
      <c r="AS18" s="209"/>
      <c r="AT18" s="209"/>
      <c r="AU18" s="209"/>
      <c r="AV18" s="209"/>
    </row>
    <row r="19" spans="1:115" x14ac:dyDescent="0.2">
      <c r="C19" s="84"/>
      <c r="D19" s="84"/>
      <c r="E19" s="84"/>
      <c r="F19" s="9"/>
      <c r="G19" s="9"/>
      <c r="H19" s="9"/>
      <c r="I19" s="9"/>
      <c r="J19" s="9"/>
      <c r="K19" s="9"/>
      <c r="L19" s="9"/>
      <c r="M19" s="9"/>
      <c r="N19" s="9"/>
      <c r="O19" s="9"/>
      <c r="P19" s="9"/>
      <c r="Q19" s="9"/>
      <c r="R19" s="9"/>
      <c r="S19" s="9"/>
      <c r="T19" s="21"/>
      <c r="U19" s="9"/>
    </row>
    <row r="20" spans="1:115" s="85" customFormat="1" x14ac:dyDescent="0.2">
      <c r="A20" s="3"/>
      <c r="C20" s="84"/>
      <c r="D20" s="84"/>
      <c r="E20" s="84"/>
      <c r="F20" s="9"/>
      <c r="G20" s="9"/>
      <c r="H20" s="9"/>
      <c r="I20" s="9"/>
      <c r="J20" s="9"/>
      <c r="K20" s="9"/>
      <c r="L20" s="9"/>
      <c r="M20" s="9"/>
      <c r="N20" s="9"/>
      <c r="O20" s="9"/>
      <c r="P20" s="9"/>
      <c r="Q20" s="9"/>
      <c r="R20" s="9"/>
      <c r="S20" s="9"/>
      <c r="T20" s="21"/>
      <c r="U20" s="9"/>
      <c r="V20"/>
      <c r="W20"/>
      <c r="X20"/>
      <c r="Y20"/>
      <c r="Z20"/>
      <c r="AA20"/>
      <c r="AB20"/>
      <c r="AC20"/>
      <c r="AD20"/>
      <c r="AE20"/>
      <c r="AF20"/>
      <c r="AG20"/>
      <c r="AH20"/>
      <c r="AI20"/>
      <c r="AJ20"/>
      <c r="AK20"/>
      <c r="AL20"/>
      <c r="AM20"/>
      <c r="AN20"/>
      <c r="AO20"/>
      <c r="AP20"/>
      <c r="AQ20"/>
      <c r="AR20"/>
      <c r="AS20"/>
      <c r="AT20"/>
      <c r="AU20"/>
      <c r="AV20"/>
      <c r="AW20"/>
      <c r="AX20"/>
      <c r="AY20"/>
      <c r="AZ20"/>
      <c r="BA20"/>
      <c r="BB20" s="4"/>
      <c r="BC20" s="4"/>
      <c r="BD20" s="4"/>
      <c r="BE20" s="4"/>
      <c r="BF20" s="4"/>
      <c r="BG20" s="4"/>
      <c r="BH20" s="4"/>
      <c r="BI20" s="4"/>
      <c r="BJ20" s="4"/>
      <c r="BK20" s="4"/>
      <c r="BL20" s="4"/>
      <c r="BM20" s="4"/>
      <c r="BN20" s="4"/>
      <c r="BO20" s="4"/>
      <c r="BP20" s="4"/>
      <c r="BQ20" s="4"/>
      <c r="BR20" s="4"/>
      <c r="BS20" s="4"/>
      <c r="BT20" s="4"/>
      <c r="BU20" s="4"/>
      <c r="BV20" s="4"/>
      <c r="BW20" s="4"/>
      <c r="BX20" s="4"/>
      <c r="BY20" s="4"/>
      <c r="BZ20" s="4"/>
      <c r="CA20" s="4"/>
      <c r="CB20" s="4"/>
      <c r="CC20" s="4"/>
      <c r="CD20" s="4"/>
      <c r="CE20" s="4"/>
      <c r="CF20" s="4"/>
      <c r="CG20" s="4"/>
      <c r="CH20" s="4"/>
      <c r="CI20" s="4"/>
      <c r="CJ20" s="4"/>
      <c r="CK20" s="4"/>
      <c r="CL20" s="4"/>
      <c r="CM20" s="4"/>
      <c r="CN20" s="4"/>
      <c r="CO20" s="4"/>
      <c r="CP20" s="4"/>
      <c r="CQ20" s="4"/>
      <c r="CR20" s="4"/>
      <c r="CS20" s="4"/>
      <c r="CT20" s="4"/>
      <c r="CU20" s="4"/>
      <c r="CV20" s="4"/>
      <c r="CW20" s="4"/>
      <c r="CX20" s="4"/>
      <c r="CY20" s="4"/>
      <c r="CZ20" s="4"/>
      <c r="DA20" s="4"/>
      <c r="DB20" s="4"/>
      <c r="DC20" s="4"/>
      <c r="DD20" s="4"/>
      <c r="DE20" s="4"/>
      <c r="DF20" s="4"/>
      <c r="DG20" s="4"/>
      <c r="DH20" s="4"/>
      <c r="DI20" s="4"/>
      <c r="DJ20" s="4"/>
      <c r="DK20" s="4"/>
    </row>
    <row r="21" spans="1:115" ht="15" customHeight="1" x14ac:dyDescent="0.2">
      <c r="B21" s="172" t="s">
        <v>62</v>
      </c>
      <c r="C21" s="173" t="s">
        <v>60</v>
      </c>
      <c r="D21" s="1"/>
      <c r="E21" s="1"/>
      <c r="F21" s="1"/>
      <c r="G21" s="1"/>
      <c r="H21"/>
      <c r="I21"/>
      <c r="J21"/>
      <c r="K21"/>
      <c r="L21"/>
      <c r="M21"/>
      <c r="N21"/>
      <c r="O21"/>
      <c r="P21"/>
      <c r="Q21"/>
      <c r="R21" s="13"/>
      <c r="S21" s="13"/>
      <c r="U21" s="13"/>
    </row>
    <row r="22" spans="1:115" ht="5.0999999999999996" customHeight="1" x14ac:dyDescent="0.2">
      <c r="C22" s="1"/>
      <c r="D22" s="1"/>
      <c r="E22" s="1"/>
      <c r="F22" s="1"/>
      <c r="G22" s="1"/>
      <c r="H22" s="13"/>
      <c r="I22" s="13"/>
      <c r="J22" s="13"/>
      <c r="K22" s="13"/>
      <c r="L22" s="13"/>
      <c r="M22" s="13"/>
      <c r="N22" s="13"/>
      <c r="O22" s="13"/>
      <c r="P22" s="13"/>
      <c r="Q22" s="13"/>
      <c r="R22" s="13"/>
      <c r="S22" s="13"/>
      <c r="T22" s="134"/>
      <c r="U22" s="13"/>
    </row>
    <row r="23" spans="1:115" ht="15" customHeight="1" x14ac:dyDescent="0.2">
      <c r="C23" s="1" t="s">
        <v>71</v>
      </c>
      <c r="D23" s="2"/>
      <c r="E23" s="2"/>
      <c r="F23" s="2"/>
      <c r="G23" s="2"/>
      <c r="H23" s="12"/>
      <c r="I23" s="13"/>
      <c r="J23" s="13"/>
      <c r="K23" s="12"/>
      <c r="L23" s="13"/>
      <c r="M23" s="13"/>
      <c r="N23" s="12"/>
      <c r="O23" s="15" t="s">
        <v>69</v>
      </c>
      <c r="P23" s="13"/>
      <c r="Q23" s="12"/>
      <c r="R23" s="13"/>
      <c r="S23" s="13"/>
      <c r="T23" s="215" t="s">
        <v>131</v>
      </c>
      <c r="U23" s="215"/>
      <c r="V23" s="215"/>
      <c r="W23" s="215"/>
      <c r="X23" s="215"/>
      <c r="Y23" s="215"/>
      <c r="Z23" s="215"/>
      <c r="AA23" s="215"/>
      <c r="AB23" s="215"/>
      <c r="AC23" s="215"/>
      <c r="AD23" s="215"/>
      <c r="AE23" s="215"/>
      <c r="AF23" s="215"/>
      <c r="AG23" s="215"/>
      <c r="AH23" s="215"/>
      <c r="AI23" s="215"/>
      <c r="AJ23" s="215"/>
      <c r="AK23" s="215"/>
      <c r="AL23" s="215"/>
      <c r="AM23" s="215"/>
      <c r="AN23" s="215"/>
      <c r="AO23" s="215"/>
      <c r="AP23" s="215"/>
      <c r="AQ23" s="215"/>
      <c r="AR23" s="215"/>
      <c r="AS23" s="215"/>
      <c r="AT23" s="215"/>
      <c r="AU23" s="215"/>
      <c r="AV23" s="215"/>
    </row>
    <row r="24" spans="1:115" ht="5.0999999999999996" customHeight="1" x14ac:dyDescent="0.2">
      <c r="C24" s="21"/>
      <c r="D24" s="18"/>
      <c r="E24" s="18"/>
      <c r="F24" s="18"/>
      <c r="G24" s="18"/>
      <c r="H24" s="18"/>
      <c r="I24" s="18"/>
      <c r="J24" s="18"/>
      <c r="K24" s="18"/>
      <c r="L24" s="18"/>
      <c r="M24" s="18"/>
      <c r="N24" s="18"/>
      <c r="O24" s="18"/>
      <c r="P24" s="18"/>
      <c r="Q24" s="18"/>
      <c r="R24" s="18"/>
      <c r="S24" s="18"/>
      <c r="T24" s="215"/>
      <c r="U24" s="215"/>
      <c r="V24" s="215"/>
      <c r="W24" s="215"/>
      <c r="X24" s="215"/>
      <c r="Y24" s="215"/>
      <c r="Z24" s="215"/>
      <c r="AA24" s="215"/>
      <c r="AB24" s="215"/>
      <c r="AC24" s="215"/>
      <c r="AD24" s="215"/>
      <c r="AE24" s="215"/>
      <c r="AF24" s="215"/>
      <c r="AG24" s="215"/>
      <c r="AH24" s="215"/>
      <c r="AI24" s="215"/>
      <c r="AJ24" s="215"/>
      <c r="AK24" s="215"/>
      <c r="AL24" s="215"/>
      <c r="AM24" s="215"/>
      <c r="AN24" s="215"/>
      <c r="AO24" s="215"/>
      <c r="AP24" s="215"/>
      <c r="AQ24" s="215"/>
      <c r="AR24" s="215"/>
      <c r="AS24" s="215"/>
      <c r="AT24" s="215"/>
      <c r="AU24" s="215"/>
      <c r="AV24" s="215"/>
    </row>
    <row r="25" spans="1:115" ht="12.6" customHeight="1" x14ac:dyDescent="0.2">
      <c r="C25" s="1" t="s">
        <v>72</v>
      </c>
      <c r="D25" s="2"/>
      <c r="E25" s="2"/>
      <c r="F25" s="2"/>
      <c r="G25" s="2"/>
      <c r="H25" s="12"/>
      <c r="I25" s="13"/>
      <c r="J25" s="13"/>
      <c r="K25" s="12"/>
      <c r="L25" s="13"/>
      <c r="M25" s="13"/>
      <c r="N25" s="12"/>
      <c r="O25" s="15" t="s">
        <v>69</v>
      </c>
      <c r="P25" s="13"/>
      <c r="Q25" s="12"/>
      <c r="R25" s="13"/>
      <c r="S25" s="13"/>
      <c r="T25" s="215"/>
      <c r="U25" s="215"/>
      <c r="V25" s="215"/>
      <c r="W25" s="215"/>
      <c r="X25" s="215"/>
      <c r="Y25" s="215"/>
      <c r="Z25" s="215"/>
      <c r="AA25" s="215"/>
      <c r="AB25" s="215"/>
      <c r="AC25" s="215"/>
      <c r="AD25" s="215"/>
      <c r="AE25" s="215"/>
      <c r="AF25" s="215"/>
      <c r="AG25" s="215"/>
      <c r="AH25" s="215"/>
      <c r="AI25" s="215"/>
      <c r="AJ25" s="215"/>
      <c r="AK25" s="215"/>
      <c r="AL25" s="215"/>
      <c r="AM25" s="215"/>
      <c r="AN25" s="215"/>
      <c r="AO25" s="215"/>
      <c r="AP25" s="215"/>
      <c r="AQ25" s="215"/>
      <c r="AR25" s="215"/>
      <c r="AS25" s="215"/>
      <c r="AT25" s="215"/>
      <c r="AU25" s="215"/>
      <c r="AV25" s="215"/>
    </row>
    <row r="26" spans="1:115" ht="15" customHeight="1" x14ac:dyDescent="0.2">
      <c r="C26" s="84"/>
      <c r="D26" s="84"/>
      <c r="E26" s="84"/>
      <c r="F26" s="9"/>
      <c r="G26" s="9"/>
      <c r="H26" s="9"/>
      <c r="I26" s="9"/>
      <c r="J26" s="9"/>
      <c r="K26" s="9"/>
      <c r="L26" s="9"/>
      <c r="M26" s="9"/>
      <c r="N26" s="9"/>
      <c r="O26" s="9"/>
      <c r="P26" s="9"/>
      <c r="Q26" s="9"/>
      <c r="R26" s="9"/>
      <c r="S26" s="9"/>
      <c r="T26" s="9"/>
      <c r="U26" s="9"/>
    </row>
    <row r="27" spans="1:115" s="85" customFormat="1" ht="15" customHeight="1" x14ac:dyDescent="0.2">
      <c r="A27" s="3"/>
      <c r="C27" s="84"/>
      <c r="D27" s="84"/>
      <c r="E27" s="84"/>
      <c r="F27" s="9"/>
      <c r="G27" s="9"/>
      <c r="H27" s="9"/>
      <c r="I27" s="9"/>
      <c r="J27" s="9"/>
      <c r="K27" s="9"/>
      <c r="L27" s="9"/>
      <c r="M27" s="9"/>
      <c r="N27" s="9"/>
      <c r="O27" s="9"/>
      <c r="P27" s="9"/>
      <c r="Q27" s="9"/>
      <c r="R27" s="9"/>
      <c r="S27" s="9"/>
      <c r="T27" s="9"/>
      <c r="U27" s="9"/>
      <c r="V27"/>
      <c r="W27"/>
      <c r="X27"/>
      <c r="Y27"/>
      <c r="Z27"/>
      <c r="AA27"/>
      <c r="AB27"/>
      <c r="AC27"/>
      <c r="AD27"/>
      <c r="AE27"/>
      <c r="AF27"/>
      <c r="AG27"/>
      <c r="AH27"/>
      <c r="AI27"/>
      <c r="AJ27"/>
      <c r="AK27"/>
      <c r="AL27"/>
      <c r="AM27"/>
      <c r="AN27"/>
      <c r="AO27"/>
      <c r="AP27"/>
      <c r="AQ27"/>
      <c r="AR27"/>
      <c r="AS27"/>
      <c r="AT27"/>
      <c r="AU27"/>
      <c r="AV27"/>
      <c r="AW27"/>
      <c r="AX27"/>
      <c r="AY27"/>
      <c r="AZ27"/>
      <c r="BA27"/>
      <c r="BB27" s="4"/>
      <c r="BC27" s="4"/>
      <c r="BD27" s="4"/>
      <c r="BE27" s="4"/>
      <c r="BF27" s="4"/>
      <c r="BG27" s="4"/>
      <c r="BH27" s="4"/>
      <c r="BI27" s="4"/>
      <c r="BJ27" s="4"/>
      <c r="BK27" s="4"/>
      <c r="BL27" s="4"/>
      <c r="BM27" s="4"/>
      <c r="BN27" s="4"/>
      <c r="BO27" s="4"/>
      <c r="BP27" s="4"/>
      <c r="BQ27" s="4"/>
      <c r="BR27" s="4"/>
      <c r="BS27" s="4"/>
      <c r="BT27" s="4"/>
      <c r="BU27" s="4"/>
      <c r="BV27" s="4"/>
      <c r="BW27" s="4"/>
      <c r="BX27" s="4"/>
      <c r="BY27" s="4"/>
      <c r="BZ27" s="4"/>
      <c r="CA27" s="4"/>
      <c r="CB27" s="4"/>
      <c r="CC27" s="4"/>
      <c r="CD27" s="4"/>
      <c r="CE27" s="4"/>
      <c r="CF27" s="4"/>
      <c r="CG27" s="4"/>
      <c r="CH27" s="4"/>
      <c r="CI27" s="4"/>
      <c r="CJ27" s="4"/>
      <c r="CK27" s="4"/>
      <c r="CL27" s="4"/>
      <c r="CM27" s="4"/>
      <c r="CN27" s="4"/>
      <c r="CO27" s="4"/>
      <c r="CP27" s="4"/>
      <c r="CQ27" s="4"/>
      <c r="CR27" s="4"/>
      <c r="CS27" s="4"/>
      <c r="CT27" s="4"/>
      <c r="CU27" s="4"/>
      <c r="CV27" s="4"/>
      <c r="CW27" s="4"/>
      <c r="CX27" s="4"/>
      <c r="CY27" s="4"/>
      <c r="CZ27" s="4"/>
      <c r="DA27" s="4"/>
      <c r="DB27" s="4"/>
      <c r="DC27" s="4"/>
      <c r="DD27" s="4"/>
      <c r="DE27" s="4"/>
      <c r="DF27" s="4"/>
      <c r="DG27" s="4"/>
      <c r="DH27" s="4"/>
      <c r="DI27" s="4"/>
      <c r="DJ27" s="4"/>
      <c r="DK27" s="4"/>
    </row>
    <row r="28" spans="1:115" ht="15" customHeight="1" x14ac:dyDescent="0.2">
      <c r="B28" s="172" t="s">
        <v>63</v>
      </c>
      <c r="C28" s="173" t="s">
        <v>153</v>
      </c>
      <c r="D28" s="2"/>
      <c r="E28" s="2"/>
      <c r="F28" s="2"/>
      <c r="G28" s="2"/>
      <c r="H28"/>
      <c r="I28"/>
      <c r="J28"/>
      <c r="K28"/>
      <c r="L28"/>
      <c r="M28"/>
      <c r="N28"/>
      <c r="O28"/>
      <c r="P28"/>
      <c r="Q28"/>
      <c r="R28"/>
      <c r="S28"/>
      <c r="U28" s="13"/>
    </row>
    <row r="29" spans="1:115" ht="5.0999999999999996" customHeight="1" x14ac:dyDescent="0.2">
      <c r="C29" s="1"/>
      <c r="D29" s="2"/>
      <c r="E29" s="2"/>
      <c r="F29" s="2"/>
      <c r="G29" s="2"/>
      <c r="H29" s="13"/>
      <c r="I29" s="13"/>
      <c r="J29" s="13"/>
      <c r="K29" s="13"/>
      <c r="L29" s="13"/>
      <c r="M29" s="13"/>
      <c r="N29" s="13"/>
      <c r="O29" s="13"/>
      <c r="P29" s="13"/>
      <c r="Q29" s="13"/>
      <c r="R29" s="13"/>
      <c r="S29" s="13"/>
      <c r="T29" s="21"/>
      <c r="U29" s="13"/>
    </row>
    <row r="30" spans="1:115" s="23" customFormat="1" ht="15" customHeight="1" x14ac:dyDescent="0.2">
      <c r="B30" s="7"/>
      <c r="C30" s="1" t="s">
        <v>68</v>
      </c>
      <c r="D30" s="2"/>
      <c r="E30" s="2"/>
      <c r="F30" s="2"/>
      <c r="G30" s="2"/>
      <c r="H30" s="12"/>
      <c r="I30" s="13"/>
      <c r="J30" s="13"/>
      <c r="K30" s="12"/>
      <c r="L30" s="13"/>
      <c r="M30" s="13"/>
      <c r="N30" s="12"/>
      <c r="O30" s="15" t="s">
        <v>70</v>
      </c>
      <c r="P30" s="13"/>
      <c r="Q30" s="12"/>
      <c r="R30" s="13"/>
      <c r="S30" s="13"/>
      <c r="T30" s="209" t="s">
        <v>155</v>
      </c>
      <c r="U30" s="209"/>
      <c r="V30" s="209"/>
      <c r="W30" s="209"/>
      <c r="X30" s="209"/>
      <c r="Y30" s="209"/>
      <c r="Z30" s="209"/>
      <c r="AA30" s="209"/>
      <c r="AB30" s="209"/>
      <c r="AC30" s="209"/>
      <c r="AD30" s="209"/>
      <c r="AE30" s="209"/>
      <c r="AF30" s="209"/>
      <c r="AG30" s="209"/>
      <c r="AH30" s="209"/>
      <c r="AI30" s="209"/>
      <c r="AJ30" s="209"/>
      <c r="AK30" s="209"/>
      <c r="AL30" s="209"/>
      <c r="AM30" s="209"/>
      <c r="AN30" s="209"/>
      <c r="AO30" s="209"/>
      <c r="AP30" s="209"/>
      <c r="AQ30" s="209"/>
      <c r="AR30" s="209"/>
      <c r="AS30" s="209"/>
      <c r="AT30"/>
      <c r="AU30"/>
      <c r="AV30"/>
      <c r="AW30"/>
      <c r="AX30"/>
      <c r="AY30"/>
      <c r="AZ30"/>
      <c r="BA30"/>
    </row>
    <row r="31" spans="1:115" ht="5.0999999999999996" customHeight="1" x14ac:dyDescent="0.2">
      <c r="C31" s="1"/>
      <c r="D31" s="2"/>
      <c r="E31" s="2"/>
      <c r="F31" s="2"/>
      <c r="G31" s="2"/>
      <c r="H31" s="13"/>
      <c r="I31" s="13"/>
      <c r="J31" s="13"/>
      <c r="K31" s="13"/>
      <c r="L31" s="13"/>
      <c r="M31" s="13"/>
      <c r="N31" s="13"/>
      <c r="O31" s="13"/>
      <c r="P31" s="13"/>
      <c r="Q31" s="13"/>
      <c r="R31" s="13"/>
      <c r="S31" s="13"/>
      <c r="T31" s="209"/>
      <c r="U31" s="209"/>
      <c r="V31" s="209"/>
      <c r="W31" s="209"/>
      <c r="X31" s="209"/>
      <c r="Y31" s="209"/>
      <c r="Z31" s="209"/>
      <c r="AA31" s="209"/>
      <c r="AB31" s="209"/>
      <c r="AC31" s="209"/>
      <c r="AD31" s="209"/>
      <c r="AE31" s="209"/>
      <c r="AF31" s="209"/>
      <c r="AG31" s="209"/>
      <c r="AH31" s="209"/>
      <c r="AI31" s="209"/>
      <c r="AJ31" s="209"/>
      <c r="AK31" s="209"/>
      <c r="AL31" s="209"/>
      <c r="AM31" s="209"/>
      <c r="AN31" s="209"/>
      <c r="AO31" s="209"/>
      <c r="AP31" s="209"/>
      <c r="AQ31" s="209"/>
      <c r="AR31" s="209"/>
      <c r="AS31" s="209"/>
    </row>
    <row r="32" spans="1:115" ht="15" customHeight="1" x14ac:dyDescent="0.2">
      <c r="C32" s="1" t="s">
        <v>161</v>
      </c>
      <c r="D32" s="2"/>
      <c r="E32" s="2"/>
      <c r="F32" s="2"/>
      <c r="G32" s="2"/>
      <c r="H32" s="12"/>
      <c r="I32" s="13"/>
      <c r="J32" s="13"/>
      <c r="K32" s="12"/>
      <c r="L32" s="13"/>
      <c r="M32" s="13"/>
      <c r="N32" s="12"/>
      <c r="O32" s="15" t="s">
        <v>70</v>
      </c>
      <c r="P32" s="13"/>
      <c r="Q32" s="12"/>
      <c r="R32" s="13"/>
      <c r="S32" s="13"/>
      <c r="T32" s="209"/>
      <c r="U32" s="209"/>
      <c r="V32" s="209"/>
      <c r="W32" s="209"/>
      <c r="X32" s="209"/>
      <c r="Y32" s="209"/>
      <c r="Z32" s="209"/>
      <c r="AA32" s="209"/>
      <c r="AB32" s="209"/>
      <c r="AC32" s="209"/>
      <c r="AD32" s="209"/>
      <c r="AE32" s="209"/>
      <c r="AF32" s="209"/>
      <c r="AG32" s="209"/>
      <c r="AH32" s="209"/>
      <c r="AI32" s="209"/>
      <c r="AJ32" s="209"/>
      <c r="AK32" s="209"/>
      <c r="AL32" s="209"/>
      <c r="AM32" s="209"/>
      <c r="AN32" s="209"/>
      <c r="AO32" s="209"/>
      <c r="AP32" s="209"/>
      <c r="AQ32" s="209"/>
      <c r="AR32" s="209"/>
      <c r="AS32" s="209"/>
    </row>
    <row r="33" spans="1:115" s="85" customFormat="1" ht="5.0999999999999996" customHeight="1" x14ac:dyDescent="0.2">
      <c r="A33" s="3"/>
      <c r="C33" s="1"/>
      <c r="D33" s="2"/>
      <c r="E33" s="2"/>
      <c r="F33" s="2"/>
      <c r="G33" s="2"/>
      <c r="H33" s="13"/>
      <c r="I33" s="13"/>
      <c r="J33" s="13"/>
      <c r="K33" s="13"/>
      <c r="L33" s="13"/>
      <c r="M33" s="13"/>
      <c r="N33" s="13"/>
      <c r="O33" s="13"/>
      <c r="P33" s="13"/>
      <c r="Q33" s="13"/>
      <c r="R33" s="13"/>
      <c r="S33" s="13"/>
      <c r="T33" s="9"/>
      <c r="U33" s="9"/>
      <c r="V33"/>
      <c r="W33"/>
      <c r="X33"/>
      <c r="Y33"/>
      <c r="Z33"/>
      <c r="AA33"/>
      <c r="AB33"/>
      <c r="AC33"/>
      <c r="AD33"/>
      <c r="AE33"/>
      <c r="AF33"/>
      <c r="AG33"/>
      <c r="AH33"/>
      <c r="AI33"/>
      <c r="AJ33"/>
      <c r="AK33"/>
      <c r="AL33"/>
      <c r="AM33"/>
      <c r="AN33"/>
      <c r="AO33"/>
      <c r="AP33"/>
      <c r="AQ33"/>
      <c r="AR33"/>
      <c r="AS33"/>
      <c r="AT33"/>
      <c r="AU33"/>
      <c r="AV33"/>
      <c r="AW33"/>
      <c r="AX33"/>
      <c r="AY33"/>
      <c r="AZ33"/>
      <c r="BA33"/>
      <c r="BB33" s="4"/>
      <c r="BC33" s="4"/>
      <c r="BD33" s="4"/>
      <c r="BE33" s="4"/>
      <c r="BF33" s="4"/>
      <c r="BG33" s="4"/>
      <c r="BH33" s="4"/>
      <c r="BI33" s="4"/>
      <c r="BJ33" s="4"/>
      <c r="BK33" s="4"/>
      <c r="BL33" s="4"/>
      <c r="BM33" s="4"/>
      <c r="BN33" s="4"/>
      <c r="BO33" s="4"/>
      <c r="BP33" s="4"/>
      <c r="BQ33" s="4"/>
      <c r="BR33" s="4"/>
      <c r="BS33" s="4"/>
      <c r="BT33" s="4"/>
      <c r="BU33" s="4"/>
      <c r="BV33" s="4"/>
      <c r="BW33" s="4"/>
      <c r="BX33" s="4"/>
      <c r="BY33" s="4"/>
      <c r="BZ33" s="4"/>
      <c r="CA33" s="4"/>
      <c r="CB33" s="4"/>
      <c r="CC33" s="4"/>
      <c r="CD33" s="4"/>
      <c r="CE33" s="4"/>
      <c r="CF33" s="4"/>
      <c r="CG33" s="4"/>
      <c r="CH33" s="4"/>
      <c r="CI33" s="4"/>
      <c r="CJ33" s="4"/>
      <c r="CK33" s="4"/>
      <c r="CL33" s="4"/>
      <c r="CM33" s="4"/>
      <c r="CN33" s="4"/>
      <c r="CO33" s="4"/>
      <c r="CP33" s="4"/>
      <c r="CQ33" s="4"/>
      <c r="CR33" s="4"/>
      <c r="CS33" s="4"/>
      <c r="CT33" s="4"/>
      <c r="CU33" s="4"/>
      <c r="CV33" s="4"/>
      <c r="CW33" s="4"/>
      <c r="CX33" s="4"/>
      <c r="CY33" s="4"/>
      <c r="CZ33" s="4"/>
      <c r="DA33" s="4"/>
      <c r="DB33" s="4"/>
      <c r="DC33" s="4"/>
      <c r="DD33" s="4"/>
      <c r="DE33" s="4"/>
      <c r="DF33" s="4"/>
      <c r="DG33" s="4"/>
      <c r="DH33" s="4"/>
      <c r="DI33" s="4"/>
      <c r="DJ33" s="4"/>
      <c r="DK33" s="4"/>
    </row>
    <row r="34" spans="1:115" s="85" customFormat="1" ht="15" customHeight="1" x14ac:dyDescent="0.2">
      <c r="A34" s="3"/>
      <c r="C34" s="1" t="s">
        <v>162</v>
      </c>
      <c r="D34" s="2"/>
      <c r="E34" s="2"/>
      <c r="F34" s="2"/>
      <c r="G34" s="2"/>
      <c r="H34" s="12"/>
      <c r="I34" s="13"/>
      <c r="J34" s="13"/>
      <c r="K34" s="12"/>
      <c r="L34" s="13"/>
      <c r="M34" s="13"/>
      <c r="N34" s="12"/>
      <c r="O34" s="15" t="s">
        <v>70</v>
      </c>
      <c r="P34" s="13"/>
      <c r="Q34" s="12"/>
      <c r="R34" s="13"/>
      <c r="S34" s="13"/>
      <c r="T34" s="9"/>
      <c r="U34" s="9"/>
      <c r="V34"/>
      <c r="W34"/>
      <c r="X34"/>
      <c r="Y34"/>
      <c r="Z34"/>
      <c r="AA34"/>
      <c r="AB34"/>
      <c r="AC34"/>
      <c r="AD34"/>
      <c r="AE34"/>
      <c r="AF34"/>
      <c r="AG34"/>
      <c r="AH34"/>
      <c r="AI34"/>
      <c r="AJ34"/>
      <c r="AK34"/>
      <c r="AL34"/>
      <c r="AM34"/>
      <c r="AN34"/>
      <c r="AO34"/>
      <c r="AP34"/>
      <c r="AQ34"/>
      <c r="AR34"/>
      <c r="AS34"/>
      <c r="AT34"/>
      <c r="AU34"/>
      <c r="AV34"/>
      <c r="AW34"/>
      <c r="AX34"/>
      <c r="AY34"/>
      <c r="AZ34"/>
      <c r="BA34"/>
      <c r="BB34" s="4"/>
      <c r="BC34" s="4"/>
      <c r="BD34" s="4"/>
      <c r="BE34" s="4"/>
      <c r="BF34" s="4"/>
      <c r="BG34" s="4"/>
      <c r="BH34" s="4"/>
      <c r="BI34" s="4"/>
      <c r="BJ34" s="4"/>
      <c r="BK34" s="4"/>
      <c r="BL34" s="4"/>
      <c r="BM34" s="4"/>
      <c r="BN34" s="4"/>
      <c r="BO34" s="4"/>
      <c r="BP34" s="4"/>
      <c r="BQ34" s="4"/>
      <c r="BR34" s="4"/>
      <c r="BS34" s="4"/>
      <c r="BT34" s="4"/>
      <c r="BU34" s="4"/>
      <c r="BV34" s="4"/>
      <c r="BW34" s="4"/>
      <c r="BX34" s="4"/>
      <c r="BY34" s="4"/>
      <c r="BZ34" s="4"/>
      <c r="CA34" s="4"/>
      <c r="CB34" s="4"/>
      <c r="CC34" s="4"/>
      <c r="CD34" s="4"/>
      <c r="CE34" s="4"/>
      <c r="CF34" s="4"/>
      <c r="CG34" s="4"/>
      <c r="CH34" s="4"/>
      <c r="CI34" s="4"/>
      <c r="CJ34" s="4"/>
      <c r="CK34" s="4"/>
      <c r="CL34" s="4"/>
      <c r="CM34" s="4"/>
      <c r="CN34" s="4"/>
      <c r="CO34" s="4"/>
      <c r="CP34" s="4"/>
      <c r="CQ34" s="4"/>
      <c r="CR34" s="4"/>
      <c r="CS34" s="4"/>
      <c r="CT34" s="4"/>
      <c r="CU34" s="4"/>
      <c r="CV34" s="4"/>
      <c r="CW34" s="4"/>
      <c r="CX34" s="4"/>
      <c r="CY34" s="4"/>
      <c r="CZ34" s="4"/>
      <c r="DA34" s="4"/>
      <c r="DB34" s="4"/>
      <c r="DC34" s="4"/>
      <c r="DD34" s="4"/>
      <c r="DE34" s="4"/>
      <c r="DF34" s="4"/>
      <c r="DG34" s="4"/>
      <c r="DH34" s="4"/>
      <c r="DI34" s="4"/>
      <c r="DJ34" s="4"/>
      <c r="DK34" s="4"/>
    </row>
    <row r="35" spans="1:115" s="85" customFormat="1" x14ac:dyDescent="0.2">
      <c r="A35" s="3"/>
      <c r="C35" s="84"/>
      <c r="D35" s="84"/>
      <c r="E35" s="84"/>
      <c r="F35" s="9"/>
      <c r="G35" s="9"/>
      <c r="H35" s="9"/>
      <c r="I35" s="9"/>
      <c r="J35" s="9"/>
      <c r="K35" s="9"/>
      <c r="L35" s="9"/>
      <c r="M35" s="9"/>
      <c r="N35" s="9"/>
      <c r="O35" s="9"/>
      <c r="P35" s="9"/>
      <c r="Q35" s="9"/>
      <c r="R35" s="9"/>
      <c r="S35" s="9"/>
      <c r="T35" s="133"/>
      <c r="U35" s="9"/>
      <c r="V35"/>
      <c r="W35"/>
      <c r="X35"/>
      <c r="Y35"/>
      <c r="Z35"/>
      <c r="AA35"/>
      <c r="AB35"/>
      <c r="AC35"/>
      <c r="AD35"/>
      <c r="AE35"/>
      <c r="AF35"/>
      <c r="AG35"/>
      <c r="AH35"/>
      <c r="AI35"/>
      <c r="AJ35"/>
      <c r="AK35"/>
      <c r="AL35"/>
      <c r="AM35"/>
      <c r="AN35"/>
      <c r="AO35"/>
      <c r="AP35"/>
      <c r="AQ35"/>
      <c r="AR35"/>
      <c r="AS35"/>
      <c r="AT35"/>
      <c r="AU35"/>
      <c r="AV35"/>
      <c r="AW35"/>
      <c r="AX35"/>
      <c r="AY35"/>
      <c r="AZ35"/>
      <c r="BA35"/>
      <c r="BB35" s="4"/>
      <c r="BC35" s="4"/>
      <c r="BD35" s="4"/>
      <c r="BE35" s="4"/>
      <c r="BF35" s="4"/>
      <c r="BG35" s="4"/>
      <c r="BH35" s="4"/>
      <c r="BI35" s="4"/>
      <c r="BJ35" s="4"/>
      <c r="BK35" s="4"/>
      <c r="BL35" s="4"/>
      <c r="BM35" s="4"/>
      <c r="BN35" s="4"/>
      <c r="BO35" s="4"/>
      <c r="BP35" s="4"/>
      <c r="BQ35" s="4"/>
      <c r="BR35" s="4"/>
      <c r="BS35" s="4"/>
      <c r="BT35" s="4"/>
      <c r="BU35" s="4"/>
      <c r="BV35" s="4"/>
      <c r="BW35" s="4"/>
      <c r="BX35" s="4"/>
      <c r="BY35" s="4"/>
      <c r="BZ35" s="4"/>
      <c r="CA35" s="4"/>
      <c r="CB35" s="4"/>
      <c r="CC35" s="4"/>
      <c r="CD35" s="4"/>
      <c r="CE35" s="4"/>
      <c r="CF35" s="4"/>
      <c r="CG35" s="4"/>
      <c r="CH35" s="4"/>
      <c r="CI35" s="4"/>
      <c r="CJ35" s="4"/>
      <c r="CK35" s="4"/>
      <c r="CL35" s="4"/>
      <c r="CM35" s="4"/>
      <c r="CN35" s="4"/>
      <c r="CO35" s="4"/>
      <c r="CP35" s="4"/>
      <c r="CQ35" s="4"/>
      <c r="CR35" s="4"/>
      <c r="CS35" s="4"/>
      <c r="CT35" s="4"/>
      <c r="CU35" s="4"/>
      <c r="CV35" s="4"/>
      <c r="CW35" s="4"/>
      <c r="CX35" s="4"/>
      <c r="CY35" s="4"/>
      <c r="CZ35" s="4"/>
      <c r="DA35" s="4"/>
      <c r="DB35" s="4"/>
      <c r="DC35" s="4"/>
      <c r="DD35" s="4"/>
      <c r="DE35" s="4"/>
      <c r="DF35" s="4"/>
      <c r="DG35" s="4"/>
      <c r="DH35" s="4"/>
      <c r="DI35" s="4"/>
      <c r="DJ35" s="4"/>
      <c r="DK35" s="4"/>
    </row>
    <row r="36" spans="1:115" s="85" customFormat="1" x14ac:dyDescent="0.2">
      <c r="A36" s="3"/>
      <c r="C36" s="84"/>
      <c r="D36" s="84"/>
      <c r="E36" s="84"/>
      <c r="F36" s="9"/>
      <c r="G36" s="9"/>
      <c r="H36" s="9"/>
      <c r="I36" s="9"/>
      <c r="J36" s="9"/>
      <c r="K36" s="9"/>
      <c r="L36" s="9"/>
      <c r="M36" s="9"/>
      <c r="N36" s="9"/>
      <c r="O36" s="9"/>
      <c r="P36" s="9"/>
      <c r="Q36" s="9"/>
      <c r="R36" s="9"/>
      <c r="S36" s="9"/>
      <c r="T36" s="133"/>
      <c r="U36" s="9"/>
      <c r="V36"/>
      <c r="W36"/>
      <c r="X36"/>
      <c r="Y36"/>
      <c r="Z36"/>
      <c r="AA36"/>
      <c r="AB36"/>
      <c r="AC36"/>
      <c r="AD36"/>
      <c r="AE36"/>
      <c r="AF36"/>
      <c r="AG36"/>
      <c r="AH36"/>
      <c r="AI36"/>
      <c r="AJ36"/>
      <c r="AK36"/>
      <c r="AL36"/>
      <c r="AM36"/>
      <c r="AN36"/>
      <c r="AO36"/>
      <c r="AP36"/>
      <c r="AQ36"/>
      <c r="AR36"/>
      <c r="AS36"/>
      <c r="AT36"/>
      <c r="AU36"/>
      <c r="AV36"/>
      <c r="AW36"/>
      <c r="AX36"/>
      <c r="AY36"/>
      <c r="AZ36"/>
      <c r="BA36"/>
      <c r="BB36" s="4"/>
      <c r="BC36" s="4"/>
      <c r="BD36" s="4"/>
      <c r="BE36" s="4"/>
      <c r="BF36" s="4"/>
      <c r="BG36" s="4"/>
      <c r="BH36" s="4"/>
      <c r="BI36" s="4"/>
      <c r="BJ36" s="4"/>
      <c r="BK36" s="4"/>
      <c r="BL36" s="4"/>
      <c r="BM36" s="4"/>
      <c r="BN36" s="4"/>
      <c r="BO36" s="4"/>
      <c r="BP36" s="4"/>
      <c r="BQ36" s="4"/>
      <c r="BR36" s="4"/>
      <c r="BS36" s="4"/>
      <c r="BT36" s="4"/>
      <c r="BU36" s="4"/>
      <c r="BV36" s="4"/>
      <c r="BW36" s="4"/>
      <c r="BX36" s="4"/>
      <c r="BY36" s="4"/>
      <c r="BZ36" s="4"/>
      <c r="CA36" s="4"/>
      <c r="CB36" s="4"/>
      <c r="CC36" s="4"/>
      <c r="CD36" s="4"/>
      <c r="CE36" s="4"/>
      <c r="CF36" s="4"/>
      <c r="CG36" s="4"/>
      <c r="CH36" s="4"/>
      <c r="CI36" s="4"/>
      <c r="CJ36" s="4"/>
      <c r="CK36" s="4"/>
      <c r="CL36" s="4"/>
      <c r="CM36" s="4"/>
      <c r="CN36" s="4"/>
      <c r="CO36" s="4"/>
      <c r="CP36" s="4"/>
      <c r="CQ36" s="4"/>
      <c r="CR36" s="4"/>
      <c r="CS36" s="4"/>
      <c r="CT36" s="4"/>
      <c r="CU36" s="4"/>
      <c r="CV36" s="4"/>
      <c r="CW36" s="4"/>
      <c r="CX36" s="4"/>
      <c r="CY36" s="4"/>
      <c r="CZ36" s="4"/>
      <c r="DA36" s="4"/>
      <c r="DB36" s="4"/>
      <c r="DC36" s="4"/>
      <c r="DD36" s="4"/>
      <c r="DE36" s="4"/>
      <c r="DF36" s="4"/>
      <c r="DG36" s="4"/>
      <c r="DH36" s="4"/>
      <c r="DI36" s="4"/>
      <c r="DJ36" s="4"/>
      <c r="DK36" s="4"/>
    </row>
    <row r="37" spans="1:115" s="85" customFormat="1" ht="15" customHeight="1" x14ac:dyDescent="0.2">
      <c r="A37" s="3"/>
      <c r="B37" s="172" t="s">
        <v>64</v>
      </c>
      <c r="C37" s="173" t="s">
        <v>154</v>
      </c>
      <c r="D37" s="2"/>
      <c r="E37" s="2"/>
      <c r="F37" s="2"/>
      <c r="G37" s="2"/>
      <c r="H37"/>
      <c r="I37"/>
      <c r="J37"/>
      <c r="K37"/>
      <c r="L37"/>
      <c r="M37"/>
      <c r="N37"/>
      <c r="O37"/>
      <c r="P37"/>
      <c r="Q37"/>
      <c r="R37"/>
      <c r="S37"/>
      <c r="U37" s="13"/>
      <c r="V37"/>
      <c r="W37"/>
      <c r="X37"/>
      <c r="Y37"/>
      <c r="Z37"/>
      <c r="AA37"/>
      <c r="AB37"/>
      <c r="AC37"/>
      <c r="AD37"/>
      <c r="AE37"/>
      <c r="AF37"/>
      <c r="AG37"/>
      <c r="AH37"/>
      <c r="AI37"/>
      <c r="AJ37"/>
      <c r="AK37"/>
      <c r="AL37"/>
      <c r="AM37"/>
      <c r="AN37"/>
      <c r="AO37"/>
      <c r="AP37"/>
      <c r="AQ37"/>
      <c r="AR37"/>
      <c r="AS37"/>
      <c r="AT37"/>
      <c r="AU37"/>
      <c r="AV37"/>
      <c r="AW37"/>
      <c r="AX37"/>
      <c r="AY37"/>
      <c r="AZ37"/>
      <c r="BA37"/>
      <c r="BB37" s="4"/>
      <c r="BC37" s="4"/>
      <c r="BD37" s="4"/>
      <c r="BE37" s="4"/>
      <c r="BF37" s="4"/>
      <c r="BG37" s="4"/>
      <c r="BH37" s="4"/>
      <c r="BI37" s="4"/>
      <c r="BJ37" s="4"/>
      <c r="BK37" s="4"/>
      <c r="BL37" s="4"/>
      <c r="BM37" s="4"/>
      <c r="BN37" s="4"/>
      <c r="BO37" s="4"/>
      <c r="BP37" s="4"/>
      <c r="BQ37" s="4"/>
      <c r="BR37" s="4"/>
      <c r="BS37" s="4"/>
      <c r="BT37" s="4"/>
      <c r="BU37" s="4"/>
      <c r="BV37" s="4"/>
      <c r="BW37" s="4"/>
      <c r="BX37" s="4"/>
      <c r="BY37" s="4"/>
      <c r="BZ37" s="4"/>
      <c r="CA37" s="4"/>
      <c r="CB37" s="4"/>
      <c r="CC37" s="4"/>
      <c r="CD37" s="4"/>
      <c r="CE37" s="4"/>
      <c r="CF37" s="4"/>
      <c r="CG37" s="4"/>
      <c r="CH37" s="4"/>
      <c r="CI37" s="4"/>
      <c r="CJ37" s="4"/>
      <c r="CK37" s="4"/>
      <c r="CL37" s="4"/>
      <c r="CM37" s="4"/>
      <c r="CN37" s="4"/>
      <c r="CO37" s="4"/>
      <c r="CP37" s="4"/>
      <c r="CQ37" s="4"/>
      <c r="CR37" s="4"/>
      <c r="CS37" s="4"/>
      <c r="CT37" s="4"/>
      <c r="CU37" s="4"/>
      <c r="CV37" s="4"/>
      <c r="CW37" s="4"/>
      <c r="CX37" s="4"/>
      <c r="CY37" s="4"/>
      <c r="CZ37" s="4"/>
      <c r="DA37" s="4"/>
      <c r="DB37" s="4"/>
      <c r="DC37" s="4"/>
      <c r="DD37" s="4"/>
      <c r="DE37" s="4"/>
      <c r="DF37" s="4"/>
      <c r="DG37" s="4"/>
      <c r="DH37" s="4"/>
      <c r="DI37" s="4"/>
      <c r="DJ37" s="4"/>
      <c r="DK37" s="4"/>
    </row>
    <row r="38" spans="1:115" s="85" customFormat="1" ht="5.0999999999999996" customHeight="1" x14ac:dyDescent="0.2">
      <c r="A38" s="3"/>
      <c r="C38" s="1"/>
      <c r="D38" s="2"/>
      <c r="E38" s="2"/>
      <c r="F38" s="2"/>
      <c r="G38" s="2"/>
      <c r="H38" s="13"/>
      <c r="I38" s="13"/>
      <c r="J38" s="13"/>
      <c r="K38" s="13"/>
      <c r="L38" s="13"/>
      <c r="M38" s="13"/>
      <c r="N38" s="13"/>
      <c r="O38" s="13"/>
      <c r="P38" s="13"/>
      <c r="Q38" s="13"/>
      <c r="R38" s="13"/>
      <c r="S38" s="13"/>
      <c r="T38" s="21"/>
      <c r="U38" s="13"/>
      <c r="V38"/>
      <c r="W38"/>
      <c r="X38"/>
      <c r="Y38"/>
      <c r="Z38"/>
      <c r="AA38"/>
      <c r="AB38"/>
      <c r="AC38"/>
      <c r="AD38"/>
      <c r="AE38"/>
      <c r="AF38"/>
      <c r="AG38"/>
      <c r="AH38"/>
      <c r="AI38"/>
      <c r="AJ38"/>
      <c r="AK38"/>
      <c r="AL38"/>
      <c r="AM38"/>
      <c r="AN38"/>
      <c r="AO38"/>
      <c r="AP38"/>
      <c r="AQ38"/>
      <c r="AR38"/>
      <c r="AS38"/>
      <c r="AT38"/>
      <c r="AU38"/>
      <c r="AV38"/>
      <c r="AW38"/>
      <c r="AX38"/>
      <c r="AY38"/>
      <c r="AZ38"/>
      <c r="BA38"/>
      <c r="BB38" s="4"/>
      <c r="BC38" s="4"/>
      <c r="BD38" s="4"/>
      <c r="BE38" s="4"/>
      <c r="BF38" s="4"/>
      <c r="BG38" s="4"/>
      <c r="BH38" s="4"/>
      <c r="BI38" s="4"/>
      <c r="BJ38" s="4"/>
      <c r="BK38" s="4"/>
      <c r="BL38" s="4"/>
      <c r="BM38" s="4"/>
      <c r="BN38" s="4"/>
      <c r="BO38" s="4"/>
      <c r="BP38" s="4"/>
      <c r="BQ38" s="4"/>
      <c r="BR38" s="4"/>
      <c r="BS38" s="4"/>
      <c r="BT38" s="4"/>
      <c r="BU38" s="4"/>
      <c r="BV38" s="4"/>
      <c r="BW38" s="4"/>
      <c r="BX38" s="4"/>
      <c r="BY38" s="4"/>
      <c r="BZ38" s="4"/>
      <c r="CA38" s="4"/>
      <c r="CB38" s="4"/>
      <c r="CC38" s="4"/>
      <c r="CD38" s="4"/>
      <c r="CE38" s="4"/>
      <c r="CF38" s="4"/>
      <c r="CG38" s="4"/>
      <c r="CH38" s="4"/>
      <c r="CI38" s="4"/>
      <c r="CJ38" s="4"/>
      <c r="CK38" s="4"/>
      <c r="CL38" s="4"/>
      <c r="CM38" s="4"/>
      <c r="CN38" s="4"/>
      <c r="CO38" s="4"/>
      <c r="CP38" s="4"/>
      <c r="CQ38" s="4"/>
      <c r="CR38" s="4"/>
      <c r="CS38" s="4"/>
      <c r="CT38" s="4"/>
      <c r="CU38" s="4"/>
      <c r="CV38" s="4"/>
      <c r="CW38" s="4"/>
      <c r="CX38" s="4"/>
      <c r="CY38" s="4"/>
      <c r="CZ38" s="4"/>
      <c r="DA38" s="4"/>
      <c r="DB38" s="4"/>
      <c r="DC38" s="4"/>
      <c r="DD38" s="4"/>
      <c r="DE38" s="4"/>
      <c r="DF38" s="4"/>
      <c r="DG38" s="4"/>
      <c r="DH38" s="4"/>
      <c r="DI38" s="4"/>
      <c r="DJ38" s="4"/>
      <c r="DK38" s="4"/>
    </row>
    <row r="39" spans="1:115" s="85" customFormat="1" ht="15" customHeight="1" x14ac:dyDescent="0.2">
      <c r="A39" s="3"/>
      <c r="C39" s="1" t="s">
        <v>157</v>
      </c>
      <c r="D39" s="2"/>
      <c r="E39" s="2"/>
      <c r="F39" s="2"/>
      <c r="G39" s="2"/>
      <c r="H39" s="13"/>
      <c r="I39" s="13"/>
      <c r="J39" s="13"/>
      <c r="K39" s="13"/>
      <c r="L39" s="13"/>
      <c r="M39" s="13"/>
      <c r="N39" s="13"/>
      <c r="O39" s="13"/>
      <c r="P39" s="13"/>
      <c r="Q39" s="13"/>
      <c r="R39" s="13"/>
      <c r="S39" s="13"/>
      <c r="T39" s="133"/>
      <c r="U39" s="13"/>
      <c r="V39"/>
      <c r="W39"/>
      <c r="X39"/>
      <c r="Y39"/>
      <c r="Z39"/>
      <c r="AA39"/>
      <c r="AB39"/>
      <c r="AC39"/>
      <c r="AD39"/>
      <c r="AE39"/>
      <c r="AF39"/>
      <c r="AG39"/>
      <c r="AH39"/>
      <c r="AI39"/>
      <c r="AJ39"/>
      <c r="AK39"/>
      <c r="AL39"/>
      <c r="AM39"/>
      <c r="AN39"/>
      <c r="AO39"/>
      <c r="AP39"/>
      <c r="AQ39"/>
      <c r="AR39"/>
      <c r="AS39"/>
      <c r="AT39"/>
      <c r="AU39"/>
      <c r="AV39"/>
      <c r="AW39"/>
      <c r="AX39"/>
      <c r="AY39"/>
      <c r="AZ39"/>
      <c r="BA39"/>
      <c r="BB39" s="4"/>
      <c r="BC39" s="4"/>
      <c r="BD39" s="4"/>
      <c r="BE39" s="4"/>
      <c r="BF39" s="4"/>
      <c r="BG39" s="4"/>
      <c r="BH39" s="4"/>
      <c r="BI39" s="4"/>
      <c r="BJ39" s="4"/>
      <c r="BK39" s="4"/>
      <c r="BL39" s="4"/>
      <c r="BM39" s="4"/>
      <c r="BN39" s="4"/>
      <c r="BO39" s="4"/>
      <c r="BP39" s="4"/>
      <c r="BQ39" s="4"/>
      <c r="BR39" s="4"/>
      <c r="BS39" s="4"/>
      <c r="BT39" s="4"/>
      <c r="BU39" s="4"/>
      <c r="BV39" s="4"/>
      <c r="BW39" s="4"/>
      <c r="BX39" s="4"/>
      <c r="BY39" s="4"/>
      <c r="BZ39" s="4"/>
      <c r="CA39" s="4"/>
      <c r="CB39" s="4"/>
      <c r="CC39" s="4"/>
      <c r="CD39" s="4"/>
      <c r="CE39" s="4"/>
      <c r="CF39" s="4"/>
      <c r="CG39" s="4"/>
      <c r="CH39" s="4"/>
      <c r="CI39" s="4"/>
      <c r="CJ39" s="4"/>
      <c r="CK39" s="4"/>
      <c r="CL39" s="4"/>
      <c r="CM39" s="4"/>
      <c r="CN39" s="4"/>
      <c r="CO39" s="4"/>
      <c r="CP39" s="4"/>
      <c r="CQ39" s="4"/>
      <c r="CR39" s="4"/>
      <c r="CS39" s="4"/>
      <c r="CT39" s="4"/>
      <c r="CU39" s="4"/>
      <c r="CV39" s="4"/>
      <c r="CW39" s="4"/>
      <c r="CX39" s="4"/>
      <c r="CY39" s="4"/>
      <c r="CZ39" s="4"/>
      <c r="DA39" s="4"/>
      <c r="DB39" s="4"/>
      <c r="DC39" s="4"/>
      <c r="DD39" s="4"/>
      <c r="DE39" s="4"/>
      <c r="DF39" s="4"/>
      <c r="DG39" s="4"/>
      <c r="DH39" s="4"/>
      <c r="DI39" s="4"/>
      <c r="DJ39" s="4"/>
      <c r="DK39" s="4"/>
    </row>
    <row r="40" spans="1:115" s="85" customFormat="1" ht="5.0999999999999996" customHeight="1" x14ac:dyDescent="0.2">
      <c r="A40" s="3"/>
      <c r="C40" s="1"/>
      <c r="D40" s="2"/>
      <c r="E40" s="2"/>
      <c r="F40" s="2"/>
      <c r="G40" s="2"/>
      <c r="H40" s="13"/>
      <c r="I40" s="13"/>
      <c r="J40" s="13"/>
      <c r="K40" s="13"/>
      <c r="L40" s="13"/>
      <c r="M40" s="13"/>
      <c r="N40" s="13"/>
      <c r="O40" s="13"/>
      <c r="P40" s="13"/>
      <c r="Q40" s="13"/>
      <c r="R40" s="13"/>
      <c r="S40" s="13"/>
      <c r="T40" s="133"/>
      <c r="U40" s="13"/>
      <c r="V40"/>
      <c r="W40"/>
      <c r="X40"/>
      <c r="Y40"/>
      <c r="Z40"/>
      <c r="AA40"/>
      <c r="AB40"/>
      <c r="AC40"/>
      <c r="AD40"/>
      <c r="AE40"/>
      <c r="AF40"/>
      <c r="AG40"/>
      <c r="AH40"/>
      <c r="AI40"/>
      <c r="AJ40"/>
      <c r="AK40"/>
      <c r="AL40"/>
      <c r="AM40"/>
      <c r="AN40"/>
      <c r="AO40"/>
      <c r="AP40"/>
      <c r="AQ40"/>
      <c r="AR40"/>
      <c r="AS40"/>
      <c r="AT40"/>
      <c r="AU40"/>
      <c r="AV40"/>
      <c r="AW40"/>
      <c r="AX40"/>
      <c r="AY40"/>
      <c r="AZ40"/>
      <c r="BA40"/>
      <c r="BB40" s="4"/>
      <c r="BC40" s="4"/>
      <c r="BD40" s="4"/>
      <c r="BE40" s="4"/>
      <c r="BF40" s="4"/>
      <c r="BG40" s="4"/>
      <c r="BH40" s="4"/>
      <c r="BI40" s="4"/>
      <c r="BJ40" s="4"/>
      <c r="BK40" s="4"/>
      <c r="BL40" s="4"/>
      <c r="BM40" s="4"/>
      <c r="BN40" s="4"/>
      <c r="BO40" s="4"/>
      <c r="BP40" s="4"/>
      <c r="BQ40" s="4"/>
      <c r="BR40" s="4"/>
      <c r="BS40" s="4"/>
      <c r="BT40" s="4"/>
      <c r="BU40" s="4"/>
      <c r="BV40" s="4"/>
      <c r="BW40" s="4"/>
      <c r="BX40" s="4"/>
      <c r="BY40" s="4"/>
      <c r="BZ40" s="4"/>
      <c r="CA40" s="4"/>
      <c r="CB40" s="4"/>
      <c r="CC40" s="4"/>
      <c r="CD40" s="4"/>
      <c r="CE40" s="4"/>
      <c r="CF40" s="4"/>
      <c r="CG40" s="4"/>
      <c r="CH40" s="4"/>
      <c r="CI40" s="4"/>
      <c r="CJ40" s="4"/>
      <c r="CK40" s="4"/>
      <c r="CL40" s="4"/>
      <c r="CM40" s="4"/>
      <c r="CN40" s="4"/>
      <c r="CO40" s="4"/>
      <c r="CP40" s="4"/>
      <c r="CQ40" s="4"/>
      <c r="CR40" s="4"/>
      <c r="CS40" s="4"/>
      <c r="CT40" s="4"/>
      <c r="CU40" s="4"/>
      <c r="CV40" s="4"/>
      <c r="CW40" s="4"/>
      <c r="CX40" s="4"/>
      <c r="CY40" s="4"/>
      <c r="CZ40" s="4"/>
      <c r="DA40" s="4"/>
      <c r="DB40" s="4"/>
      <c r="DC40" s="4"/>
      <c r="DD40" s="4"/>
      <c r="DE40" s="4"/>
      <c r="DF40" s="4"/>
      <c r="DG40" s="4"/>
      <c r="DH40" s="4"/>
      <c r="DI40" s="4"/>
      <c r="DJ40" s="4"/>
      <c r="DK40" s="4"/>
    </row>
    <row r="41" spans="1:115" s="85" customFormat="1" ht="15" customHeight="1" x14ac:dyDescent="0.2">
      <c r="A41" s="3"/>
      <c r="C41" s="174" t="s">
        <v>65</v>
      </c>
      <c r="D41" s="18"/>
      <c r="E41" s="18"/>
      <c r="F41" s="18"/>
      <c r="G41" s="18"/>
      <c r="H41" s="19"/>
      <c r="I41" s="20"/>
      <c r="J41" s="20"/>
      <c r="K41" s="19"/>
      <c r="L41" s="20"/>
      <c r="M41" s="20"/>
      <c r="N41" s="19"/>
      <c r="O41" s="15" t="s">
        <v>70</v>
      </c>
      <c r="P41" s="20"/>
      <c r="Q41" s="19"/>
      <c r="R41" s="18"/>
      <c r="S41" s="18"/>
      <c r="T41" s="209" t="s">
        <v>156</v>
      </c>
      <c r="U41" s="209"/>
      <c r="V41" s="209"/>
      <c r="W41" s="209"/>
      <c r="X41" s="209"/>
      <c r="Y41" s="209"/>
      <c r="Z41" s="209"/>
      <c r="AA41" s="209"/>
      <c r="AB41" s="209"/>
      <c r="AC41" s="209"/>
      <c r="AD41" s="209"/>
      <c r="AE41" s="209"/>
      <c r="AF41" s="209"/>
      <c r="AG41" s="209"/>
      <c r="AH41" s="209"/>
      <c r="AI41" s="209"/>
      <c r="AJ41" s="209"/>
      <c r="AK41" s="209"/>
      <c r="AL41" s="209"/>
      <c r="AM41" s="209"/>
      <c r="AN41" s="209"/>
      <c r="AO41" s="209"/>
      <c r="AP41" s="209"/>
      <c r="AQ41" s="209"/>
      <c r="AR41" s="209"/>
      <c r="AS41" s="209"/>
      <c r="AT41" s="209"/>
      <c r="AU41" s="209"/>
      <c r="AV41" s="209"/>
      <c r="AW41"/>
      <c r="AX41"/>
      <c r="AY41"/>
      <c r="AZ41"/>
      <c r="BA41"/>
      <c r="BB41" s="4"/>
      <c r="BC41" s="4"/>
      <c r="BD41" s="4"/>
      <c r="BE41" s="4"/>
      <c r="BF41" s="4"/>
      <c r="BG41" s="4"/>
      <c r="BH41" s="4"/>
      <c r="BI41" s="4"/>
      <c r="BJ41" s="4"/>
      <c r="BK41" s="4"/>
      <c r="BL41" s="4"/>
      <c r="BM41" s="4"/>
      <c r="BN41" s="4"/>
      <c r="BO41" s="4"/>
      <c r="BP41" s="4"/>
      <c r="BQ41" s="4"/>
      <c r="BR41" s="4"/>
      <c r="BS41" s="4"/>
      <c r="BT41" s="4"/>
      <c r="BU41" s="4"/>
      <c r="BV41" s="4"/>
      <c r="BW41" s="4"/>
      <c r="BX41" s="4"/>
      <c r="BY41" s="4"/>
      <c r="BZ41" s="4"/>
      <c r="CA41" s="4"/>
      <c r="CB41" s="4"/>
      <c r="CC41" s="4"/>
      <c r="CD41" s="4"/>
      <c r="CE41" s="4"/>
      <c r="CF41" s="4"/>
      <c r="CG41" s="4"/>
      <c r="CH41" s="4"/>
      <c r="CI41" s="4"/>
      <c r="CJ41" s="4"/>
      <c r="CK41" s="4"/>
      <c r="CL41" s="4"/>
      <c r="CM41" s="4"/>
      <c r="CN41" s="4"/>
      <c r="CO41" s="4"/>
      <c r="CP41" s="4"/>
      <c r="CQ41" s="4"/>
      <c r="CR41" s="4"/>
      <c r="CS41" s="4"/>
      <c r="CT41" s="4"/>
      <c r="CU41" s="4"/>
      <c r="CV41" s="4"/>
      <c r="CW41" s="4"/>
      <c r="CX41" s="4"/>
      <c r="CY41" s="4"/>
      <c r="CZ41" s="4"/>
      <c r="DA41" s="4"/>
      <c r="DB41" s="4"/>
      <c r="DC41" s="4"/>
      <c r="DD41" s="4"/>
      <c r="DE41" s="4"/>
      <c r="DF41" s="4"/>
      <c r="DG41" s="4"/>
      <c r="DH41" s="4"/>
      <c r="DI41" s="4"/>
      <c r="DJ41" s="4"/>
      <c r="DK41" s="4"/>
    </row>
    <row r="42" spans="1:115" s="85" customFormat="1" ht="5.0999999999999996" customHeight="1" x14ac:dyDescent="0.2">
      <c r="A42" s="3"/>
      <c r="C42" s="175"/>
      <c r="D42" s="18"/>
      <c r="E42" s="18"/>
      <c r="F42" s="18"/>
      <c r="G42" s="18"/>
      <c r="H42" s="18"/>
      <c r="I42" s="18"/>
      <c r="J42" s="18"/>
      <c r="K42" s="18"/>
      <c r="L42" s="18"/>
      <c r="M42" s="18"/>
      <c r="N42" s="18"/>
      <c r="O42" s="18"/>
      <c r="P42" s="18"/>
      <c r="Q42" s="18"/>
      <c r="R42" s="18"/>
      <c r="S42" s="18"/>
      <c r="T42" s="209"/>
      <c r="U42" s="209"/>
      <c r="V42" s="209"/>
      <c r="W42" s="209"/>
      <c r="X42" s="209"/>
      <c r="Y42" s="209"/>
      <c r="Z42" s="209"/>
      <c r="AA42" s="209"/>
      <c r="AB42" s="209"/>
      <c r="AC42" s="209"/>
      <c r="AD42" s="209"/>
      <c r="AE42" s="209"/>
      <c r="AF42" s="209"/>
      <c r="AG42" s="209"/>
      <c r="AH42" s="209"/>
      <c r="AI42" s="209"/>
      <c r="AJ42" s="209"/>
      <c r="AK42" s="209"/>
      <c r="AL42" s="209"/>
      <c r="AM42" s="209"/>
      <c r="AN42" s="209"/>
      <c r="AO42" s="209"/>
      <c r="AP42" s="209"/>
      <c r="AQ42" s="209"/>
      <c r="AR42" s="209"/>
      <c r="AS42" s="209"/>
      <c r="AT42" s="209"/>
      <c r="AU42" s="209"/>
      <c r="AV42" s="209"/>
      <c r="AW42"/>
      <c r="AX42"/>
      <c r="AY42"/>
      <c r="AZ42"/>
      <c r="BA42"/>
      <c r="BB42" s="4"/>
      <c r="BC42" s="4"/>
      <c r="BD42" s="4"/>
      <c r="BE42" s="4"/>
      <c r="BF42" s="4"/>
      <c r="BG42" s="4"/>
      <c r="BH42" s="4"/>
      <c r="BI42" s="4"/>
      <c r="BJ42" s="4"/>
      <c r="BK42" s="4"/>
      <c r="BL42" s="4"/>
      <c r="BM42" s="4"/>
      <c r="BN42" s="4"/>
      <c r="BO42" s="4"/>
      <c r="BP42" s="4"/>
      <c r="BQ42" s="4"/>
      <c r="BR42" s="4"/>
      <c r="BS42" s="4"/>
      <c r="BT42" s="4"/>
      <c r="BU42" s="4"/>
      <c r="BV42" s="4"/>
      <c r="BW42" s="4"/>
      <c r="BX42" s="4"/>
      <c r="BY42" s="4"/>
      <c r="BZ42" s="4"/>
      <c r="CA42" s="4"/>
      <c r="CB42" s="4"/>
      <c r="CC42" s="4"/>
      <c r="CD42" s="4"/>
      <c r="CE42" s="4"/>
      <c r="CF42" s="4"/>
      <c r="CG42" s="4"/>
      <c r="CH42" s="4"/>
      <c r="CI42" s="4"/>
      <c r="CJ42" s="4"/>
      <c r="CK42" s="4"/>
      <c r="CL42" s="4"/>
      <c r="CM42" s="4"/>
      <c r="CN42" s="4"/>
      <c r="CO42" s="4"/>
      <c r="CP42" s="4"/>
      <c r="CQ42" s="4"/>
      <c r="CR42" s="4"/>
      <c r="CS42" s="4"/>
      <c r="CT42" s="4"/>
      <c r="CU42" s="4"/>
      <c r="CV42" s="4"/>
      <c r="CW42" s="4"/>
      <c r="CX42" s="4"/>
      <c r="CY42" s="4"/>
      <c r="CZ42" s="4"/>
      <c r="DA42" s="4"/>
      <c r="DB42" s="4"/>
      <c r="DC42" s="4"/>
      <c r="DD42" s="4"/>
      <c r="DE42" s="4"/>
      <c r="DF42" s="4"/>
      <c r="DG42" s="4"/>
      <c r="DH42" s="4"/>
      <c r="DI42" s="4"/>
      <c r="DJ42" s="4"/>
      <c r="DK42" s="4"/>
    </row>
    <row r="43" spans="1:115" s="85" customFormat="1" ht="12.6" customHeight="1" x14ac:dyDescent="0.2">
      <c r="A43" s="3"/>
      <c r="C43" s="136" t="s">
        <v>23</v>
      </c>
      <c r="D43" s="7"/>
      <c r="E43" s="22"/>
      <c r="F43" s="7"/>
      <c r="G43" s="7"/>
      <c r="H43" s="19"/>
      <c r="I43" s="20"/>
      <c r="J43" s="20"/>
      <c r="K43" s="19"/>
      <c r="L43" s="20"/>
      <c r="M43" s="20"/>
      <c r="N43" s="19"/>
      <c r="O43" s="15" t="s">
        <v>70</v>
      </c>
      <c r="P43" s="20"/>
      <c r="Q43" s="19"/>
      <c r="R43" s="20"/>
      <c r="S43" s="20"/>
      <c r="T43" s="209"/>
      <c r="U43" s="209"/>
      <c r="V43" s="209"/>
      <c r="W43" s="209"/>
      <c r="X43" s="209"/>
      <c r="Y43" s="209"/>
      <c r="Z43" s="209"/>
      <c r="AA43" s="209"/>
      <c r="AB43" s="209"/>
      <c r="AC43" s="209"/>
      <c r="AD43" s="209"/>
      <c r="AE43" s="209"/>
      <c r="AF43" s="209"/>
      <c r="AG43" s="209"/>
      <c r="AH43" s="209"/>
      <c r="AI43" s="209"/>
      <c r="AJ43" s="209"/>
      <c r="AK43" s="209"/>
      <c r="AL43" s="209"/>
      <c r="AM43" s="209"/>
      <c r="AN43" s="209"/>
      <c r="AO43" s="209"/>
      <c r="AP43" s="209"/>
      <c r="AQ43" s="209"/>
      <c r="AR43" s="209"/>
      <c r="AS43" s="209"/>
      <c r="AT43" s="209"/>
      <c r="AU43" s="209"/>
      <c r="AV43" s="209"/>
      <c r="AW43"/>
      <c r="AX43"/>
      <c r="AY43"/>
      <c r="AZ43"/>
      <c r="BA43"/>
      <c r="BB43" s="4"/>
      <c r="BC43" s="4"/>
      <c r="BD43" s="4"/>
      <c r="BE43" s="4"/>
      <c r="BF43" s="4"/>
      <c r="BG43" s="4"/>
      <c r="BH43" s="4"/>
      <c r="BI43" s="4"/>
      <c r="BJ43" s="4"/>
      <c r="BK43" s="4"/>
      <c r="BL43" s="4"/>
      <c r="BM43" s="4"/>
      <c r="BN43" s="4"/>
      <c r="BO43" s="4"/>
      <c r="BP43" s="4"/>
      <c r="BQ43" s="4"/>
      <c r="BR43" s="4"/>
      <c r="BS43" s="4"/>
      <c r="BT43" s="4"/>
      <c r="BU43" s="4"/>
      <c r="BV43" s="4"/>
      <c r="BW43" s="4"/>
      <c r="BX43" s="4"/>
      <c r="BY43" s="4"/>
      <c r="BZ43" s="4"/>
      <c r="CA43" s="4"/>
      <c r="CB43" s="4"/>
      <c r="CC43" s="4"/>
      <c r="CD43" s="4"/>
      <c r="CE43" s="4"/>
      <c r="CF43" s="4"/>
      <c r="CG43" s="4"/>
      <c r="CH43" s="4"/>
      <c r="CI43" s="4"/>
      <c r="CJ43" s="4"/>
      <c r="CK43" s="4"/>
      <c r="CL43" s="4"/>
      <c r="CM43" s="4"/>
      <c r="CN43" s="4"/>
      <c r="CO43" s="4"/>
      <c r="CP43" s="4"/>
      <c r="CQ43" s="4"/>
      <c r="CR43" s="4"/>
      <c r="CS43" s="4"/>
      <c r="CT43" s="4"/>
      <c r="CU43" s="4"/>
      <c r="CV43" s="4"/>
      <c r="CW43" s="4"/>
      <c r="CX43" s="4"/>
      <c r="CY43" s="4"/>
      <c r="CZ43" s="4"/>
      <c r="DA43" s="4"/>
      <c r="DB43" s="4"/>
      <c r="DC43" s="4"/>
      <c r="DD43" s="4"/>
      <c r="DE43" s="4"/>
      <c r="DF43" s="4"/>
      <c r="DG43" s="4"/>
      <c r="DH43" s="4"/>
      <c r="DI43" s="4"/>
      <c r="DJ43" s="4"/>
      <c r="DK43" s="4"/>
    </row>
    <row r="44" spans="1:115" s="23" customFormat="1" ht="5.0999999999999996" customHeight="1" x14ac:dyDescent="0.2">
      <c r="B44" s="7"/>
      <c r="C44" s="136"/>
      <c r="D44" s="7"/>
      <c r="E44" s="7"/>
      <c r="F44" s="7"/>
      <c r="G44" s="7"/>
      <c r="H44" s="7"/>
      <c r="I44" s="7"/>
      <c r="J44" s="7"/>
      <c r="K44" s="7"/>
      <c r="L44" s="7"/>
      <c r="M44" s="7"/>
      <c r="N44" s="7"/>
      <c r="O44" s="7"/>
      <c r="P44" s="7"/>
      <c r="Q44" s="7"/>
      <c r="R44" s="7"/>
      <c r="S44" s="7"/>
      <c r="T44" s="21"/>
      <c r="U44" s="7"/>
      <c r="V44"/>
      <c r="W44"/>
      <c r="X44"/>
      <c r="Y44"/>
      <c r="Z44"/>
      <c r="AA44"/>
      <c r="AB44"/>
      <c r="AC44"/>
      <c r="AD44"/>
      <c r="AE44"/>
      <c r="AF44"/>
      <c r="AG44"/>
      <c r="AH44"/>
      <c r="AI44"/>
      <c r="AJ44"/>
      <c r="AK44"/>
      <c r="AL44"/>
      <c r="AM44"/>
      <c r="AN44"/>
      <c r="AO44"/>
      <c r="AP44"/>
      <c r="AQ44"/>
      <c r="AR44"/>
      <c r="AS44"/>
      <c r="AT44"/>
      <c r="AU44"/>
      <c r="AV44"/>
      <c r="AW44"/>
      <c r="AX44"/>
      <c r="AY44"/>
      <c r="AZ44"/>
      <c r="BA44"/>
    </row>
    <row r="45" spans="1:115" s="23" customFormat="1" ht="13.5" customHeight="1" x14ac:dyDescent="0.2">
      <c r="B45" s="7"/>
      <c r="C45" s="136" t="s">
        <v>36</v>
      </c>
      <c r="D45" s="7"/>
      <c r="E45" s="22"/>
      <c r="F45" s="7"/>
      <c r="G45" s="7"/>
      <c r="H45" s="19"/>
      <c r="I45" s="20"/>
      <c r="J45" s="20"/>
      <c r="K45" s="19"/>
      <c r="L45" s="20"/>
      <c r="M45" s="20"/>
      <c r="N45" s="19"/>
      <c r="O45" s="15" t="s">
        <v>70</v>
      </c>
      <c r="P45" s="20"/>
      <c r="Q45" s="19"/>
      <c r="R45" s="20"/>
      <c r="S45" s="20"/>
      <c r="T45" s="21"/>
      <c r="U45" s="20"/>
      <c r="V45"/>
      <c r="W45"/>
      <c r="X45"/>
      <c r="Y45"/>
      <c r="Z45"/>
      <c r="AA45"/>
      <c r="AB45"/>
      <c r="AC45"/>
      <c r="AD45"/>
      <c r="AE45"/>
      <c r="AF45"/>
      <c r="AG45"/>
      <c r="AH45"/>
      <c r="AI45"/>
      <c r="AJ45"/>
      <c r="AK45"/>
      <c r="AL45"/>
      <c r="AM45"/>
      <c r="AN45"/>
      <c r="AO45"/>
      <c r="AP45"/>
      <c r="AQ45"/>
      <c r="AR45"/>
      <c r="AS45"/>
      <c r="AT45"/>
      <c r="AU45"/>
      <c r="AV45"/>
      <c r="AW45"/>
      <c r="AX45"/>
      <c r="AY45"/>
      <c r="AZ45"/>
      <c r="BA45"/>
    </row>
    <row r="46" spans="1:115" s="23" customFormat="1" ht="5.0999999999999996" customHeight="1" x14ac:dyDescent="0.2">
      <c r="B46" s="7"/>
      <c r="C46" s="136"/>
      <c r="D46" s="7"/>
      <c r="E46" s="7"/>
      <c r="F46" s="7"/>
      <c r="G46" s="7"/>
      <c r="H46" s="7"/>
      <c r="I46" s="7"/>
      <c r="J46" s="7"/>
      <c r="K46" s="7"/>
      <c r="L46" s="7"/>
      <c r="M46" s="7"/>
      <c r="N46" s="7"/>
      <c r="O46" s="7"/>
      <c r="P46" s="7"/>
      <c r="Q46" s="7"/>
      <c r="R46" s="7"/>
      <c r="S46" s="7"/>
      <c r="T46" s="85"/>
      <c r="U46" s="7"/>
      <c r="V46"/>
      <c r="W46"/>
      <c r="X46"/>
      <c r="Y46"/>
      <c r="Z46"/>
      <c r="AA46"/>
      <c r="AB46"/>
      <c r="AC46"/>
      <c r="AD46"/>
      <c r="AE46"/>
      <c r="AF46"/>
      <c r="AG46"/>
      <c r="AH46"/>
      <c r="AI46"/>
      <c r="AJ46"/>
      <c r="AK46"/>
      <c r="AL46"/>
      <c r="AM46"/>
      <c r="AN46"/>
      <c r="AO46"/>
      <c r="AP46"/>
      <c r="AQ46"/>
      <c r="AR46"/>
      <c r="AS46"/>
      <c r="AT46"/>
      <c r="AU46"/>
      <c r="AV46"/>
      <c r="AW46"/>
      <c r="AX46"/>
      <c r="AY46"/>
      <c r="AZ46"/>
      <c r="BA46"/>
    </row>
    <row r="47" spans="1:115" s="23" customFormat="1" ht="15.75" customHeight="1" x14ac:dyDescent="0.2">
      <c r="B47" s="7"/>
      <c r="C47" s="136" t="s">
        <v>66</v>
      </c>
      <c r="D47" s="7"/>
      <c r="E47" s="7"/>
      <c r="F47" s="7"/>
      <c r="G47" s="7"/>
      <c r="H47" s="19"/>
      <c r="I47" s="20"/>
      <c r="J47" s="20"/>
      <c r="K47" s="19"/>
      <c r="L47" s="20"/>
      <c r="M47" s="20"/>
      <c r="N47" s="19"/>
      <c r="O47" s="15" t="s">
        <v>70</v>
      </c>
      <c r="P47" s="20"/>
      <c r="Q47" s="19"/>
      <c r="R47" s="7"/>
      <c r="S47" s="7"/>
      <c r="T47" s="7"/>
      <c r="U47" s="7"/>
      <c r="V47"/>
      <c r="W47"/>
      <c r="X47"/>
      <c r="Y47"/>
      <c r="Z47"/>
      <c r="AA47"/>
      <c r="AB47"/>
      <c r="AC47"/>
      <c r="AD47"/>
      <c r="AE47"/>
      <c r="AF47"/>
      <c r="AG47"/>
      <c r="AH47"/>
      <c r="AI47"/>
      <c r="AJ47"/>
      <c r="AK47"/>
      <c r="AL47"/>
      <c r="AM47"/>
      <c r="AN47"/>
      <c r="AO47"/>
      <c r="AP47"/>
      <c r="AQ47"/>
      <c r="AR47"/>
      <c r="AS47"/>
      <c r="AT47"/>
      <c r="AU47"/>
      <c r="AV47"/>
      <c r="AW47"/>
      <c r="AX47"/>
      <c r="AY47"/>
      <c r="AZ47"/>
      <c r="BA47"/>
    </row>
    <row r="48" spans="1:115" s="23" customFormat="1" ht="5.0999999999999996" customHeight="1" x14ac:dyDescent="0.2">
      <c r="B48" s="7"/>
      <c r="C48" s="136"/>
      <c r="D48" s="7"/>
      <c r="E48" s="7"/>
      <c r="F48" s="7"/>
      <c r="G48" s="7"/>
      <c r="H48" s="7"/>
      <c r="I48" s="7"/>
      <c r="J48" s="7"/>
      <c r="K48" s="7"/>
      <c r="L48" s="7"/>
      <c r="M48" s="7"/>
      <c r="N48" s="7"/>
      <c r="O48" s="7"/>
      <c r="P48" s="7"/>
      <c r="Q48" s="7"/>
      <c r="R48" s="7"/>
      <c r="S48" s="7"/>
      <c r="T48" s="7"/>
      <c r="U48" s="7"/>
      <c r="V48"/>
      <c r="W48"/>
      <c r="X48"/>
      <c r="Y48"/>
      <c r="Z48"/>
      <c r="AA48"/>
      <c r="AB48"/>
      <c r="AC48"/>
      <c r="AD48"/>
      <c r="AE48"/>
      <c r="AF48"/>
      <c r="AG48"/>
      <c r="AH48"/>
      <c r="AI48"/>
      <c r="AJ48"/>
      <c r="AK48"/>
      <c r="AL48"/>
      <c r="AM48"/>
      <c r="AN48"/>
      <c r="AO48"/>
      <c r="AP48"/>
      <c r="AQ48"/>
      <c r="AR48"/>
      <c r="AS48"/>
      <c r="AT48"/>
      <c r="AU48"/>
      <c r="AV48"/>
      <c r="AW48"/>
      <c r="AX48"/>
      <c r="AY48"/>
      <c r="AZ48"/>
      <c r="BA48"/>
    </row>
    <row r="49" spans="1:115" s="23" customFormat="1" ht="15.75" customHeight="1" x14ac:dyDescent="0.2">
      <c r="B49" s="7"/>
      <c r="C49" s="136" t="s">
        <v>67</v>
      </c>
      <c r="D49" s="7"/>
      <c r="E49" s="7"/>
      <c r="F49" s="7"/>
      <c r="G49" s="7"/>
      <c r="H49" s="19"/>
      <c r="I49" s="20"/>
      <c r="J49" s="20"/>
      <c r="K49" s="19"/>
      <c r="L49" s="20"/>
      <c r="M49" s="20"/>
      <c r="N49" s="19"/>
      <c r="O49" s="15" t="s">
        <v>70</v>
      </c>
      <c r="P49" s="20"/>
      <c r="Q49" s="19"/>
      <c r="R49" s="7"/>
      <c r="S49" s="7"/>
      <c r="T49" s="7"/>
      <c r="U49" s="7"/>
      <c r="V49"/>
      <c r="W49"/>
      <c r="X49"/>
      <c r="Y49"/>
      <c r="Z49"/>
      <c r="AA49"/>
      <c r="AB49"/>
      <c r="AC49"/>
      <c r="AD49"/>
      <c r="AE49"/>
      <c r="AF49"/>
      <c r="AG49"/>
      <c r="AH49"/>
      <c r="AI49"/>
      <c r="AJ49"/>
      <c r="AK49"/>
      <c r="AL49"/>
      <c r="AM49"/>
      <c r="AN49"/>
      <c r="AO49"/>
      <c r="AP49"/>
      <c r="AQ49"/>
      <c r="AR49"/>
      <c r="AS49"/>
      <c r="AT49"/>
      <c r="AU49"/>
      <c r="AV49"/>
      <c r="AW49"/>
      <c r="AX49"/>
      <c r="AY49"/>
      <c r="AZ49"/>
      <c r="BA49"/>
    </row>
    <row r="50" spans="1:115" s="23" customFormat="1" ht="15" customHeight="1" x14ac:dyDescent="0.2">
      <c r="B50" s="7"/>
      <c r="C50" s="84"/>
      <c r="D50" s="84"/>
      <c r="E50" s="84"/>
      <c r="F50" s="9"/>
      <c r="G50" s="9"/>
      <c r="H50" s="9"/>
      <c r="I50" s="9"/>
      <c r="J50" s="9"/>
      <c r="K50" s="9"/>
      <c r="L50" s="9"/>
      <c r="M50" s="9"/>
      <c r="N50" s="9"/>
      <c r="O50" s="9"/>
      <c r="P50" s="9"/>
      <c r="Q50" s="9"/>
      <c r="R50" s="9"/>
      <c r="S50" s="9"/>
      <c r="T50" s="9"/>
      <c r="U50" s="9"/>
      <c r="V50"/>
      <c r="W50"/>
      <c r="X50"/>
      <c r="Y50"/>
      <c r="Z50"/>
      <c r="AA50"/>
      <c r="AB50"/>
      <c r="AC50"/>
      <c r="AD50"/>
      <c r="AE50"/>
      <c r="AF50"/>
      <c r="AG50"/>
      <c r="AH50"/>
      <c r="AI50"/>
      <c r="AJ50"/>
      <c r="AK50"/>
      <c r="AL50"/>
      <c r="AM50"/>
      <c r="AN50"/>
      <c r="AO50"/>
      <c r="AP50"/>
      <c r="AQ50"/>
      <c r="AR50"/>
      <c r="AS50"/>
      <c r="AT50"/>
      <c r="AU50"/>
      <c r="AV50"/>
      <c r="AW50"/>
      <c r="AX50"/>
      <c r="AY50"/>
      <c r="AZ50"/>
      <c r="BA50"/>
    </row>
    <row r="51" spans="1:115" s="23" customFormat="1" ht="15" customHeight="1" x14ac:dyDescent="0.2">
      <c r="B51" s="7"/>
      <c r="C51" s="1" t="s">
        <v>160</v>
      </c>
      <c r="D51" s="2"/>
      <c r="E51" s="2"/>
      <c r="F51" s="2"/>
      <c r="G51" s="2"/>
      <c r="H51" s="12"/>
      <c r="I51" s="13"/>
      <c r="J51" s="13"/>
      <c r="K51" s="12"/>
      <c r="L51" s="13"/>
      <c r="M51" s="13"/>
      <c r="N51" s="12"/>
      <c r="O51" s="15" t="s">
        <v>70</v>
      </c>
      <c r="P51" s="13"/>
      <c r="Q51" s="12"/>
      <c r="R51" s="13"/>
      <c r="S51" s="13"/>
      <c r="T51" s="209" t="s">
        <v>156</v>
      </c>
      <c r="U51" s="209"/>
      <c r="V51" s="209"/>
      <c r="W51" s="209"/>
      <c r="X51" s="209"/>
      <c r="Y51" s="209"/>
      <c r="Z51" s="209"/>
      <c r="AA51" s="209"/>
      <c r="AB51" s="209"/>
      <c r="AC51" s="209"/>
      <c r="AD51" s="209"/>
      <c r="AE51" s="209"/>
      <c r="AF51" s="209"/>
      <c r="AG51" s="209"/>
      <c r="AH51" s="209"/>
      <c r="AI51" s="209"/>
      <c r="AJ51" s="209"/>
      <c r="AK51" s="209"/>
      <c r="AL51" s="209"/>
      <c r="AM51" s="209"/>
      <c r="AN51" s="209"/>
      <c r="AO51" s="209"/>
      <c r="AP51" s="209"/>
      <c r="AQ51" s="209"/>
      <c r="AR51" s="209"/>
      <c r="AS51" s="209"/>
      <c r="AT51"/>
      <c r="AU51"/>
      <c r="AV51"/>
      <c r="AW51"/>
      <c r="AX51"/>
      <c r="AY51"/>
      <c r="AZ51"/>
      <c r="BA51"/>
    </row>
    <row r="52" spans="1:115" s="85" customFormat="1" ht="5.0999999999999996" customHeight="1" x14ac:dyDescent="0.2">
      <c r="A52" s="3"/>
      <c r="C52" s="1"/>
      <c r="D52" s="2"/>
      <c r="E52" s="2"/>
      <c r="F52" s="2"/>
      <c r="G52" s="2"/>
      <c r="H52" s="13"/>
      <c r="I52" s="13"/>
      <c r="J52" s="13"/>
      <c r="K52" s="13"/>
      <c r="L52" s="13"/>
      <c r="M52" s="13"/>
      <c r="N52" s="13"/>
      <c r="O52" s="13"/>
      <c r="P52" s="13"/>
      <c r="Q52" s="13"/>
      <c r="R52" s="13"/>
      <c r="S52" s="13"/>
      <c r="T52" s="209"/>
      <c r="U52" s="209"/>
      <c r="V52" s="209"/>
      <c r="W52" s="209"/>
      <c r="X52" s="209"/>
      <c r="Y52" s="209"/>
      <c r="Z52" s="209"/>
      <c r="AA52" s="209"/>
      <c r="AB52" s="209"/>
      <c r="AC52" s="209"/>
      <c r="AD52" s="209"/>
      <c r="AE52" s="209"/>
      <c r="AF52" s="209"/>
      <c r="AG52" s="209"/>
      <c r="AH52" s="209"/>
      <c r="AI52" s="209"/>
      <c r="AJ52" s="209"/>
      <c r="AK52" s="209"/>
      <c r="AL52" s="209"/>
      <c r="AM52" s="209"/>
      <c r="AN52" s="209"/>
      <c r="AO52" s="209"/>
      <c r="AP52" s="209"/>
      <c r="AQ52" s="209"/>
      <c r="AR52" s="209"/>
      <c r="AS52" s="209"/>
      <c r="AT52"/>
      <c r="AU52"/>
      <c r="AV52"/>
      <c r="AW52"/>
      <c r="AX52"/>
      <c r="AY52"/>
      <c r="AZ52"/>
      <c r="BA52"/>
      <c r="BB52" s="4"/>
      <c r="BC52" s="4"/>
      <c r="BD52" s="4"/>
      <c r="BE52" s="4"/>
      <c r="BF52" s="4"/>
      <c r="BG52" s="4"/>
      <c r="BH52" s="4"/>
      <c r="BI52" s="4"/>
      <c r="BJ52" s="4"/>
      <c r="BK52" s="4"/>
      <c r="BL52" s="4"/>
      <c r="BM52" s="4"/>
      <c r="BN52" s="4"/>
      <c r="BO52" s="4"/>
      <c r="BP52" s="4"/>
      <c r="BQ52" s="4"/>
      <c r="BR52" s="4"/>
      <c r="BS52" s="4"/>
      <c r="BT52" s="4"/>
      <c r="BU52" s="4"/>
      <c r="BV52" s="4"/>
      <c r="BW52" s="4"/>
      <c r="BX52" s="4"/>
      <c r="BY52" s="4"/>
      <c r="BZ52" s="4"/>
      <c r="CA52" s="4"/>
      <c r="CB52" s="4"/>
      <c r="CC52" s="4"/>
      <c r="CD52" s="4"/>
      <c r="CE52" s="4"/>
      <c r="CF52" s="4"/>
      <c r="CG52" s="4"/>
      <c r="CH52" s="4"/>
      <c r="CI52" s="4"/>
      <c r="CJ52" s="4"/>
      <c r="CK52" s="4"/>
      <c r="CL52" s="4"/>
      <c r="CM52" s="4"/>
      <c r="CN52" s="4"/>
      <c r="CO52" s="4"/>
      <c r="CP52" s="4"/>
      <c r="CQ52" s="4"/>
      <c r="CR52" s="4"/>
      <c r="CS52" s="4"/>
      <c r="CT52" s="4"/>
      <c r="CU52" s="4"/>
      <c r="CV52" s="4"/>
      <c r="CW52" s="4"/>
      <c r="CX52" s="4"/>
      <c r="CY52" s="4"/>
      <c r="CZ52" s="4"/>
      <c r="DA52" s="4"/>
      <c r="DB52" s="4"/>
      <c r="DC52" s="4"/>
      <c r="DD52" s="4"/>
      <c r="DE52" s="4"/>
      <c r="DF52" s="4"/>
      <c r="DG52" s="4"/>
      <c r="DH52" s="4"/>
      <c r="DI52" s="4"/>
      <c r="DJ52" s="4"/>
      <c r="DK52" s="4"/>
    </row>
    <row r="53" spans="1:115" s="85" customFormat="1" ht="15" customHeight="1" x14ac:dyDescent="0.2">
      <c r="A53" s="3"/>
      <c r="C53" s="1" t="s">
        <v>159</v>
      </c>
      <c r="D53" s="2"/>
      <c r="E53" s="2"/>
      <c r="F53" s="2"/>
      <c r="G53" s="2"/>
      <c r="H53" s="12"/>
      <c r="I53" s="13"/>
      <c r="J53" s="13"/>
      <c r="K53" s="12"/>
      <c r="L53" s="13"/>
      <c r="M53" s="13"/>
      <c r="N53" s="12"/>
      <c r="O53" s="15" t="s">
        <v>70</v>
      </c>
      <c r="P53" s="13"/>
      <c r="Q53" s="12"/>
      <c r="R53" s="13"/>
      <c r="S53" s="13"/>
      <c r="T53" s="209"/>
      <c r="U53" s="209"/>
      <c r="V53" s="209"/>
      <c r="W53" s="209"/>
      <c r="X53" s="209"/>
      <c r="Y53" s="209"/>
      <c r="Z53" s="209"/>
      <c r="AA53" s="209"/>
      <c r="AB53" s="209"/>
      <c r="AC53" s="209"/>
      <c r="AD53" s="209"/>
      <c r="AE53" s="209"/>
      <c r="AF53" s="209"/>
      <c r="AG53" s="209"/>
      <c r="AH53" s="209"/>
      <c r="AI53" s="209"/>
      <c r="AJ53" s="209"/>
      <c r="AK53" s="209"/>
      <c r="AL53" s="209"/>
      <c r="AM53" s="209"/>
      <c r="AN53" s="209"/>
      <c r="AO53" s="209"/>
      <c r="AP53" s="209"/>
      <c r="AQ53" s="209"/>
      <c r="AR53" s="209"/>
      <c r="AS53" s="209"/>
      <c r="AT53"/>
      <c r="AU53"/>
      <c r="AV53"/>
      <c r="AW53"/>
      <c r="AX53"/>
      <c r="AY53"/>
      <c r="AZ53"/>
      <c r="BA53"/>
      <c r="BB53" s="4"/>
      <c r="BC53" s="4"/>
      <c r="BD53" s="4"/>
      <c r="BE53" s="4"/>
      <c r="BF53" s="4"/>
      <c r="BG53" s="4"/>
      <c r="BH53" s="4"/>
      <c r="BI53" s="4"/>
      <c r="BJ53" s="4"/>
      <c r="BK53" s="4"/>
      <c r="BL53" s="4"/>
      <c r="BM53" s="4"/>
      <c r="BN53" s="4"/>
      <c r="BO53" s="4"/>
      <c r="BP53" s="4"/>
      <c r="BQ53" s="4"/>
      <c r="BR53" s="4"/>
      <c r="BS53" s="4"/>
      <c r="BT53" s="4"/>
      <c r="BU53" s="4"/>
      <c r="BV53" s="4"/>
      <c r="BW53" s="4"/>
      <c r="BX53" s="4"/>
      <c r="BY53" s="4"/>
      <c r="BZ53" s="4"/>
      <c r="CA53" s="4"/>
      <c r="CB53" s="4"/>
      <c r="CC53" s="4"/>
      <c r="CD53" s="4"/>
      <c r="CE53" s="4"/>
      <c r="CF53" s="4"/>
      <c r="CG53" s="4"/>
      <c r="CH53" s="4"/>
      <c r="CI53" s="4"/>
      <c r="CJ53" s="4"/>
      <c r="CK53" s="4"/>
      <c r="CL53" s="4"/>
      <c r="CM53" s="4"/>
      <c r="CN53" s="4"/>
      <c r="CO53" s="4"/>
      <c r="CP53" s="4"/>
      <c r="CQ53" s="4"/>
      <c r="CR53" s="4"/>
      <c r="CS53" s="4"/>
      <c r="CT53" s="4"/>
      <c r="CU53" s="4"/>
      <c r="CV53" s="4"/>
      <c r="CW53" s="4"/>
      <c r="CX53" s="4"/>
      <c r="CY53" s="4"/>
      <c r="CZ53" s="4"/>
      <c r="DA53" s="4"/>
      <c r="DB53" s="4"/>
      <c r="DC53" s="4"/>
      <c r="DD53" s="4"/>
      <c r="DE53" s="4"/>
      <c r="DF53" s="4"/>
      <c r="DG53" s="4"/>
      <c r="DH53" s="4"/>
      <c r="DI53" s="4"/>
      <c r="DJ53" s="4"/>
      <c r="DK53" s="4"/>
    </row>
    <row r="54" spans="1:115" s="85" customFormat="1" ht="5.0999999999999996" customHeight="1" x14ac:dyDescent="0.2">
      <c r="A54" s="3"/>
      <c r="C54" s="21"/>
      <c r="D54" s="18"/>
      <c r="E54" s="18"/>
      <c r="F54" s="18"/>
      <c r="G54" s="18"/>
      <c r="H54" s="18"/>
      <c r="I54" s="18"/>
      <c r="J54" s="18"/>
      <c r="K54" s="18"/>
      <c r="L54" s="18"/>
      <c r="M54" s="18"/>
      <c r="N54" s="18"/>
      <c r="O54" s="18"/>
      <c r="P54" s="18"/>
      <c r="Q54" s="18"/>
      <c r="R54" s="18"/>
      <c r="S54" s="18"/>
      <c r="T54" s="209"/>
      <c r="U54" s="209"/>
      <c r="V54" s="209"/>
      <c r="W54" s="209"/>
      <c r="X54" s="209"/>
      <c r="Y54" s="209"/>
      <c r="Z54" s="209"/>
      <c r="AA54" s="209"/>
      <c r="AB54" s="209"/>
      <c r="AC54" s="209"/>
      <c r="AD54" s="209"/>
      <c r="AE54" s="209"/>
      <c r="AF54" s="209"/>
      <c r="AG54" s="209"/>
      <c r="AH54" s="209"/>
      <c r="AI54" s="209"/>
      <c r="AJ54" s="209"/>
      <c r="AK54" s="209"/>
      <c r="AL54" s="209"/>
      <c r="AM54" s="209"/>
      <c r="AN54" s="209"/>
      <c r="AO54" s="209"/>
      <c r="AP54" s="209"/>
      <c r="AQ54" s="209"/>
      <c r="AR54" s="209"/>
      <c r="AS54" s="209"/>
      <c r="AT54"/>
      <c r="AU54"/>
      <c r="AV54"/>
      <c r="AW54"/>
      <c r="AX54"/>
      <c r="AY54"/>
      <c r="AZ54"/>
      <c r="BA54"/>
      <c r="BB54" s="4"/>
      <c r="BC54" s="4"/>
      <c r="BD54" s="4"/>
      <c r="BE54" s="4"/>
      <c r="BF54" s="4"/>
      <c r="BG54" s="4"/>
      <c r="BH54" s="4"/>
      <c r="BI54" s="4"/>
      <c r="BJ54" s="4"/>
      <c r="BK54" s="4"/>
      <c r="BL54" s="4"/>
      <c r="BM54" s="4"/>
      <c r="BN54" s="4"/>
      <c r="BO54" s="4"/>
      <c r="BP54" s="4"/>
      <c r="BQ54" s="4"/>
      <c r="BR54" s="4"/>
      <c r="BS54" s="4"/>
      <c r="BT54" s="4"/>
      <c r="BU54" s="4"/>
      <c r="BV54" s="4"/>
      <c r="BW54" s="4"/>
      <c r="BX54" s="4"/>
      <c r="BY54" s="4"/>
      <c r="BZ54" s="4"/>
      <c r="CA54" s="4"/>
      <c r="CB54" s="4"/>
      <c r="CC54" s="4"/>
      <c r="CD54" s="4"/>
      <c r="CE54" s="4"/>
      <c r="CF54" s="4"/>
      <c r="CG54" s="4"/>
      <c r="CH54" s="4"/>
      <c r="CI54" s="4"/>
      <c r="CJ54" s="4"/>
      <c r="CK54" s="4"/>
      <c r="CL54" s="4"/>
      <c r="CM54" s="4"/>
      <c r="CN54" s="4"/>
      <c r="CO54" s="4"/>
      <c r="CP54" s="4"/>
      <c r="CQ54" s="4"/>
      <c r="CR54" s="4"/>
      <c r="CS54" s="4"/>
      <c r="CT54" s="4"/>
      <c r="CU54" s="4"/>
      <c r="CV54" s="4"/>
      <c r="CW54" s="4"/>
      <c r="CX54" s="4"/>
      <c r="CY54" s="4"/>
      <c r="CZ54" s="4"/>
      <c r="DA54" s="4"/>
      <c r="DB54" s="4"/>
      <c r="DC54" s="4"/>
      <c r="DD54" s="4"/>
      <c r="DE54" s="4"/>
      <c r="DF54" s="4"/>
      <c r="DG54" s="4"/>
      <c r="DH54" s="4"/>
      <c r="DI54" s="4"/>
      <c r="DJ54" s="4"/>
      <c r="DK54" s="4"/>
    </row>
    <row r="55" spans="1:115" s="85" customFormat="1" ht="15" customHeight="1" x14ac:dyDescent="0.2">
      <c r="A55" s="3"/>
      <c r="C55" s="210" t="s">
        <v>158</v>
      </c>
      <c r="D55" s="2"/>
      <c r="E55" s="2"/>
      <c r="F55" s="2"/>
      <c r="G55" s="2"/>
      <c r="H55" s="12"/>
      <c r="I55" s="13"/>
      <c r="J55" s="13"/>
      <c r="K55" s="12"/>
      <c r="L55" s="13"/>
      <c r="M55" s="13"/>
      <c r="N55" s="12"/>
      <c r="O55" s="15" t="s">
        <v>70</v>
      </c>
      <c r="P55" s="13"/>
      <c r="Q55" s="12"/>
      <c r="R55" s="13"/>
      <c r="S55" s="13"/>
      <c r="T55" s="21"/>
      <c r="U55" s="13"/>
      <c r="V55"/>
      <c r="W55"/>
      <c r="X55"/>
      <c r="Y55"/>
      <c r="Z55"/>
      <c r="AA55"/>
      <c r="AB55"/>
      <c r="AC55"/>
      <c r="AD55"/>
      <c r="AE55"/>
      <c r="AF55"/>
      <c r="AG55"/>
      <c r="AH55"/>
      <c r="AI55"/>
      <c r="AJ55"/>
      <c r="AK55"/>
      <c r="AL55"/>
      <c r="AM55"/>
      <c r="AN55"/>
      <c r="AO55"/>
      <c r="AP55"/>
      <c r="AQ55"/>
      <c r="AR55"/>
      <c r="AS55"/>
      <c r="AT55"/>
      <c r="AU55"/>
      <c r="AV55"/>
      <c r="AW55"/>
      <c r="AX55"/>
      <c r="AY55"/>
      <c r="AZ55"/>
      <c r="BA55"/>
      <c r="BB55" s="4"/>
      <c r="BC55" s="4"/>
      <c r="BD55" s="4"/>
      <c r="BE55" s="4"/>
      <c r="BF55" s="4"/>
      <c r="BG55" s="4"/>
      <c r="BH55" s="4"/>
      <c r="BI55" s="4"/>
      <c r="BJ55" s="4"/>
      <c r="BK55" s="4"/>
      <c r="BL55" s="4"/>
      <c r="BM55" s="4"/>
      <c r="BN55" s="4"/>
      <c r="BO55" s="4"/>
      <c r="BP55" s="4"/>
      <c r="BQ55" s="4"/>
      <c r="BR55" s="4"/>
      <c r="BS55" s="4"/>
      <c r="BT55" s="4"/>
      <c r="BU55" s="4"/>
      <c r="BV55" s="4"/>
      <c r="BW55" s="4"/>
      <c r="BX55" s="4"/>
      <c r="BY55" s="4"/>
      <c r="BZ55" s="4"/>
      <c r="CA55" s="4"/>
      <c r="CB55" s="4"/>
      <c r="CC55" s="4"/>
      <c r="CD55" s="4"/>
      <c r="CE55" s="4"/>
      <c r="CF55" s="4"/>
      <c r="CG55" s="4"/>
      <c r="CH55" s="4"/>
      <c r="CI55" s="4"/>
      <c r="CJ55" s="4"/>
      <c r="CK55" s="4"/>
      <c r="CL55" s="4"/>
      <c r="CM55" s="4"/>
      <c r="CN55" s="4"/>
      <c r="CO55" s="4"/>
      <c r="CP55" s="4"/>
      <c r="CQ55" s="4"/>
      <c r="CR55" s="4"/>
      <c r="CS55" s="4"/>
      <c r="CT55" s="4"/>
      <c r="CU55" s="4"/>
      <c r="CV55" s="4"/>
      <c r="CW55" s="4"/>
      <c r="CX55" s="4"/>
      <c r="CY55" s="4"/>
      <c r="CZ55" s="4"/>
      <c r="DA55" s="4"/>
      <c r="DB55" s="4"/>
      <c r="DC55" s="4"/>
      <c r="DD55" s="4"/>
      <c r="DE55" s="4"/>
      <c r="DF55" s="4"/>
      <c r="DG55" s="4"/>
      <c r="DH55" s="4"/>
      <c r="DI55" s="4"/>
      <c r="DJ55" s="4"/>
      <c r="DK55" s="4"/>
    </row>
    <row r="56" spans="1:115" x14ac:dyDescent="0.2">
      <c r="C56" s="210"/>
    </row>
  </sheetData>
  <sheetProtection algorithmName="SHA-512" hashValue="X8A/eWzu2AR9sJT6Rj0y+/GWvGtabbsQ0aC3PKpiVluSpuRVP/3WonpGUzUmm6VMrJVc3MrPrk3tGwKpDUNtHg==" saltValue="Nxyf3Vt6TE+TrITB+AsHIA==" spinCount="100000" sheet="1" objects="1" scenarios="1" selectLockedCells="1" autoFilter="0" selectUnlockedCells="1"/>
  <customSheetViews>
    <customSheetView guid="{67FFD9AE-B4FE-4D55-B0D5-8B269AAA467F}" scale="85" showGridLines="0" printArea="1" hiddenColumns="1" topLeftCell="XEJ1">
      <selection activeCell="I10" sqref="I10:XFD11"/>
      <pageMargins left="0.31" right="0.39" top="1" bottom="1" header="0.5" footer="0.5"/>
      <pageSetup paperSize="9" scale="78" fitToHeight="2" orientation="portrait" r:id="rId1"/>
      <headerFooter alignWithMargins="0"/>
    </customSheetView>
  </customSheetViews>
  <mergeCells count="9">
    <mergeCell ref="T41:AV43"/>
    <mergeCell ref="T51:AS54"/>
    <mergeCell ref="C55:C56"/>
    <mergeCell ref="T30:AS32"/>
    <mergeCell ref="B2:AV2"/>
    <mergeCell ref="B4:AV4"/>
    <mergeCell ref="B15:AV15"/>
    <mergeCell ref="T17:AV18"/>
    <mergeCell ref="T23:AV25"/>
  </mergeCells>
  <phoneticPr fontId="1" type="noConversion"/>
  <pageMargins left="0.25" right="0.25" top="0.75" bottom="0.75" header="0.3" footer="0.3"/>
  <pageSetup paperSize="9" orientation="portrait" r:id="rId2"/>
  <headerFooter alignWithMargins="0">
    <oddFooter>&amp;L&amp;1#&amp;"Calibri"&amp;10&amp;K000000Classification: Private</oddFooter>
  </headerFooter>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900-000000000000}">
  <sheetPr codeName="Sheet13">
    <pageSetUpPr fitToPage="1"/>
  </sheetPr>
  <dimension ref="A1:CG2256"/>
  <sheetViews>
    <sheetView showGridLines="0" zoomScale="90" zoomScaleNormal="90" workbookViewId="0">
      <selection activeCell="E52" sqref="E52:AO52"/>
    </sheetView>
  </sheetViews>
  <sheetFormatPr defaultColWidth="8.7109375" defaultRowHeight="12.75" x14ac:dyDescent="0.2"/>
  <cols>
    <col min="1" max="1" width="2.5703125" style="85" customWidth="1"/>
    <col min="2" max="2" width="18.7109375" style="76" customWidth="1"/>
    <col min="3" max="9" width="2.5703125" style="9" customWidth="1"/>
    <col min="10" max="41" width="2.5703125" style="85" customWidth="1"/>
    <col min="42" max="16384" width="8.7109375" style="85"/>
  </cols>
  <sheetData>
    <row r="1" spans="1:85" s="7" customFormat="1" ht="80.099999999999994" customHeight="1" x14ac:dyDescent="0.2">
      <c r="B1" s="22"/>
      <c r="C1" s="22"/>
      <c r="D1" s="22"/>
      <c r="E1" s="22"/>
      <c r="F1" s="22"/>
      <c r="G1" s="22"/>
      <c r="H1" s="22"/>
      <c r="I1" s="22"/>
      <c r="J1" s="22"/>
      <c r="K1" s="22"/>
      <c r="L1" s="22"/>
      <c r="M1" s="22"/>
      <c r="N1" s="22"/>
      <c r="O1" s="22"/>
      <c r="P1" s="22"/>
      <c r="Q1" s="22"/>
      <c r="R1" s="22"/>
      <c r="S1" s="22"/>
      <c r="T1" s="22"/>
      <c r="U1" s="22"/>
      <c r="W1" s="68"/>
      <c r="X1" s="23"/>
      <c r="Y1" s="23"/>
      <c r="Z1" s="23"/>
      <c r="AA1" s="23"/>
      <c r="AB1" s="23"/>
      <c r="AC1" s="23"/>
      <c r="AD1" s="23"/>
      <c r="AE1" s="23"/>
      <c r="AF1" s="23"/>
      <c r="AG1" s="23"/>
      <c r="AH1" s="23"/>
      <c r="AJ1" s="23"/>
      <c r="AK1" s="23"/>
      <c r="AL1" s="23"/>
      <c r="AM1" s="23"/>
      <c r="AN1" s="23"/>
      <c r="AO1" s="23"/>
      <c r="AP1" s="23"/>
      <c r="AQ1" s="23"/>
      <c r="AR1" s="23"/>
      <c r="AS1" s="23"/>
      <c r="AT1" s="113"/>
    </row>
    <row r="2" spans="1:85" s="7" customFormat="1" ht="36.75" customHeight="1" thickBot="1" x14ac:dyDescent="0.25">
      <c r="A2" s="3"/>
      <c r="B2" s="211" t="s">
        <v>145</v>
      </c>
      <c r="C2" s="211"/>
      <c r="D2" s="211"/>
      <c r="E2" s="211"/>
      <c r="F2" s="211"/>
      <c r="G2" s="211"/>
      <c r="H2" s="211"/>
      <c r="I2" s="211"/>
      <c r="J2" s="211"/>
      <c r="K2" s="211"/>
      <c r="L2" s="211"/>
      <c r="M2" s="211"/>
      <c r="N2" s="211"/>
      <c r="O2" s="211"/>
      <c r="P2" s="211"/>
      <c r="Q2" s="211"/>
      <c r="R2" s="211"/>
      <c r="S2" s="211"/>
      <c r="T2" s="211"/>
      <c r="U2" s="211"/>
      <c r="V2" s="211"/>
      <c r="W2" s="211"/>
      <c r="X2" s="211"/>
      <c r="Y2" s="211"/>
      <c r="Z2" s="211"/>
      <c r="AA2" s="211"/>
      <c r="AB2" s="211"/>
      <c r="AC2" s="211"/>
      <c r="AD2" s="211"/>
      <c r="AE2" s="211"/>
      <c r="AF2" s="211"/>
      <c r="AG2" s="211"/>
      <c r="AH2" s="211"/>
      <c r="AI2" s="211"/>
      <c r="AJ2" s="211"/>
      <c r="AK2" s="211"/>
      <c r="AL2" s="211"/>
      <c r="AM2" s="211"/>
      <c r="AN2" s="211"/>
      <c r="AO2" s="211"/>
      <c r="AP2" s="85"/>
      <c r="AQ2" s="85"/>
      <c r="AR2" s="85"/>
      <c r="AS2" s="85"/>
      <c r="AT2" s="85"/>
      <c r="AU2" s="85"/>
      <c r="AV2" s="85"/>
      <c r="AW2" s="85"/>
      <c r="AX2" s="85"/>
      <c r="AY2" s="85"/>
      <c r="AZ2" s="85"/>
      <c r="BA2" s="85"/>
      <c r="BB2" s="85"/>
      <c r="BC2" s="85"/>
      <c r="BD2" s="85"/>
      <c r="BE2" s="85"/>
      <c r="BF2" s="85"/>
      <c r="BG2" s="85"/>
      <c r="BH2" s="85"/>
      <c r="BI2" s="85"/>
      <c r="BJ2" s="85"/>
      <c r="BK2" s="85"/>
      <c r="BL2" s="85"/>
      <c r="BM2" s="85"/>
      <c r="BN2" s="85"/>
      <c r="BO2" s="85"/>
      <c r="BP2" s="85"/>
      <c r="BQ2" s="85"/>
      <c r="BR2" s="85"/>
      <c r="BS2" s="85"/>
      <c r="BT2" s="85"/>
      <c r="BU2" s="85"/>
      <c r="BV2" s="85"/>
      <c r="BW2" s="85"/>
      <c r="BX2" s="85"/>
      <c r="BY2" s="85"/>
      <c r="BZ2" s="85"/>
      <c r="CA2" s="85"/>
      <c r="CB2" s="85"/>
      <c r="CC2" s="85"/>
      <c r="CD2" s="85"/>
      <c r="CE2" s="85"/>
      <c r="CF2" s="85"/>
      <c r="CG2" s="85"/>
    </row>
    <row r="3" spans="1:85" ht="5.25" customHeight="1" x14ac:dyDescent="0.2">
      <c r="B3" s="72" t="s">
        <v>0</v>
      </c>
      <c r="C3" s="16"/>
      <c r="D3" s="16"/>
      <c r="E3" s="16"/>
      <c r="F3" s="16"/>
      <c r="G3" s="16"/>
      <c r="H3" s="16"/>
      <c r="I3" s="16"/>
    </row>
    <row r="4" spans="1:85" ht="20.100000000000001" customHeight="1" x14ac:dyDescent="0.2">
      <c r="B4" s="283" t="s">
        <v>151</v>
      </c>
      <c r="C4" s="283"/>
      <c r="D4" s="283"/>
      <c r="E4" s="283"/>
      <c r="F4" s="283"/>
      <c r="G4" s="283"/>
      <c r="H4" s="283"/>
      <c r="I4" s="283"/>
      <c r="J4" s="283"/>
      <c r="K4" s="283"/>
      <c r="L4" s="283"/>
      <c r="M4" s="283"/>
      <c r="N4" s="283"/>
      <c r="O4" s="283"/>
      <c r="P4" s="283"/>
      <c r="Q4" s="283"/>
      <c r="R4" s="283"/>
      <c r="S4" s="283"/>
      <c r="T4" s="283"/>
      <c r="U4" s="283"/>
      <c r="V4" s="283"/>
      <c r="W4" s="283"/>
      <c r="X4" s="283"/>
      <c r="Y4" s="283"/>
      <c r="Z4" s="283"/>
      <c r="AA4" s="283"/>
      <c r="AB4" s="283"/>
      <c r="AC4" s="283"/>
      <c r="AD4" s="283"/>
      <c r="AE4" s="283"/>
      <c r="AF4" s="283"/>
      <c r="AG4" s="283"/>
      <c r="AH4" s="283"/>
      <c r="AI4" s="283"/>
      <c r="AJ4" s="283"/>
      <c r="AK4" s="283"/>
      <c r="AL4" s="283"/>
      <c r="AM4" s="283"/>
      <c r="AN4" s="283"/>
      <c r="AO4" s="283"/>
    </row>
    <row r="5" spans="1:85" ht="6.95" customHeight="1" x14ac:dyDescent="0.2">
      <c r="B5" s="16"/>
      <c r="C5" s="16"/>
      <c r="D5" s="16"/>
      <c r="E5" s="16"/>
      <c r="F5" s="16"/>
      <c r="G5" s="16"/>
      <c r="H5" s="16"/>
      <c r="I5" s="16"/>
    </row>
    <row r="6" spans="1:85" ht="20.100000000000001" customHeight="1" x14ac:dyDescent="0.2">
      <c r="B6" s="16" t="s">
        <v>39</v>
      </c>
      <c r="C6" s="85"/>
      <c r="D6" s="85"/>
      <c r="E6" s="85"/>
      <c r="F6" s="85"/>
      <c r="G6" s="85"/>
      <c r="H6" s="85"/>
      <c r="I6" s="85"/>
      <c r="J6" s="284" t="s">
        <v>217</v>
      </c>
      <c r="K6" s="285"/>
      <c r="L6" s="285"/>
      <c r="M6" s="285"/>
      <c r="N6" s="285"/>
      <c r="O6" s="285"/>
      <c r="P6" s="285"/>
      <c r="Q6" s="285"/>
      <c r="R6" s="285"/>
      <c r="S6" s="285"/>
      <c r="T6" s="285"/>
      <c r="U6" s="285"/>
      <c r="V6" s="285"/>
      <c r="W6" s="285"/>
      <c r="X6" s="285"/>
      <c r="Y6" s="286"/>
      <c r="Z6"/>
      <c r="AA6"/>
      <c r="AB6"/>
      <c r="AC6"/>
      <c r="AD6"/>
      <c r="AE6"/>
    </row>
    <row r="7" spans="1:85" ht="6.95" customHeight="1" x14ac:dyDescent="0.2">
      <c r="B7" s="16"/>
      <c r="C7" s="85"/>
      <c r="D7" s="85"/>
      <c r="E7" s="85"/>
      <c r="F7" s="85"/>
      <c r="G7" s="85"/>
      <c r="H7" s="85"/>
      <c r="I7" s="85"/>
      <c r="J7"/>
      <c r="K7"/>
      <c r="L7"/>
      <c r="M7"/>
      <c r="N7"/>
      <c r="O7"/>
      <c r="P7"/>
      <c r="Q7"/>
      <c r="R7"/>
      <c r="S7"/>
      <c r="T7"/>
      <c r="U7"/>
      <c r="V7"/>
      <c r="W7"/>
      <c r="X7"/>
      <c r="Y7"/>
      <c r="Z7"/>
      <c r="AA7"/>
      <c r="AB7"/>
      <c r="AC7"/>
      <c r="AD7"/>
      <c r="AE7"/>
    </row>
    <row r="8" spans="1:85" ht="20.100000000000001" customHeight="1" x14ac:dyDescent="0.2">
      <c r="B8" s="16" t="s">
        <v>45</v>
      </c>
      <c r="C8" s="85"/>
      <c r="D8" s="85"/>
      <c r="E8" s="85"/>
      <c r="F8" s="85"/>
      <c r="G8" s="85"/>
      <c r="H8" s="85"/>
      <c r="I8" s="85"/>
      <c r="J8" s="284" t="s">
        <v>218</v>
      </c>
      <c r="K8" s="285"/>
      <c r="L8" s="285"/>
      <c r="M8" s="285"/>
      <c r="N8" s="285"/>
      <c r="O8" s="285"/>
      <c r="P8" s="285"/>
      <c r="Q8" s="285"/>
      <c r="R8" s="285"/>
      <c r="S8" s="285"/>
      <c r="T8" s="285"/>
      <c r="U8" s="285"/>
      <c r="V8" s="285"/>
      <c r="W8" s="285"/>
      <c r="X8" s="285"/>
      <c r="Y8" s="286"/>
      <c r="Z8"/>
      <c r="AA8"/>
      <c r="AB8"/>
      <c r="AC8"/>
      <c r="AD8"/>
      <c r="AE8"/>
    </row>
    <row r="9" spans="1:85" ht="6.95" customHeight="1" x14ac:dyDescent="0.2">
      <c r="B9" s="16"/>
      <c r="C9" s="85"/>
      <c r="D9" s="85"/>
      <c r="E9" s="85"/>
      <c r="F9" s="85"/>
      <c r="G9" s="85"/>
      <c r="H9" s="85"/>
      <c r="I9" s="85"/>
      <c r="J9"/>
      <c r="K9"/>
      <c r="L9"/>
      <c r="M9"/>
      <c r="N9"/>
      <c r="O9"/>
      <c r="P9"/>
      <c r="Q9"/>
      <c r="R9"/>
      <c r="S9"/>
      <c r="T9"/>
      <c r="U9"/>
      <c r="V9"/>
      <c r="W9"/>
      <c r="X9"/>
      <c r="Y9"/>
      <c r="Z9"/>
      <c r="AA9"/>
      <c r="AB9"/>
      <c r="AC9"/>
      <c r="AD9"/>
      <c r="AE9"/>
    </row>
    <row r="10" spans="1:85" ht="20.100000000000001" customHeight="1" x14ac:dyDescent="0.2">
      <c r="B10" s="16" t="s">
        <v>46</v>
      </c>
      <c r="C10" s="85"/>
      <c r="D10" s="85"/>
      <c r="E10" s="85"/>
      <c r="F10" s="85"/>
      <c r="G10" s="85"/>
      <c r="H10" s="85"/>
      <c r="I10" s="85"/>
      <c r="J10" s="284" t="s">
        <v>219</v>
      </c>
      <c r="K10" s="285"/>
      <c r="L10" s="285"/>
      <c r="M10" s="285"/>
      <c r="N10" s="285"/>
      <c r="O10" s="285"/>
      <c r="P10" s="285"/>
      <c r="Q10" s="285"/>
      <c r="R10" s="285"/>
      <c r="S10" s="285"/>
      <c r="T10" s="285"/>
      <c r="U10" s="285"/>
      <c r="V10" s="285"/>
      <c r="W10" s="285"/>
      <c r="X10" s="285"/>
      <c r="Y10" s="286"/>
      <c r="Z10"/>
      <c r="AA10"/>
      <c r="AB10"/>
      <c r="AC10"/>
      <c r="AD10"/>
      <c r="AE10"/>
    </row>
    <row r="11" spans="1:85" ht="17.100000000000001" customHeight="1" x14ac:dyDescent="0.2">
      <c r="B11" s="16"/>
      <c r="C11" s="85"/>
      <c r="D11" s="85"/>
      <c r="E11" s="85"/>
      <c r="F11" s="85"/>
      <c r="G11" s="85"/>
      <c r="H11" s="85"/>
      <c r="I11" s="85"/>
    </row>
    <row r="12" spans="1:85" ht="17.100000000000001" customHeight="1" x14ac:dyDescent="0.2">
      <c r="B12" s="16"/>
      <c r="C12" s="85"/>
      <c r="D12" s="85"/>
      <c r="E12" s="85"/>
      <c r="F12" s="85"/>
      <c r="G12" s="85"/>
      <c r="H12" s="85"/>
      <c r="I12" s="85"/>
    </row>
    <row r="13" spans="1:85" ht="20.100000000000001" customHeight="1" x14ac:dyDescent="0.2">
      <c r="B13" s="283" t="s">
        <v>147</v>
      </c>
      <c r="C13" s="283"/>
      <c r="D13" s="283"/>
      <c r="E13" s="283"/>
      <c r="F13" s="283"/>
      <c r="G13" s="283"/>
      <c r="H13" s="283"/>
      <c r="I13" s="283"/>
      <c r="J13" s="283"/>
      <c r="K13" s="283"/>
      <c r="L13" s="283"/>
      <c r="M13" s="283"/>
      <c r="N13" s="283"/>
      <c r="O13" s="283"/>
      <c r="P13" s="283"/>
      <c r="Q13" s="283"/>
      <c r="R13" s="283"/>
      <c r="S13" s="283"/>
      <c r="T13" s="283"/>
      <c r="U13" s="283"/>
      <c r="V13" s="283"/>
      <c r="W13" s="283"/>
      <c r="X13" s="283"/>
      <c r="Y13" s="283"/>
      <c r="Z13" s="283"/>
      <c r="AA13" s="283"/>
      <c r="AB13" s="283"/>
      <c r="AC13" s="283"/>
      <c r="AD13" s="283"/>
      <c r="AE13" s="283"/>
      <c r="AF13" s="283"/>
      <c r="AG13" s="283"/>
      <c r="AH13" s="283"/>
      <c r="AI13" s="283"/>
      <c r="AJ13" s="283"/>
      <c r="AK13" s="283"/>
      <c r="AL13" s="283"/>
      <c r="AM13" s="283"/>
      <c r="AN13" s="283"/>
      <c r="AO13" s="283"/>
    </row>
    <row r="14" spans="1:85" ht="6.95" customHeight="1" x14ac:dyDescent="0.2">
      <c r="B14" s="16"/>
      <c r="C14" s="16"/>
      <c r="D14" s="16"/>
      <c r="E14" s="16"/>
      <c r="F14" s="16"/>
      <c r="G14" s="16"/>
      <c r="H14" s="16"/>
      <c r="I14" s="16"/>
    </row>
    <row r="15" spans="1:85" ht="17.100000000000001" customHeight="1" x14ac:dyDescent="0.2">
      <c r="B15" s="16" t="s">
        <v>148</v>
      </c>
      <c r="C15" s="85"/>
      <c r="D15" s="85"/>
      <c r="E15" s="85"/>
      <c r="F15" s="85"/>
      <c r="G15"/>
      <c r="H15" s="85"/>
      <c r="I15" s="85"/>
      <c r="J15" s="293" t="s">
        <v>93</v>
      </c>
      <c r="K15" s="294"/>
      <c r="L15" s="294"/>
      <c r="M15" s="294"/>
      <c r="N15" s="294"/>
      <c r="O15" s="295"/>
      <c r="P15"/>
      <c r="Q15" s="296" t="s">
        <v>185</v>
      </c>
      <c r="R15" s="296"/>
      <c r="S15" s="296"/>
      <c r="T15" s="296"/>
      <c r="U15" s="296"/>
      <c r="V15" s="296"/>
      <c r="W15" s="296"/>
      <c r="X15" s="296"/>
      <c r="Y15" s="296"/>
      <c r="Z15" s="296"/>
      <c r="AA15" s="296"/>
      <c r="AB15" s="296"/>
      <c r="AC15" s="296"/>
      <c r="AD15" s="296"/>
      <c r="AE15" s="296"/>
      <c r="AF15" s="296"/>
      <c r="AG15" s="296"/>
      <c r="AH15" s="296"/>
      <c r="AI15" s="296"/>
      <c r="AJ15" s="296"/>
      <c r="AK15" s="296"/>
      <c r="AL15" s="296"/>
      <c r="AM15" s="296"/>
      <c r="AN15" s="296"/>
      <c r="AO15" s="296"/>
    </row>
    <row r="16" spans="1:85" ht="27" customHeight="1" x14ac:dyDescent="0.2">
      <c r="B16" s="16"/>
      <c r="C16" s="85"/>
      <c r="D16" s="85"/>
      <c r="E16" s="85"/>
      <c r="F16" s="85"/>
      <c r="G16" s="85"/>
      <c r="H16" s="85"/>
      <c r="I16" s="85"/>
      <c r="Q16" s="296"/>
      <c r="R16" s="296"/>
      <c r="S16" s="296"/>
      <c r="T16" s="296"/>
      <c r="U16" s="296"/>
      <c r="V16" s="296"/>
      <c r="W16" s="296"/>
      <c r="X16" s="296"/>
      <c r="Y16" s="296"/>
      <c r="Z16" s="296"/>
      <c r="AA16" s="296"/>
      <c r="AB16" s="296"/>
      <c r="AC16" s="296"/>
      <c r="AD16" s="296"/>
      <c r="AE16" s="296"/>
      <c r="AF16" s="296"/>
      <c r="AG16" s="296"/>
      <c r="AH16" s="296"/>
      <c r="AI16" s="296"/>
      <c r="AJ16" s="296"/>
      <c r="AK16" s="296"/>
      <c r="AL16" s="296"/>
      <c r="AM16" s="296"/>
      <c r="AN16" s="296"/>
      <c r="AO16" s="296"/>
    </row>
    <row r="17" spans="2:42" ht="17.100000000000001" customHeight="1" x14ac:dyDescent="0.2">
      <c r="B17" s="16"/>
      <c r="C17" s="85"/>
      <c r="D17" s="85"/>
      <c r="E17" s="85"/>
      <c r="F17" s="85"/>
      <c r="G17" s="85"/>
      <c r="H17" s="85"/>
      <c r="I17" s="85"/>
    </row>
    <row r="18" spans="2:42" ht="20.100000000000001" customHeight="1" x14ac:dyDescent="0.2">
      <c r="B18" s="283" t="s">
        <v>166</v>
      </c>
      <c r="C18" s="283"/>
      <c r="D18" s="283"/>
      <c r="E18" s="283"/>
      <c r="F18" s="283"/>
      <c r="G18" s="283"/>
      <c r="H18" s="283"/>
      <c r="I18" s="283"/>
      <c r="J18" s="283"/>
      <c r="K18" s="283"/>
      <c r="L18" s="283"/>
      <c r="M18" s="283"/>
      <c r="N18" s="283"/>
      <c r="O18" s="283"/>
      <c r="P18" s="283"/>
      <c r="Q18" s="283"/>
      <c r="R18" s="283"/>
      <c r="S18" s="283"/>
      <c r="T18" s="283"/>
      <c r="U18" s="283"/>
      <c r="V18" s="283"/>
      <c r="W18" s="283"/>
      <c r="X18" s="283"/>
      <c r="Y18" s="283"/>
      <c r="Z18" s="283"/>
      <c r="AA18" s="283"/>
      <c r="AB18" s="283"/>
      <c r="AC18" s="283"/>
      <c r="AD18" s="283"/>
      <c r="AE18" s="283"/>
      <c r="AF18" s="283"/>
      <c r="AG18" s="283"/>
      <c r="AH18" s="283"/>
      <c r="AI18" s="283"/>
      <c r="AJ18" s="283"/>
      <c r="AK18" s="283"/>
      <c r="AL18" s="283"/>
      <c r="AM18" s="283"/>
      <c r="AN18" s="283"/>
      <c r="AO18" s="283"/>
    </row>
    <row r="19" spans="2:42" ht="6.95" customHeight="1" x14ac:dyDescent="0.2">
      <c r="B19" s="16"/>
      <c r="C19" s="16"/>
      <c r="D19" s="16"/>
      <c r="E19" s="16"/>
      <c r="F19" s="16"/>
      <c r="G19" s="16"/>
      <c r="H19" s="16"/>
      <c r="I19" s="16"/>
    </row>
    <row r="20" spans="2:42" ht="17.100000000000001" customHeight="1" x14ac:dyDescent="0.2">
      <c r="B20" s="85" t="s">
        <v>173</v>
      </c>
      <c r="C20"/>
      <c r="D20"/>
      <c r="E20"/>
      <c r="F20"/>
      <c r="G20"/>
      <c r="H20" s="85"/>
      <c r="I20" s="85"/>
      <c r="J20" s="293"/>
      <c r="K20" s="294"/>
      <c r="L20" s="294"/>
      <c r="M20" s="294"/>
      <c r="N20" s="294"/>
      <c r="O20" s="295"/>
      <c r="Q20" s="297" t="s">
        <v>176</v>
      </c>
      <c r="R20" s="297"/>
      <c r="S20" s="297"/>
      <c r="T20" s="297"/>
      <c r="U20" s="297"/>
      <c r="V20" s="297"/>
      <c r="W20" s="297"/>
      <c r="X20" s="297"/>
      <c r="Y20" s="297"/>
      <c r="Z20" s="297"/>
      <c r="AA20" s="297"/>
      <c r="AB20" s="297"/>
      <c r="AC20" s="297"/>
      <c r="AD20" s="297"/>
      <c r="AE20" s="297"/>
      <c r="AF20" s="297"/>
      <c r="AG20" s="297"/>
      <c r="AH20" s="297"/>
      <c r="AI20" s="297"/>
      <c r="AJ20" s="297"/>
      <c r="AK20" s="297"/>
      <c r="AL20" s="297"/>
      <c r="AM20" s="297"/>
      <c r="AN20" s="297"/>
      <c r="AO20" s="297"/>
      <c r="AP20" s="181"/>
    </row>
    <row r="21" spans="2:42" ht="30.95" customHeight="1" x14ac:dyDescent="0.2">
      <c r="B21" s="85"/>
      <c r="C21" s="85"/>
      <c r="D21" s="7"/>
      <c r="E21" s="7"/>
      <c r="F21" s="7"/>
      <c r="G21" s="7"/>
      <c r="H21" s="7"/>
      <c r="I21" s="22"/>
      <c r="J21" s="7"/>
      <c r="K21" s="7"/>
      <c r="L21" s="7"/>
      <c r="M21" s="7"/>
      <c r="N21" s="22"/>
      <c r="O21" s="7"/>
      <c r="Q21" s="296" t="s">
        <v>177</v>
      </c>
      <c r="R21" s="296"/>
      <c r="S21" s="296"/>
      <c r="T21" s="296"/>
      <c r="U21" s="296"/>
      <c r="V21" s="296"/>
      <c r="W21" s="296"/>
      <c r="X21" s="296"/>
      <c r="Y21" s="296"/>
      <c r="Z21" s="296"/>
      <c r="AA21" s="296"/>
      <c r="AB21" s="296"/>
      <c r="AC21" s="296"/>
      <c r="AD21" s="296"/>
      <c r="AE21" s="296"/>
      <c r="AF21" s="296"/>
      <c r="AG21" s="296"/>
      <c r="AH21" s="296"/>
      <c r="AI21" s="296"/>
      <c r="AJ21" s="296"/>
      <c r="AK21" s="296"/>
      <c r="AL21" s="296"/>
      <c r="AM21" s="296"/>
      <c r="AN21" s="296"/>
      <c r="AO21" s="296"/>
    </row>
    <row r="22" spans="2:42" ht="30" customHeight="1" x14ac:dyDescent="0.2">
      <c r="B22" s="16"/>
      <c r="C22" s="85"/>
      <c r="D22" s="7"/>
      <c r="E22" s="7"/>
      <c r="F22" s="7"/>
      <c r="G22" s="7"/>
      <c r="H22" s="7"/>
      <c r="I22" s="7"/>
      <c r="J22" s="7"/>
      <c r="K22" s="7"/>
      <c r="L22" s="7"/>
      <c r="M22" s="7"/>
      <c r="N22" s="7"/>
      <c r="O22" s="7"/>
      <c r="Q22" s="296" t="s">
        <v>175</v>
      </c>
      <c r="R22" s="296"/>
      <c r="S22" s="296"/>
      <c r="T22" s="296"/>
      <c r="U22" s="296"/>
      <c r="V22" s="296"/>
      <c r="W22" s="296"/>
      <c r="X22" s="296"/>
      <c r="Y22" s="296"/>
      <c r="Z22" s="296"/>
      <c r="AA22" s="296"/>
      <c r="AB22" s="296"/>
      <c r="AC22" s="296"/>
      <c r="AD22" s="296"/>
      <c r="AE22" s="296"/>
      <c r="AF22" s="296"/>
      <c r="AG22" s="296"/>
      <c r="AH22" s="296"/>
      <c r="AI22" s="296"/>
      <c r="AJ22" s="296"/>
      <c r="AK22" s="296"/>
      <c r="AL22" s="296"/>
      <c r="AM22" s="296"/>
      <c r="AN22" s="296"/>
      <c r="AO22" s="296"/>
    </row>
    <row r="23" spans="2:42" ht="17.100000000000001" customHeight="1" x14ac:dyDescent="0.2">
      <c r="B23" s="16"/>
      <c r="C23" s="85"/>
      <c r="D23" s="85"/>
      <c r="E23" s="85"/>
      <c r="F23" s="85"/>
      <c r="G23" s="85"/>
      <c r="H23" s="85"/>
      <c r="I23" s="85"/>
    </row>
    <row r="24" spans="2:42" ht="20.100000000000001" customHeight="1" x14ac:dyDescent="0.2">
      <c r="B24" s="283" t="s">
        <v>59</v>
      </c>
      <c r="C24" s="283"/>
      <c r="D24" s="283"/>
      <c r="E24" s="283"/>
      <c r="F24" s="283"/>
      <c r="G24" s="283"/>
      <c r="H24" s="283"/>
      <c r="I24" s="283"/>
      <c r="J24" s="283"/>
      <c r="K24" s="283"/>
      <c r="L24" s="283"/>
      <c r="M24" s="283"/>
      <c r="N24" s="283"/>
      <c r="O24" s="283"/>
      <c r="P24" s="283"/>
      <c r="Q24" s="283"/>
      <c r="R24" s="283"/>
      <c r="S24" s="283"/>
      <c r="T24" s="283"/>
      <c r="U24" s="283"/>
      <c r="V24" s="283"/>
      <c r="W24" s="283"/>
      <c r="X24" s="283"/>
      <c r="Y24" s="283"/>
      <c r="Z24" s="283"/>
      <c r="AA24" s="283"/>
      <c r="AB24" s="283"/>
      <c r="AC24" s="283"/>
      <c r="AD24" s="283"/>
      <c r="AE24" s="283"/>
      <c r="AF24" s="283"/>
      <c r="AG24" s="283"/>
      <c r="AH24" s="283"/>
      <c r="AI24" s="283"/>
      <c r="AJ24" s="283"/>
      <c r="AK24" s="283"/>
      <c r="AL24" s="283"/>
      <c r="AM24" s="283"/>
      <c r="AN24" s="283"/>
      <c r="AO24" s="283"/>
    </row>
    <row r="25" spans="2:42" ht="6.95" customHeight="1" x14ac:dyDescent="0.2">
      <c r="B25" s="16"/>
      <c r="C25" s="85"/>
      <c r="D25" s="85"/>
      <c r="E25" s="85"/>
      <c r="F25" s="85"/>
      <c r="G25" s="85"/>
      <c r="H25" s="85"/>
      <c r="I25" s="85"/>
      <c r="J25" s="79"/>
      <c r="K25" s="79"/>
      <c r="L25" s="79"/>
      <c r="M25" s="79"/>
      <c r="N25" s="79"/>
      <c r="O25" s="79"/>
      <c r="P25" s="79"/>
      <c r="Q25" s="79"/>
      <c r="R25" s="79"/>
      <c r="S25" s="79"/>
      <c r="T25" s="79"/>
      <c r="U25" s="79"/>
      <c r="V25" s="79"/>
      <c r="W25" s="79"/>
      <c r="X25" s="79"/>
      <c r="Y25" s="79"/>
      <c r="Z25"/>
      <c r="AA25"/>
      <c r="AB25"/>
      <c r="AC25"/>
      <c r="AD25"/>
      <c r="AE25"/>
    </row>
    <row r="26" spans="2:42" ht="20.100000000000001" customHeight="1" x14ac:dyDescent="0.2">
      <c r="B26" s="16" t="s">
        <v>152</v>
      </c>
      <c r="C26" s="16"/>
      <c r="D26" s="16"/>
      <c r="E26" s="16"/>
      <c r="F26" s="16"/>
      <c r="G26" s="16"/>
      <c r="H26" s="85"/>
      <c r="I26" s="85"/>
      <c r="J26" s="293"/>
      <c r="K26" s="294"/>
      <c r="L26" s="294"/>
      <c r="M26" s="294"/>
      <c r="N26" s="294"/>
      <c r="O26" s="294"/>
      <c r="P26" s="294"/>
      <c r="Q26" s="294"/>
      <c r="R26" s="294"/>
      <c r="S26" s="294"/>
      <c r="T26" s="294"/>
      <c r="U26" s="294"/>
      <c r="V26" s="294"/>
      <c r="W26" s="295"/>
      <c r="X26"/>
    </row>
    <row r="27" spans="2:42" ht="17.100000000000001" customHeight="1" x14ac:dyDescent="0.2">
      <c r="B27" s="16"/>
      <c r="C27" s="85"/>
      <c r="D27" s="85"/>
      <c r="E27" s="85"/>
      <c r="F27" s="85"/>
      <c r="G27" s="85"/>
      <c r="H27" s="85"/>
      <c r="I27" s="85"/>
    </row>
    <row r="28" spans="2:42" ht="17.100000000000001" customHeight="1" x14ac:dyDescent="0.2">
      <c r="B28" s="16"/>
      <c r="C28" s="85"/>
      <c r="D28" s="85"/>
      <c r="E28" s="85"/>
      <c r="F28" s="85"/>
      <c r="G28" s="85"/>
      <c r="H28" s="85"/>
      <c r="I28" s="85"/>
    </row>
    <row r="29" spans="2:42" ht="20.100000000000001" customHeight="1" x14ac:dyDescent="0.2">
      <c r="B29" s="283" t="s">
        <v>150</v>
      </c>
      <c r="C29" s="283"/>
      <c r="D29" s="283"/>
      <c r="E29" s="283"/>
      <c r="F29" s="283"/>
      <c r="G29" s="283"/>
      <c r="H29" s="283"/>
      <c r="I29" s="283"/>
      <c r="J29" s="283"/>
      <c r="K29" s="283"/>
      <c r="L29" s="283"/>
      <c r="M29" s="283"/>
      <c r="N29" s="283"/>
      <c r="O29" s="283"/>
      <c r="P29" s="283"/>
      <c r="Q29" s="283"/>
      <c r="R29" s="283"/>
      <c r="S29" s="283"/>
      <c r="T29" s="283"/>
      <c r="U29" s="283"/>
      <c r="V29" s="283"/>
      <c r="W29" s="283"/>
      <c r="X29" s="283"/>
      <c r="Y29" s="283"/>
      <c r="Z29" s="283"/>
      <c r="AA29" s="283"/>
      <c r="AB29" s="283"/>
      <c r="AC29" s="283"/>
      <c r="AD29" s="283"/>
      <c r="AE29" s="283"/>
      <c r="AF29" s="283"/>
      <c r="AG29" s="283"/>
      <c r="AH29" s="283"/>
      <c r="AI29" s="283"/>
      <c r="AJ29" s="283"/>
      <c r="AK29" s="283"/>
      <c r="AL29" s="283"/>
      <c r="AM29" s="283"/>
      <c r="AN29" s="283"/>
      <c r="AO29" s="283"/>
    </row>
    <row r="30" spans="2:42" x14ac:dyDescent="0.2">
      <c r="B30" s="16"/>
      <c r="C30" s="85"/>
      <c r="D30" s="85"/>
      <c r="E30" s="85"/>
      <c r="F30" s="85"/>
      <c r="G30" s="85"/>
      <c r="H30" s="85"/>
      <c r="I30" s="85"/>
    </row>
    <row r="31" spans="2:42" s="77" customFormat="1" x14ac:dyDescent="0.2">
      <c r="B31" s="73"/>
      <c r="I31" s="77" t="s">
        <v>91</v>
      </c>
      <c r="Z31" s="77" t="s">
        <v>92</v>
      </c>
    </row>
    <row r="32" spans="2:42" ht="8.1" customHeight="1" x14ac:dyDescent="0.2">
      <c r="B32" s="16"/>
      <c r="C32" s="85"/>
      <c r="D32" s="85"/>
      <c r="E32" s="85"/>
      <c r="F32" s="85"/>
      <c r="G32" s="85"/>
      <c r="H32" s="85"/>
      <c r="I32" s="85"/>
    </row>
    <row r="33" spans="2:55" ht="20.100000000000001" customHeight="1" x14ac:dyDescent="0.2">
      <c r="B33" s="16" t="s">
        <v>5</v>
      </c>
      <c r="C33" s="85"/>
      <c r="D33" s="85"/>
      <c r="E33" s="85"/>
      <c r="F33" s="85"/>
      <c r="G33" s="85"/>
      <c r="H33" s="85"/>
      <c r="I33" s="284" t="s">
        <v>217</v>
      </c>
      <c r="J33" s="285"/>
      <c r="K33" s="285"/>
      <c r="L33" s="285"/>
      <c r="M33" s="285"/>
      <c r="N33" s="285"/>
      <c r="O33" s="285"/>
      <c r="P33" s="285"/>
      <c r="Q33" s="285"/>
      <c r="R33" s="285"/>
      <c r="S33" s="285"/>
      <c r="T33" s="285"/>
      <c r="U33" s="285"/>
      <c r="V33" s="285"/>
      <c r="W33" s="285"/>
      <c r="X33" s="286"/>
      <c r="Z33" s="284" t="s">
        <v>217</v>
      </c>
      <c r="AA33" s="285"/>
      <c r="AB33" s="285"/>
      <c r="AC33" s="285"/>
      <c r="AD33" s="285"/>
      <c r="AE33" s="285"/>
      <c r="AF33" s="285"/>
      <c r="AG33" s="285"/>
      <c r="AH33" s="285"/>
      <c r="AI33" s="285"/>
      <c r="AJ33" s="285"/>
      <c r="AK33" s="285"/>
      <c r="AL33" s="285"/>
      <c r="AM33" s="285"/>
      <c r="AN33" s="285"/>
      <c r="AO33" s="286"/>
    </row>
    <row r="34" spans="2:55" ht="6.95" customHeight="1" x14ac:dyDescent="0.2">
      <c r="B34" s="16"/>
      <c r="C34" s="85"/>
      <c r="D34" s="85"/>
      <c r="E34" s="85"/>
      <c r="F34" s="85"/>
      <c r="G34" s="85"/>
      <c r="H34" s="85"/>
      <c r="I34" s="85"/>
    </row>
    <row r="35" spans="2:55" ht="20.100000000000001" customHeight="1" x14ac:dyDescent="0.2">
      <c r="B35" s="16" t="s">
        <v>6</v>
      </c>
      <c r="C35" s="85"/>
      <c r="D35" s="85"/>
      <c r="E35" s="85"/>
      <c r="F35" s="85"/>
      <c r="G35" s="85"/>
      <c r="H35" s="85"/>
      <c r="I35" s="284" t="s">
        <v>217</v>
      </c>
      <c r="J35" s="285"/>
      <c r="K35" s="285"/>
      <c r="L35" s="285"/>
      <c r="M35" s="285"/>
      <c r="N35" s="285"/>
      <c r="O35" s="285"/>
      <c r="P35" s="285"/>
      <c r="Q35" s="285"/>
      <c r="R35" s="285"/>
      <c r="S35" s="285"/>
      <c r="T35" s="285"/>
      <c r="U35" s="285"/>
      <c r="V35" s="285"/>
      <c r="W35" s="285"/>
      <c r="X35" s="286"/>
      <c r="Z35" s="284" t="s">
        <v>217</v>
      </c>
      <c r="AA35" s="285"/>
      <c r="AB35" s="285"/>
      <c r="AC35" s="285"/>
      <c r="AD35" s="285"/>
      <c r="AE35" s="285"/>
      <c r="AF35" s="285"/>
      <c r="AG35" s="285"/>
      <c r="AH35" s="285"/>
      <c r="AI35" s="285"/>
      <c r="AJ35" s="285"/>
      <c r="AK35" s="285"/>
      <c r="AL35" s="285"/>
      <c r="AM35" s="285"/>
      <c r="AN35" s="285"/>
      <c r="AO35" s="286"/>
    </row>
    <row r="36" spans="2:55" ht="6.95" customHeight="1" x14ac:dyDescent="0.2">
      <c r="B36" s="16"/>
      <c r="C36" s="85"/>
      <c r="D36" s="85"/>
      <c r="E36" s="85"/>
      <c r="F36" s="85"/>
      <c r="G36" s="85"/>
      <c r="H36" s="85"/>
      <c r="I36" s="85"/>
      <c r="K36" s="74"/>
    </row>
    <row r="37" spans="2:55" ht="20.100000000000001" customHeight="1" x14ac:dyDescent="0.2">
      <c r="B37" s="16" t="s">
        <v>7</v>
      </c>
      <c r="C37" s="85"/>
      <c r="D37" s="85"/>
      <c r="E37" s="85"/>
      <c r="F37" s="85"/>
      <c r="G37" s="85"/>
      <c r="H37" s="85"/>
      <c r="I37" s="284" t="s">
        <v>217</v>
      </c>
      <c r="J37" s="285"/>
      <c r="K37" s="285"/>
      <c r="L37" s="285"/>
      <c r="M37" s="285"/>
      <c r="N37" s="285"/>
      <c r="O37" s="285"/>
      <c r="P37" s="285"/>
      <c r="Q37" s="285"/>
      <c r="R37" s="285"/>
      <c r="S37" s="285"/>
      <c r="T37" s="285"/>
      <c r="U37" s="285"/>
      <c r="V37" s="285"/>
      <c r="W37" s="285"/>
      <c r="X37" s="286"/>
      <c r="Z37" s="284" t="s">
        <v>217</v>
      </c>
      <c r="AA37" s="285"/>
      <c r="AB37" s="285"/>
      <c r="AC37" s="285"/>
      <c r="AD37" s="285"/>
      <c r="AE37" s="285"/>
      <c r="AF37" s="285"/>
      <c r="AG37" s="285"/>
      <c r="AH37" s="285"/>
      <c r="AI37" s="285"/>
      <c r="AJ37" s="285"/>
      <c r="AK37" s="285"/>
      <c r="AL37" s="285"/>
      <c r="AM37" s="285"/>
      <c r="AN37" s="285"/>
      <c r="AO37" s="286"/>
    </row>
    <row r="38" spans="2:55" ht="17.100000000000001" customHeight="1" x14ac:dyDescent="0.2">
      <c r="B38" s="16"/>
      <c r="C38" s="85"/>
      <c r="D38" s="85"/>
      <c r="E38" s="85"/>
      <c r="F38" s="85"/>
      <c r="G38" s="85"/>
      <c r="H38" s="85"/>
      <c r="I38" s="85"/>
    </row>
    <row r="39" spans="2:55" ht="17.100000000000001" customHeight="1" x14ac:dyDescent="0.2">
      <c r="B39" s="16"/>
      <c r="C39" s="85"/>
      <c r="D39" s="85"/>
      <c r="E39" s="85"/>
      <c r="F39" s="85"/>
      <c r="G39" s="85"/>
      <c r="H39" s="85"/>
      <c r="I39" s="85"/>
    </row>
    <row r="40" spans="2:55" ht="20.100000000000001" customHeight="1" x14ac:dyDescent="0.2">
      <c r="B40" s="283" t="s">
        <v>149</v>
      </c>
      <c r="C40" s="283"/>
      <c r="D40" s="283"/>
      <c r="E40" s="283"/>
      <c r="F40" s="283"/>
      <c r="G40" s="283"/>
      <c r="H40" s="283"/>
      <c r="I40" s="283"/>
      <c r="J40" s="283"/>
      <c r="K40" s="283"/>
      <c r="L40" s="283"/>
      <c r="M40" s="283"/>
      <c r="N40" s="283"/>
      <c r="O40" s="283"/>
      <c r="P40" s="283"/>
      <c r="Q40" s="283"/>
      <c r="R40" s="283"/>
      <c r="S40" s="283"/>
      <c r="T40" s="283"/>
      <c r="U40" s="283"/>
      <c r="V40" s="283"/>
      <c r="W40" s="283"/>
      <c r="X40" s="283"/>
      <c r="Y40" s="283"/>
      <c r="Z40" s="283"/>
      <c r="AA40" s="283"/>
      <c r="AB40" s="283"/>
      <c r="AC40" s="283"/>
      <c r="AD40" s="283"/>
      <c r="AE40" s="283"/>
      <c r="AF40" s="283"/>
      <c r="AG40" s="283"/>
      <c r="AH40" s="283"/>
      <c r="AI40" s="283"/>
      <c r="AJ40" s="283"/>
      <c r="AK40" s="283"/>
      <c r="AL40" s="283"/>
      <c r="AM40" s="283"/>
      <c r="AN40" s="283"/>
      <c r="AO40" s="283"/>
    </row>
    <row r="41" spans="2:55" x14ac:dyDescent="0.2">
      <c r="B41" s="16"/>
      <c r="C41" s="85"/>
      <c r="D41" s="85"/>
      <c r="E41" s="85"/>
      <c r="F41" s="85"/>
      <c r="G41" s="85"/>
      <c r="H41" s="85"/>
      <c r="I41" s="85"/>
    </row>
    <row r="42" spans="2:55" ht="4.5" customHeight="1" x14ac:dyDescent="0.2">
      <c r="B42" s="16"/>
      <c r="C42" s="85"/>
      <c r="D42" s="85"/>
      <c r="E42" s="85"/>
      <c r="F42" s="85"/>
      <c r="G42" s="85"/>
      <c r="H42" s="85"/>
      <c r="I42" s="85"/>
    </row>
    <row r="43" spans="2:55" ht="20.100000000000001" customHeight="1" x14ac:dyDescent="0.2">
      <c r="B43" s="9" t="s">
        <v>141</v>
      </c>
      <c r="C43" s="84"/>
      <c r="D43" s="28"/>
      <c r="E43" s="284" t="s">
        <v>217</v>
      </c>
      <c r="F43" s="285"/>
      <c r="G43" s="285"/>
      <c r="H43" s="285"/>
      <c r="I43" s="285"/>
      <c r="J43" s="285"/>
      <c r="K43" s="285"/>
      <c r="L43" s="285"/>
      <c r="M43" s="285"/>
      <c r="N43" s="285"/>
      <c r="O43" s="285"/>
      <c r="P43" s="285"/>
      <c r="Q43" s="285"/>
      <c r="R43" s="285"/>
      <c r="S43" s="285"/>
      <c r="T43" s="285"/>
      <c r="U43" s="285"/>
      <c r="V43" s="285"/>
      <c r="W43" s="285"/>
      <c r="X43" s="285"/>
      <c r="Y43" s="285"/>
      <c r="Z43" s="285"/>
      <c r="AA43" s="285"/>
      <c r="AB43" s="285"/>
      <c r="AC43" s="285"/>
      <c r="AD43" s="285"/>
      <c r="AE43" s="285"/>
      <c r="AF43" s="285"/>
      <c r="AG43" s="285"/>
      <c r="AH43" s="285"/>
      <c r="AI43" s="285"/>
      <c r="AJ43" s="285"/>
      <c r="AK43" s="285"/>
      <c r="AL43" s="285"/>
      <c r="AM43" s="285"/>
      <c r="AN43" s="285"/>
      <c r="AO43" s="286"/>
      <c r="AP43" s="28"/>
      <c r="AQ43" s="26"/>
    </row>
    <row r="44" spans="2:55" ht="6.95" customHeight="1" x14ac:dyDescent="0.2">
      <c r="B44" s="9"/>
      <c r="J44" s="9"/>
      <c r="K44" s="9"/>
      <c r="L44" s="9"/>
      <c r="N44" s="14"/>
      <c r="O44" s="87"/>
      <c r="V44" s="26"/>
      <c r="AP44" s="28"/>
      <c r="AQ44" s="26"/>
      <c r="AW44" s="298"/>
      <c r="AX44" s="298"/>
      <c r="AY44" s="298"/>
      <c r="AZ44" s="298"/>
      <c r="BA44" s="298"/>
      <c r="BB44" s="298"/>
      <c r="BC44" s="298"/>
    </row>
    <row r="45" spans="2:55" customFormat="1" ht="20.100000000000001" customHeight="1" x14ac:dyDescent="0.2">
      <c r="E45" s="284"/>
      <c r="F45" s="285"/>
      <c r="G45" s="285"/>
      <c r="H45" s="285"/>
      <c r="I45" s="285"/>
      <c r="J45" s="285"/>
      <c r="K45" s="285"/>
      <c r="L45" s="285"/>
      <c r="M45" s="285"/>
      <c r="N45" s="285"/>
      <c r="O45" s="285"/>
      <c r="P45" s="285"/>
      <c r="Q45" s="285"/>
      <c r="R45" s="285"/>
      <c r="S45" s="285"/>
      <c r="T45" s="285"/>
      <c r="U45" s="285"/>
      <c r="V45" s="285"/>
      <c r="W45" s="285"/>
      <c r="X45" s="285"/>
      <c r="Y45" s="285"/>
      <c r="Z45" s="285"/>
      <c r="AA45" s="285"/>
      <c r="AB45" s="285"/>
      <c r="AC45" s="285"/>
      <c r="AD45" s="285"/>
      <c r="AE45" s="285"/>
      <c r="AF45" s="285"/>
      <c r="AG45" s="285"/>
      <c r="AH45" s="285"/>
      <c r="AI45" s="285"/>
      <c r="AJ45" s="285"/>
      <c r="AK45" s="285"/>
      <c r="AL45" s="285"/>
      <c r="AM45" s="285"/>
      <c r="AN45" s="285"/>
      <c r="AO45" s="286"/>
    </row>
    <row r="46" spans="2:55" ht="6.95" customHeight="1" x14ac:dyDescent="0.2">
      <c r="B46" s="28"/>
      <c r="C46" s="28"/>
      <c r="D46" s="28"/>
      <c r="E46" s="28"/>
      <c r="F46" s="28"/>
      <c r="G46" s="28"/>
      <c r="H46" s="28"/>
      <c r="I46" s="28"/>
      <c r="J46" s="28"/>
      <c r="K46" s="28"/>
      <c r="L46" s="28"/>
      <c r="N46" s="14"/>
      <c r="O46" s="87"/>
      <c r="V46" s="26"/>
      <c r="AP46" s="28"/>
      <c r="AQ46" s="26"/>
      <c r="AW46" s="298"/>
      <c r="AX46" s="298"/>
      <c r="AY46" s="298"/>
      <c r="AZ46" s="298"/>
      <c r="BA46" s="298"/>
      <c r="BB46" s="298"/>
      <c r="BC46" s="298"/>
    </row>
    <row r="47" spans="2:55" customFormat="1" ht="20.100000000000001" customHeight="1" x14ac:dyDescent="0.2">
      <c r="E47" s="284"/>
      <c r="F47" s="285"/>
      <c r="G47" s="285"/>
      <c r="H47" s="285"/>
      <c r="I47" s="285"/>
      <c r="J47" s="285"/>
      <c r="K47" s="285"/>
      <c r="L47" s="285"/>
      <c r="M47" s="285"/>
      <c r="N47" s="285"/>
      <c r="O47" s="285"/>
      <c r="P47" s="285"/>
      <c r="Q47" s="285"/>
      <c r="R47" s="285"/>
      <c r="S47" s="285"/>
      <c r="T47" s="285"/>
      <c r="U47" s="285"/>
      <c r="V47" s="285"/>
      <c r="W47" s="285"/>
      <c r="X47" s="285"/>
      <c r="Y47" s="285"/>
      <c r="Z47" s="285"/>
      <c r="AA47" s="285"/>
      <c r="AB47" s="285"/>
      <c r="AC47" s="285"/>
      <c r="AD47" s="285"/>
      <c r="AE47" s="285"/>
      <c r="AF47" s="285"/>
      <c r="AG47" s="285"/>
      <c r="AH47" s="285"/>
      <c r="AI47" s="285"/>
      <c r="AJ47" s="285"/>
      <c r="AK47" s="285"/>
      <c r="AL47" s="285"/>
      <c r="AM47" s="285"/>
      <c r="AN47" s="285"/>
      <c r="AO47" s="286"/>
    </row>
    <row r="48" spans="2:55" ht="6.95" customHeight="1" x14ac:dyDescent="0.2">
      <c r="B48" s="28"/>
      <c r="C48" s="28"/>
      <c r="D48" s="28"/>
      <c r="E48" s="28"/>
      <c r="F48" s="28"/>
      <c r="G48" s="28"/>
      <c r="H48" s="28"/>
      <c r="I48" s="28"/>
      <c r="J48" s="28"/>
      <c r="K48" s="28"/>
      <c r="L48" s="28"/>
      <c r="N48" s="14"/>
      <c r="O48" s="87"/>
      <c r="V48" s="26"/>
      <c r="AP48" s="28"/>
      <c r="AQ48" s="26"/>
      <c r="AW48" s="298"/>
      <c r="AX48" s="298"/>
      <c r="AY48" s="298"/>
      <c r="AZ48" s="298"/>
      <c r="BA48" s="298"/>
      <c r="BB48" s="298"/>
      <c r="BC48" s="298"/>
    </row>
    <row r="49" spans="1:55" ht="20.100000000000001" customHeight="1" x14ac:dyDescent="0.2">
      <c r="B49"/>
      <c r="C49" s="35"/>
      <c r="D49" s="28"/>
      <c r="E49" s="17" t="s">
        <v>4</v>
      </c>
      <c r="F49"/>
      <c r="G49"/>
      <c r="H49"/>
      <c r="I49" s="284"/>
      <c r="J49" s="285"/>
      <c r="K49" s="285"/>
      <c r="L49" s="285"/>
      <c r="M49" s="285"/>
      <c r="N49" s="285"/>
      <c r="O49" s="285"/>
      <c r="P49" s="285"/>
      <c r="Q49" s="285"/>
      <c r="R49" s="285"/>
      <c r="S49" s="285"/>
      <c r="T49" s="285"/>
      <c r="U49" s="285"/>
      <c r="V49" s="285"/>
      <c r="W49" s="285"/>
      <c r="X49" s="285"/>
      <c r="Y49" s="285"/>
      <c r="Z49" s="285"/>
      <c r="AA49" s="286"/>
      <c r="AC49" s="36" t="s">
        <v>1</v>
      </c>
      <c r="AG49" s="284"/>
      <c r="AH49" s="285"/>
      <c r="AI49" s="285"/>
      <c r="AJ49" s="285"/>
      <c r="AK49" s="285"/>
      <c r="AL49" s="285"/>
      <c r="AM49" s="285"/>
      <c r="AN49" s="285"/>
      <c r="AO49" s="286"/>
      <c r="AP49" s="28"/>
      <c r="AQ49" s="26"/>
    </row>
    <row r="50" spans="1:55" ht="4.5" customHeight="1" x14ac:dyDescent="0.2">
      <c r="A50" s="3"/>
      <c r="B50" s="9"/>
      <c r="C50" s="85"/>
      <c r="D50" s="85"/>
      <c r="E50" s="85"/>
      <c r="F50" s="85"/>
      <c r="G50" s="85"/>
      <c r="H50" s="85"/>
      <c r="I50" s="85"/>
    </row>
    <row r="51" spans="1:55" x14ac:dyDescent="0.2">
      <c r="A51" s="3"/>
      <c r="B51" s="36"/>
      <c r="C51" s="85"/>
      <c r="D51" s="85"/>
      <c r="E51" s="85"/>
      <c r="F51" s="85"/>
      <c r="G51" s="85"/>
      <c r="H51" s="85"/>
      <c r="I51" s="85"/>
    </row>
    <row r="52" spans="1:55" ht="20.100000000000001" customHeight="1" x14ac:dyDescent="0.2">
      <c r="B52" s="9" t="s">
        <v>142</v>
      </c>
      <c r="C52" s="84"/>
      <c r="D52" s="28"/>
      <c r="E52" s="284" t="s">
        <v>217</v>
      </c>
      <c r="F52" s="285"/>
      <c r="G52" s="285"/>
      <c r="H52" s="285"/>
      <c r="I52" s="285"/>
      <c r="J52" s="285"/>
      <c r="K52" s="285"/>
      <c r="L52" s="285"/>
      <c r="M52" s="285"/>
      <c r="N52" s="285"/>
      <c r="O52" s="285"/>
      <c r="P52" s="285"/>
      <c r="Q52" s="285"/>
      <c r="R52" s="285"/>
      <c r="S52" s="285"/>
      <c r="T52" s="285"/>
      <c r="U52" s="285"/>
      <c r="V52" s="285"/>
      <c r="W52" s="285"/>
      <c r="X52" s="285"/>
      <c r="Y52" s="285"/>
      <c r="Z52" s="285"/>
      <c r="AA52" s="285"/>
      <c r="AB52" s="285"/>
      <c r="AC52" s="285"/>
      <c r="AD52" s="285"/>
      <c r="AE52" s="285"/>
      <c r="AF52" s="285"/>
      <c r="AG52" s="285"/>
      <c r="AH52" s="285"/>
      <c r="AI52" s="285"/>
      <c r="AJ52" s="285"/>
      <c r="AK52" s="285"/>
      <c r="AL52" s="285"/>
      <c r="AM52" s="285"/>
      <c r="AN52" s="285"/>
      <c r="AO52" s="286"/>
      <c r="AP52" s="28"/>
      <c r="AQ52" s="26"/>
    </row>
    <row r="53" spans="1:55" ht="6.95" customHeight="1" x14ac:dyDescent="0.2">
      <c r="B53" s="9"/>
      <c r="J53" s="9"/>
      <c r="K53" s="9"/>
      <c r="L53" s="9"/>
      <c r="N53" s="14"/>
      <c r="O53" s="87"/>
      <c r="V53" s="26"/>
      <c r="AP53" s="28"/>
      <c r="AQ53" s="26"/>
      <c r="AW53" s="298"/>
      <c r="AX53" s="298"/>
      <c r="AY53" s="298"/>
      <c r="AZ53" s="298"/>
      <c r="BA53" s="298"/>
      <c r="BB53" s="298"/>
      <c r="BC53" s="298"/>
    </row>
    <row r="54" spans="1:55" customFormat="1" ht="20.100000000000001" customHeight="1" x14ac:dyDescent="0.2">
      <c r="B54" s="32"/>
      <c r="E54" s="284"/>
      <c r="F54" s="285"/>
      <c r="G54" s="285"/>
      <c r="H54" s="285"/>
      <c r="I54" s="285"/>
      <c r="J54" s="285"/>
      <c r="K54" s="285"/>
      <c r="L54" s="285"/>
      <c r="M54" s="285"/>
      <c r="N54" s="285"/>
      <c r="O54" s="285"/>
      <c r="P54" s="285"/>
      <c r="Q54" s="285"/>
      <c r="R54" s="285"/>
      <c r="S54" s="285"/>
      <c r="T54" s="285"/>
      <c r="U54" s="285"/>
      <c r="V54" s="285"/>
      <c r="W54" s="285"/>
      <c r="X54" s="285"/>
      <c r="Y54" s="285"/>
      <c r="Z54" s="285"/>
      <c r="AA54" s="285"/>
      <c r="AB54" s="285"/>
      <c r="AC54" s="285"/>
      <c r="AD54" s="285"/>
      <c r="AE54" s="285"/>
      <c r="AF54" s="285"/>
      <c r="AG54" s="285"/>
      <c r="AH54" s="285"/>
      <c r="AI54" s="285"/>
      <c r="AJ54" s="285"/>
      <c r="AK54" s="285"/>
      <c r="AL54" s="285"/>
      <c r="AM54" s="285"/>
      <c r="AN54" s="285"/>
      <c r="AO54" s="286"/>
    </row>
    <row r="55" spans="1:55" ht="6.95" customHeight="1" x14ac:dyDescent="0.2">
      <c r="B55" s="85"/>
      <c r="C55" s="28"/>
      <c r="D55" s="28"/>
      <c r="E55" s="28"/>
      <c r="F55" s="28"/>
      <c r="G55" s="28"/>
      <c r="H55" s="28"/>
      <c r="I55" s="28"/>
      <c r="J55" s="28"/>
      <c r="K55" s="28"/>
      <c r="L55" s="28"/>
      <c r="N55" s="14"/>
      <c r="O55" s="87"/>
      <c r="V55" s="26"/>
      <c r="AP55" s="28"/>
      <c r="AQ55" s="26"/>
      <c r="AW55" s="298"/>
      <c r="AX55" s="298"/>
      <c r="AY55" s="298"/>
      <c r="AZ55" s="298"/>
      <c r="BA55" s="298"/>
      <c r="BB55" s="298"/>
      <c r="BC55" s="298"/>
    </row>
    <row r="56" spans="1:55" customFormat="1" ht="20.100000000000001" customHeight="1" x14ac:dyDescent="0.2">
      <c r="B56" s="32"/>
      <c r="E56" s="284"/>
      <c r="F56" s="285"/>
      <c r="G56" s="285"/>
      <c r="H56" s="285"/>
      <c r="I56" s="285"/>
      <c r="J56" s="285"/>
      <c r="K56" s="285"/>
      <c r="L56" s="285"/>
      <c r="M56" s="285"/>
      <c r="N56" s="285"/>
      <c r="O56" s="285"/>
      <c r="P56" s="285"/>
      <c r="Q56" s="285"/>
      <c r="R56" s="285"/>
      <c r="S56" s="285"/>
      <c r="T56" s="285"/>
      <c r="U56" s="285"/>
      <c r="V56" s="285"/>
      <c r="W56" s="285"/>
      <c r="X56" s="285"/>
      <c r="Y56" s="285"/>
      <c r="Z56" s="285"/>
      <c r="AA56" s="285"/>
      <c r="AB56" s="285"/>
      <c r="AC56" s="285"/>
      <c r="AD56" s="285"/>
      <c r="AE56" s="285"/>
      <c r="AF56" s="285"/>
      <c r="AG56" s="285"/>
      <c r="AH56" s="285"/>
      <c r="AI56" s="285"/>
      <c r="AJ56" s="285"/>
      <c r="AK56" s="285"/>
      <c r="AL56" s="285"/>
      <c r="AM56" s="285"/>
      <c r="AN56" s="285"/>
      <c r="AO56" s="286"/>
    </row>
    <row r="57" spans="1:55" ht="6.95" customHeight="1" x14ac:dyDescent="0.2">
      <c r="B57" s="9"/>
      <c r="J57" s="9"/>
      <c r="K57" s="9"/>
      <c r="L57" s="9"/>
      <c r="O57" s="87"/>
      <c r="V57" s="26"/>
      <c r="AP57" s="28"/>
      <c r="AQ57" s="26"/>
      <c r="AW57" s="298"/>
      <c r="AX57" s="298"/>
      <c r="AY57" s="298"/>
      <c r="AZ57" s="298"/>
      <c r="BA57" s="298"/>
      <c r="BB57" s="298"/>
      <c r="BC57" s="298"/>
    </row>
    <row r="58" spans="1:55" ht="20.100000000000001" customHeight="1" x14ac:dyDescent="0.2">
      <c r="B58"/>
      <c r="C58" s="35"/>
      <c r="D58" s="28"/>
      <c r="E58" s="17" t="s">
        <v>4</v>
      </c>
      <c r="F58"/>
      <c r="G58"/>
      <c r="H58"/>
      <c r="I58" s="284"/>
      <c r="J58" s="285"/>
      <c r="K58" s="285"/>
      <c r="L58" s="285"/>
      <c r="M58" s="285"/>
      <c r="N58" s="285"/>
      <c r="O58" s="285"/>
      <c r="P58" s="285"/>
      <c r="Q58" s="285"/>
      <c r="R58" s="285"/>
      <c r="S58" s="285"/>
      <c r="T58" s="285"/>
      <c r="U58" s="285"/>
      <c r="V58" s="285"/>
      <c r="W58" s="285"/>
      <c r="X58" s="285"/>
      <c r="Y58" s="285"/>
      <c r="Z58" s="285"/>
      <c r="AA58" s="286"/>
      <c r="AC58" s="36" t="s">
        <v>1</v>
      </c>
      <c r="AG58" s="284"/>
      <c r="AH58" s="285"/>
      <c r="AI58" s="285"/>
      <c r="AJ58" s="285"/>
      <c r="AK58" s="285"/>
      <c r="AL58" s="285"/>
      <c r="AM58" s="285"/>
      <c r="AN58" s="285"/>
      <c r="AO58" s="286"/>
      <c r="AP58" s="28"/>
      <c r="AQ58" s="26"/>
    </row>
    <row r="59" spans="1:55" ht="20.100000000000001" customHeight="1" x14ac:dyDescent="0.2">
      <c r="B59" s="17"/>
      <c r="C59" s="35"/>
      <c r="D59" s="28"/>
      <c r="E59" s="75"/>
      <c r="F59" s="75"/>
      <c r="G59" s="75"/>
      <c r="H59" s="30"/>
      <c r="I59" s="29"/>
      <c r="J59" s="75"/>
      <c r="K59" s="75"/>
      <c r="L59" s="75"/>
      <c r="M59" s="29"/>
      <c r="N59" s="29"/>
      <c r="O59" s="70"/>
      <c r="P59" s="29"/>
      <c r="Q59" s="29"/>
      <c r="R59" s="29"/>
      <c r="S59" s="29"/>
      <c r="T59" s="29"/>
      <c r="U59" s="29"/>
      <c r="V59" s="71"/>
      <c r="W59" s="29"/>
      <c r="X59" s="29"/>
      <c r="Y59" s="29"/>
      <c r="Z59" s="29"/>
      <c r="AC59" s="36"/>
      <c r="AG59" s="31"/>
      <c r="AH59" s="31"/>
      <c r="AI59" s="31"/>
      <c r="AJ59" s="31"/>
      <c r="AK59" s="31"/>
      <c r="AL59" s="31"/>
      <c r="AM59" s="31"/>
      <c r="AN59" s="31"/>
      <c r="AO59" s="31"/>
      <c r="AP59" s="28"/>
      <c r="AQ59" s="26"/>
    </row>
    <row r="60" spans="1:55" s="4" customFormat="1" x14ac:dyDescent="0.2">
      <c r="B60" s="16"/>
      <c r="C60" s="16"/>
      <c r="D60" s="16"/>
      <c r="E60" s="16"/>
      <c r="F60" s="16"/>
      <c r="G60" s="16"/>
      <c r="H60" s="16"/>
      <c r="I60" s="16"/>
    </row>
    <row r="61" spans="1:55" s="4" customFormat="1" x14ac:dyDescent="0.2">
      <c r="B61" s="16"/>
      <c r="C61" s="16"/>
      <c r="D61" s="16"/>
      <c r="E61" s="16"/>
      <c r="F61" s="16"/>
      <c r="G61" s="16"/>
      <c r="H61" s="16"/>
      <c r="I61" s="16"/>
    </row>
    <row r="62" spans="1:55" s="7" customFormat="1" ht="26.45" customHeight="1" x14ac:dyDescent="0.2">
      <c r="B62" s="227" t="s">
        <v>210</v>
      </c>
      <c r="C62" s="227"/>
      <c r="D62" s="227"/>
      <c r="E62" s="227"/>
      <c r="F62" s="227"/>
      <c r="G62" s="227"/>
      <c r="H62" s="227"/>
      <c r="I62" s="227"/>
      <c r="J62" s="227"/>
      <c r="K62" s="227"/>
      <c r="L62" s="227"/>
      <c r="M62" s="227"/>
      <c r="N62" s="227"/>
      <c r="O62" s="227"/>
      <c r="P62" s="227"/>
      <c r="Q62" s="227"/>
      <c r="R62" s="227"/>
      <c r="S62" s="227"/>
      <c r="T62" s="227"/>
      <c r="U62" s="227"/>
      <c r="V62" s="227"/>
      <c r="W62" s="227"/>
      <c r="X62" s="227"/>
      <c r="Y62" s="227"/>
      <c r="Z62" s="227"/>
      <c r="AA62" s="227"/>
      <c r="AB62" s="227"/>
      <c r="AC62" s="227"/>
      <c r="AD62" s="227"/>
      <c r="AE62" s="227"/>
      <c r="AF62" s="227"/>
      <c r="AG62" s="227"/>
      <c r="AH62" s="227"/>
      <c r="AI62" s="227"/>
      <c r="AJ62" s="227"/>
      <c r="AK62" s="227"/>
      <c r="AL62" s="227"/>
      <c r="AM62" s="227"/>
      <c r="AN62" s="227"/>
      <c r="AO62" s="227"/>
    </row>
    <row r="63" spans="1:55" s="7" customFormat="1" x14ac:dyDescent="0.2">
      <c r="B63" s="206" t="s">
        <v>211</v>
      </c>
      <c r="C63" s="1"/>
      <c r="D63" s="1"/>
      <c r="E63" s="1"/>
      <c r="F63" s="1"/>
      <c r="G63" s="1"/>
      <c r="H63" s="1"/>
      <c r="I63" s="1"/>
      <c r="J63" s="1"/>
      <c r="K63" s="1"/>
      <c r="L63" s="1"/>
      <c r="M63" s="1"/>
      <c r="N63" s="1"/>
      <c r="O63" s="1"/>
      <c r="P63" s="1"/>
      <c r="Q63" s="1"/>
      <c r="R63" s="1"/>
      <c r="S63" s="1"/>
      <c r="T63" s="1"/>
      <c r="U63" s="1"/>
      <c r="W63" s="69"/>
      <c r="X63" s="69"/>
      <c r="Y63" s="69"/>
      <c r="Z63" s="69"/>
      <c r="AA63" s="69"/>
      <c r="AB63" s="69"/>
      <c r="AC63" s="69"/>
      <c r="AD63" s="69"/>
      <c r="AE63" s="69"/>
      <c r="AF63" s="69"/>
      <c r="AG63" s="112"/>
    </row>
    <row r="64" spans="1:55" s="4" customFormat="1" x14ac:dyDescent="0.2">
      <c r="B64" s="16"/>
      <c r="C64" s="16"/>
      <c r="D64" s="16"/>
      <c r="E64" s="16"/>
      <c r="F64" s="16"/>
      <c r="G64" s="16"/>
      <c r="H64" s="16"/>
      <c r="I64" s="16"/>
    </row>
    <row r="65" spans="2:9" s="4" customFormat="1" x14ac:dyDescent="0.2">
      <c r="B65" s="16"/>
      <c r="C65" s="16"/>
      <c r="D65" s="16"/>
      <c r="E65" s="16"/>
      <c r="F65" s="16"/>
      <c r="G65" s="16"/>
      <c r="H65" s="16"/>
      <c r="I65" s="16"/>
    </row>
    <row r="66" spans="2:9" s="4" customFormat="1" x14ac:dyDescent="0.2">
      <c r="B66" s="16"/>
      <c r="C66" s="16"/>
      <c r="D66" s="16"/>
      <c r="E66" s="16"/>
      <c r="F66" s="16"/>
      <c r="G66" s="16"/>
      <c r="H66" s="16"/>
      <c r="I66" s="16"/>
    </row>
    <row r="67" spans="2:9" s="4" customFormat="1" x14ac:dyDescent="0.2">
      <c r="B67" s="16"/>
      <c r="C67" s="16"/>
      <c r="D67" s="16"/>
      <c r="E67" s="16"/>
      <c r="F67" s="16"/>
      <c r="G67" s="16"/>
      <c r="H67" s="16"/>
      <c r="I67" s="16"/>
    </row>
    <row r="68" spans="2:9" s="4" customFormat="1" x14ac:dyDescent="0.2">
      <c r="B68" s="16"/>
      <c r="C68" s="16"/>
      <c r="D68" s="16"/>
      <c r="E68" s="16"/>
      <c r="F68" s="16"/>
      <c r="G68" s="16"/>
      <c r="H68" s="16"/>
      <c r="I68" s="16"/>
    </row>
    <row r="69" spans="2:9" s="4" customFormat="1" x14ac:dyDescent="0.2">
      <c r="B69" s="16"/>
      <c r="C69" s="16"/>
      <c r="D69" s="16"/>
      <c r="E69" s="16"/>
      <c r="F69" s="16"/>
      <c r="G69" s="16"/>
      <c r="H69" s="16"/>
      <c r="I69" s="16"/>
    </row>
    <row r="70" spans="2:9" s="4" customFormat="1" x14ac:dyDescent="0.2">
      <c r="B70" s="16"/>
      <c r="C70" s="16"/>
      <c r="D70" s="16"/>
      <c r="E70" s="16"/>
      <c r="F70" s="16"/>
      <c r="G70" s="16"/>
      <c r="H70" s="16"/>
      <c r="I70" s="16"/>
    </row>
    <row r="71" spans="2:9" s="4" customFormat="1" x14ac:dyDescent="0.2">
      <c r="B71" s="16"/>
      <c r="C71" s="16"/>
      <c r="D71" s="16"/>
      <c r="E71" s="16"/>
      <c r="F71" s="16"/>
      <c r="G71" s="16"/>
      <c r="H71" s="16"/>
      <c r="I71" s="16"/>
    </row>
    <row r="72" spans="2:9" s="4" customFormat="1" x14ac:dyDescent="0.2">
      <c r="B72" s="16"/>
      <c r="C72" s="16"/>
      <c r="D72" s="16"/>
      <c r="E72" s="16"/>
      <c r="F72" s="16"/>
      <c r="G72" s="16"/>
      <c r="H72" s="16"/>
      <c r="I72" s="16"/>
    </row>
    <row r="73" spans="2:9" s="4" customFormat="1" x14ac:dyDescent="0.2">
      <c r="B73" s="16"/>
      <c r="C73" s="16"/>
      <c r="D73" s="16"/>
      <c r="E73" s="16"/>
      <c r="F73" s="16"/>
      <c r="G73" s="16"/>
      <c r="H73" s="16"/>
      <c r="I73" s="16"/>
    </row>
    <row r="74" spans="2:9" s="4" customFormat="1" x14ac:dyDescent="0.2">
      <c r="B74" s="16"/>
      <c r="C74" s="16"/>
      <c r="D74" s="16"/>
      <c r="E74" s="16"/>
      <c r="F74" s="16"/>
      <c r="G74" s="16"/>
      <c r="H74" s="16"/>
      <c r="I74" s="16"/>
    </row>
    <row r="75" spans="2:9" s="4" customFormat="1" x14ac:dyDescent="0.2">
      <c r="B75" s="16"/>
      <c r="C75" s="16"/>
      <c r="D75" s="16"/>
      <c r="E75" s="16"/>
      <c r="F75" s="16"/>
      <c r="G75" s="16"/>
      <c r="H75" s="16"/>
      <c r="I75" s="16"/>
    </row>
    <row r="76" spans="2:9" s="4" customFormat="1" x14ac:dyDescent="0.2">
      <c r="B76" s="16"/>
      <c r="C76" s="16"/>
      <c r="D76" s="16"/>
      <c r="E76" s="16"/>
      <c r="F76" s="16"/>
      <c r="G76" s="16"/>
      <c r="H76" s="16"/>
      <c r="I76" s="16"/>
    </row>
    <row r="77" spans="2:9" s="4" customFormat="1" x14ac:dyDescent="0.2">
      <c r="B77" s="16"/>
      <c r="C77" s="16"/>
      <c r="D77" s="16"/>
      <c r="E77" s="16"/>
      <c r="F77" s="16"/>
      <c r="G77" s="16"/>
      <c r="H77" s="16"/>
      <c r="I77" s="16"/>
    </row>
    <row r="78" spans="2:9" s="4" customFormat="1" x14ac:dyDescent="0.2">
      <c r="B78" s="16"/>
      <c r="C78" s="16"/>
      <c r="D78" s="16"/>
      <c r="E78" s="16"/>
      <c r="F78" s="16"/>
      <c r="G78" s="16"/>
      <c r="H78" s="16"/>
      <c r="I78" s="16"/>
    </row>
    <row r="79" spans="2:9" s="4" customFormat="1" x14ac:dyDescent="0.2">
      <c r="B79" s="16"/>
      <c r="C79" s="16"/>
      <c r="D79" s="16"/>
      <c r="E79" s="16"/>
      <c r="F79" s="16"/>
      <c r="G79" s="16"/>
      <c r="H79" s="16"/>
      <c r="I79" s="16"/>
    </row>
    <row r="80" spans="2:9" s="4" customFormat="1" x14ac:dyDescent="0.2">
      <c r="B80" s="16"/>
      <c r="C80" s="16"/>
      <c r="D80" s="16"/>
      <c r="E80" s="16"/>
      <c r="F80" s="16"/>
      <c r="G80" s="16"/>
      <c r="H80" s="16"/>
      <c r="I80" s="16"/>
    </row>
    <row r="81" spans="2:9" s="4" customFormat="1" x14ac:dyDescent="0.2">
      <c r="B81" s="16"/>
      <c r="C81" s="16"/>
      <c r="D81" s="16"/>
      <c r="E81" s="16"/>
      <c r="F81" s="16"/>
      <c r="G81" s="16"/>
      <c r="H81" s="16"/>
      <c r="I81" s="16"/>
    </row>
    <row r="82" spans="2:9" s="4" customFormat="1" x14ac:dyDescent="0.2">
      <c r="B82" s="16"/>
      <c r="C82" s="16"/>
      <c r="D82" s="16"/>
      <c r="E82" s="16"/>
      <c r="F82" s="16"/>
      <c r="G82" s="16"/>
      <c r="H82" s="16"/>
      <c r="I82" s="16"/>
    </row>
    <row r="83" spans="2:9" s="4" customFormat="1" x14ac:dyDescent="0.2">
      <c r="B83" s="16"/>
      <c r="C83" s="16"/>
      <c r="D83" s="16"/>
      <c r="E83" s="16"/>
      <c r="F83" s="16"/>
      <c r="G83" s="16"/>
      <c r="H83" s="16"/>
      <c r="I83" s="16"/>
    </row>
    <row r="84" spans="2:9" s="4" customFormat="1" x14ac:dyDescent="0.2">
      <c r="B84" s="16"/>
      <c r="C84" s="16"/>
      <c r="D84" s="16"/>
      <c r="E84" s="16"/>
      <c r="F84" s="16"/>
      <c r="G84" s="16"/>
      <c r="H84" s="16"/>
      <c r="I84" s="16"/>
    </row>
    <row r="85" spans="2:9" s="4" customFormat="1" x14ac:dyDescent="0.2">
      <c r="B85" s="16"/>
      <c r="C85" s="16"/>
      <c r="D85" s="16"/>
      <c r="E85" s="16"/>
      <c r="F85" s="16"/>
      <c r="G85" s="16"/>
      <c r="H85" s="16"/>
      <c r="I85" s="16"/>
    </row>
    <row r="86" spans="2:9" s="4" customFormat="1" x14ac:dyDescent="0.2">
      <c r="B86" s="16"/>
      <c r="C86" s="16"/>
      <c r="D86" s="16"/>
      <c r="E86" s="16"/>
      <c r="F86" s="16"/>
      <c r="G86" s="16"/>
      <c r="H86" s="16"/>
      <c r="I86" s="16"/>
    </row>
    <row r="87" spans="2:9" s="4" customFormat="1" x14ac:dyDescent="0.2">
      <c r="B87" s="16"/>
      <c r="C87" s="16"/>
      <c r="D87" s="16"/>
      <c r="E87" s="16"/>
      <c r="F87" s="16"/>
      <c r="G87" s="16"/>
      <c r="H87" s="16"/>
      <c r="I87" s="16"/>
    </row>
    <row r="88" spans="2:9" s="4" customFormat="1" x14ac:dyDescent="0.2">
      <c r="B88" s="16"/>
      <c r="C88" s="16"/>
      <c r="D88" s="16"/>
      <c r="E88" s="16"/>
      <c r="F88" s="16"/>
      <c r="G88" s="16"/>
      <c r="H88" s="16"/>
      <c r="I88" s="16"/>
    </row>
    <row r="89" spans="2:9" s="4" customFormat="1" x14ac:dyDescent="0.2">
      <c r="B89" s="16"/>
      <c r="C89" s="16"/>
      <c r="D89" s="16"/>
      <c r="E89" s="16"/>
      <c r="F89" s="16"/>
      <c r="G89" s="16"/>
      <c r="H89" s="16"/>
      <c r="I89" s="16"/>
    </row>
    <row r="90" spans="2:9" s="4" customFormat="1" x14ac:dyDescent="0.2">
      <c r="B90" s="16"/>
      <c r="C90" s="16"/>
      <c r="D90" s="16"/>
      <c r="E90" s="16"/>
      <c r="F90" s="16"/>
      <c r="G90" s="16"/>
      <c r="H90" s="16"/>
      <c r="I90" s="16"/>
    </row>
    <row r="91" spans="2:9" s="4" customFormat="1" x14ac:dyDescent="0.2">
      <c r="B91" s="16"/>
      <c r="C91" s="16"/>
      <c r="D91" s="16"/>
      <c r="E91" s="16"/>
      <c r="F91" s="16"/>
      <c r="G91" s="16"/>
      <c r="H91" s="16"/>
      <c r="I91" s="16"/>
    </row>
    <row r="92" spans="2:9" s="4" customFormat="1" x14ac:dyDescent="0.2">
      <c r="B92" s="16"/>
      <c r="C92" s="16"/>
      <c r="D92" s="16"/>
      <c r="E92" s="16"/>
      <c r="F92" s="16"/>
      <c r="G92" s="16"/>
      <c r="H92" s="16"/>
      <c r="I92" s="16"/>
    </row>
    <row r="93" spans="2:9" s="4" customFormat="1" x14ac:dyDescent="0.2">
      <c r="B93" s="16"/>
      <c r="C93" s="16"/>
      <c r="D93" s="16"/>
      <c r="E93" s="16"/>
      <c r="F93" s="16"/>
      <c r="G93" s="16"/>
      <c r="H93" s="16"/>
      <c r="I93" s="16"/>
    </row>
    <row r="94" spans="2:9" s="4" customFormat="1" x14ac:dyDescent="0.2">
      <c r="B94" s="16"/>
      <c r="C94" s="16"/>
      <c r="D94" s="16"/>
      <c r="E94" s="16"/>
      <c r="F94" s="16"/>
      <c r="G94" s="16"/>
      <c r="H94" s="16"/>
      <c r="I94" s="16"/>
    </row>
    <row r="95" spans="2:9" s="4" customFormat="1" x14ac:dyDescent="0.2">
      <c r="B95" s="16"/>
      <c r="C95" s="16"/>
      <c r="D95" s="16"/>
      <c r="E95" s="16"/>
      <c r="F95" s="16"/>
      <c r="G95" s="16"/>
      <c r="H95" s="16"/>
      <c r="I95" s="16"/>
    </row>
    <row r="96" spans="2:9" s="4" customFormat="1" x14ac:dyDescent="0.2">
      <c r="B96" s="16"/>
      <c r="C96" s="16"/>
      <c r="D96" s="16"/>
      <c r="E96" s="16"/>
      <c r="F96" s="16"/>
      <c r="G96" s="16"/>
      <c r="H96" s="16"/>
      <c r="I96" s="16"/>
    </row>
    <row r="97" spans="2:9" s="4" customFormat="1" x14ac:dyDescent="0.2">
      <c r="B97" s="16"/>
      <c r="C97" s="16"/>
      <c r="D97" s="16"/>
      <c r="E97" s="16"/>
      <c r="F97" s="16"/>
      <c r="G97" s="16"/>
      <c r="H97" s="16"/>
      <c r="I97" s="16"/>
    </row>
    <row r="98" spans="2:9" s="4" customFormat="1" x14ac:dyDescent="0.2">
      <c r="B98" s="16"/>
      <c r="C98" s="16"/>
      <c r="D98" s="16"/>
      <c r="E98" s="16"/>
      <c r="F98" s="16"/>
      <c r="G98" s="16"/>
      <c r="H98" s="16"/>
      <c r="I98" s="16"/>
    </row>
    <row r="99" spans="2:9" s="4" customFormat="1" x14ac:dyDescent="0.2">
      <c r="B99" s="16"/>
      <c r="C99" s="16"/>
      <c r="D99" s="16"/>
      <c r="E99" s="16"/>
      <c r="F99" s="16"/>
      <c r="G99" s="16"/>
      <c r="H99" s="16"/>
      <c r="I99" s="16"/>
    </row>
    <row r="100" spans="2:9" s="4" customFormat="1" x14ac:dyDescent="0.2">
      <c r="B100" s="16"/>
      <c r="C100" s="16"/>
      <c r="D100" s="16"/>
      <c r="E100" s="16"/>
      <c r="F100" s="16"/>
      <c r="G100" s="16"/>
      <c r="H100" s="16"/>
      <c r="I100" s="16"/>
    </row>
    <row r="101" spans="2:9" s="4" customFormat="1" x14ac:dyDescent="0.2">
      <c r="B101" s="16"/>
      <c r="C101" s="16"/>
      <c r="D101" s="16"/>
      <c r="E101" s="16"/>
      <c r="F101" s="16"/>
      <c r="G101" s="16"/>
      <c r="H101" s="16"/>
      <c r="I101" s="16"/>
    </row>
    <row r="102" spans="2:9" s="4" customFormat="1" x14ac:dyDescent="0.2">
      <c r="B102" s="16"/>
      <c r="C102" s="16"/>
      <c r="D102" s="16"/>
      <c r="E102" s="16"/>
      <c r="F102" s="16"/>
      <c r="G102" s="16"/>
      <c r="H102" s="16"/>
      <c r="I102" s="16"/>
    </row>
    <row r="103" spans="2:9" s="4" customFormat="1" x14ac:dyDescent="0.2">
      <c r="B103" s="16"/>
      <c r="C103" s="16"/>
      <c r="D103" s="16"/>
      <c r="E103" s="16"/>
      <c r="F103" s="16"/>
      <c r="G103" s="16"/>
      <c r="H103" s="16"/>
      <c r="I103" s="16"/>
    </row>
    <row r="104" spans="2:9" s="4" customFormat="1" x14ac:dyDescent="0.2">
      <c r="B104" s="16"/>
      <c r="C104" s="16"/>
      <c r="D104" s="16"/>
      <c r="E104" s="16"/>
      <c r="F104" s="16"/>
      <c r="G104" s="16"/>
      <c r="H104" s="16"/>
      <c r="I104" s="16"/>
    </row>
    <row r="105" spans="2:9" s="4" customFormat="1" x14ac:dyDescent="0.2">
      <c r="B105" s="16"/>
      <c r="C105" s="16"/>
      <c r="D105" s="16"/>
      <c r="E105" s="16"/>
      <c r="F105" s="16"/>
      <c r="G105" s="16"/>
      <c r="H105" s="16"/>
      <c r="I105" s="16"/>
    </row>
    <row r="106" spans="2:9" s="4" customFormat="1" x14ac:dyDescent="0.2">
      <c r="B106" s="16"/>
      <c r="C106" s="16"/>
      <c r="D106" s="16"/>
      <c r="E106" s="16"/>
      <c r="F106" s="16"/>
      <c r="G106" s="16"/>
      <c r="H106" s="16"/>
      <c r="I106" s="16"/>
    </row>
    <row r="107" spans="2:9" s="4" customFormat="1" x14ac:dyDescent="0.2">
      <c r="B107" s="16"/>
      <c r="C107" s="16"/>
      <c r="D107" s="16"/>
      <c r="E107" s="16"/>
      <c r="F107" s="16"/>
      <c r="G107" s="16"/>
      <c r="H107" s="16"/>
      <c r="I107" s="16"/>
    </row>
    <row r="108" spans="2:9" s="4" customFormat="1" x14ac:dyDescent="0.2">
      <c r="B108" s="16"/>
      <c r="C108" s="16"/>
      <c r="D108" s="16"/>
      <c r="E108" s="16"/>
      <c r="F108" s="16"/>
      <c r="G108" s="16"/>
      <c r="H108" s="16"/>
      <c r="I108" s="16"/>
    </row>
    <row r="109" spans="2:9" s="4" customFormat="1" x14ac:dyDescent="0.2">
      <c r="B109" s="16"/>
      <c r="C109" s="16"/>
      <c r="D109" s="16"/>
      <c r="E109" s="16"/>
      <c r="F109" s="16"/>
      <c r="G109" s="16"/>
      <c r="H109" s="16"/>
      <c r="I109" s="16"/>
    </row>
    <row r="110" spans="2:9" s="4" customFormat="1" x14ac:dyDescent="0.2">
      <c r="B110" s="16"/>
      <c r="C110" s="16"/>
      <c r="D110" s="16"/>
      <c r="E110" s="16"/>
      <c r="F110" s="16"/>
      <c r="G110" s="16"/>
      <c r="H110" s="16"/>
      <c r="I110" s="16"/>
    </row>
    <row r="111" spans="2:9" s="4" customFormat="1" x14ac:dyDescent="0.2">
      <c r="B111" s="16"/>
      <c r="C111" s="16"/>
      <c r="D111" s="16"/>
      <c r="E111" s="16"/>
      <c r="F111" s="16"/>
      <c r="G111" s="16"/>
      <c r="H111" s="16"/>
      <c r="I111" s="16"/>
    </row>
    <row r="112" spans="2:9" s="4" customFormat="1" x14ac:dyDescent="0.2">
      <c r="B112" s="16"/>
      <c r="C112" s="16"/>
      <c r="D112" s="16"/>
      <c r="E112" s="16"/>
      <c r="F112" s="16"/>
      <c r="G112" s="16"/>
      <c r="H112" s="16"/>
      <c r="I112" s="16"/>
    </row>
    <row r="113" spans="2:9" s="4" customFormat="1" x14ac:dyDescent="0.2">
      <c r="B113" s="16"/>
      <c r="C113" s="16"/>
      <c r="D113" s="16"/>
      <c r="E113" s="16"/>
      <c r="F113" s="16"/>
      <c r="G113" s="16"/>
      <c r="H113" s="16"/>
      <c r="I113" s="16"/>
    </row>
    <row r="114" spans="2:9" s="4" customFormat="1" x14ac:dyDescent="0.2">
      <c r="B114" s="16"/>
      <c r="C114" s="16"/>
      <c r="D114" s="16"/>
      <c r="E114" s="16"/>
      <c r="F114" s="16"/>
      <c r="G114" s="16"/>
      <c r="H114" s="16"/>
      <c r="I114" s="16"/>
    </row>
    <row r="115" spans="2:9" s="4" customFormat="1" x14ac:dyDescent="0.2">
      <c r="B115" s="16"/>
      <c r="C115" s="16"/>
      <c r="D115" s="16"/>
      <c r="E115" s="16"/>
      <c r="F115" s="16"/>
      <c r="G115" s="16"/>
      <c r="H115" s="16"/>
      <c r="I115" s="16"/>
    </row>
    <row r="116" spans="2:9" s="4" customFormat="1" x14ac:dyDescent="0.2">
      <c r="B116" s="16"/>
      <c r="C116" s="16"/>
      <c r="D116" s="16"/>
      <c r="E116" s="16"/>
      <c r="F116" s="16"/>
      <c r="G116" s="16"/>
      <c r="H116" s="16"/>
      <c r="I116" s="16"/>
    </row>
    <row r="117" spans="2:9" s="4" customFormat="1" x14ac:dyDescent="0.2">
      <c r="B117" s="16"/>
      <c r="C117" s="16"/>
      <c r="D117" s="16"/>
      <c r="E117" s="16"/>
      <c r="F117" s="16"/>
      <c r="G117" s="16"/>
      <c r="H117" s="16"/>
      <c r="I117" s="16"/>
    </row>
    <row r="118" spans="2:9" s="4" customFormat="1" x14ac:dyDescent="0.2">
      <c r="B118" s="16"/>
      <c r="C118" s="16"/>
      <c r="D118" s="16"/>
      <c r="E118" s="16"/>
      <c r="F118" s="16"/>
      <c r="G118" s="16"/>
      <c r="H118" s="16"/>
      <c r="I118" s="16"/>
    </row>
    <row r="119" spans="2:9" s="4" customFormat="1" x14ac:dyDescent="0.2">
      <c r="B119" s="16"/>
      <c r="C119" s="16"/>
      <c r="D119" s="16"/>
      <c r="E119" s="16"/>
      <c r="F119" s="16"/>
      <c r="G119" s="16"/>
      <c r="H119" s="16"/>
      <c r="I119" s="16"/>
    </row>
    <row r="120" spans="2:9" s="4" customFormat="1" x14ac:dyDescent="0.2">
      <c r="B120" s="16"/>
      <c r="C120" s="16"/>
      <c r="D120" s="16"/>
      <c r="E120" s="16"/>
      <c r="F120" s="16"/>
      <c r="G120" s="16"/>
      <c r="H120" s="16"/>
      <c r="I120" s="16"/>
    </row>
    <row r="121" spans="2:9" s="4" customFormat="1" x14ac:dyDescent="0.2">
      <c r="B121" s="16"/>
      <c r="C121" s="16"/>
      <c r="D121" s="16"/>
      <c r="E121" s="16"/>
      <c r="F121" s="16"/>
      <c r="G121" s="16"/>
      <c r="H121" s="16"/>
      <c r="I121" s="16"/>
    </row>
    <row r="122" spans="2:9" s="4" customFormat="1" x14ac:dyDescent="0.2">
      <c r="B122" s="16"/>
      <c r="C122" s="16"/>
      <c r="D122" s="16"/>
      <c r="E122" s="16"/>
      <c r="F122" s="16"/>
      <c r="G122" s="16"/>
      <c r="H122" s="16"/>
      <c r="I122" s="16"/>
    </row>
    <row r="123" spans="2:9" s="4" customFormat="1" x14ac:dyDescent="0.2">
      <c r="B123" s="16"/>
      <c r="C123" s="16"/>
      <c r="D123" s="16"/>
      <c r="E123" s="16"/>
      <c r="F123" s="16"/>
      <c r="G123" s="16"/>
      <c r="H123" s="16"/>
      <c r="I123" s="16"/>
    </row>
    <row r="124" spans="2:9" s="4" customFormat="1" x14ac:dyDescent="0.2">
      <c r="B124" s="16"/>
      <c r="C124" s="16"/>
      <c r="D124" s="16"/>
      <c r="E124" s="16"/>
      <c r="F124" s="16"/>
      <c r="G124" s="16"/>
      <c r="H124" s="16"/>
      <c r="I124" s="16"/>
    </row>
    <row r="125" spans="2:9" s="4" customFormat="1" x14ac:dyDescent="0.2">
      <c r="B125" s="16"/>
      <c r="C125" s="16"/>
      <c r="D125" s="16"/>
      <c r="E125" s="16"/>
      <c r="F125" s="16"/>
      <c r="G125" s="16"/>
      <c r="H125" s="16"/>
      <c r="I125" s="16"/>
    </row>
    <row r="126" spans="2:9" s="4" customFormat="1" x14ac:dyDescent="0.2">
      <c r="B126" s="16"/>
      <c r="C126" s="16"/>
      <c r="D126" s="16"/>
      <c r="E126" s="16"/>
      <c r="F126" s="16"/>
      <c r="G126" s="16"/>
      <c r="H126" s="16"/>
      <c r="I126" s="16"/>
    </row>
    <row r="127" spans="2:9" s="4" customFormat="1" x14ac:dyDescent="0.2">
      <c r="B127" s="16"/>
      <c r="C127" s="16"/>
      <c r="D127" s="16"/>
      <c r="E127" s="16"/>
      <c r="F127" s="16"/>
      <c r="G127" s="16"/>
      <c r="H127" s="16"/>
      <c r="I127" s="16"/>
    </row>
    <row r="128" spans="2:9" s="4" customFormat="1" x14ac:dyDescent="0.2">
      <c r="B128" s="16"/>
      <c r="C128" s="16"/>
      <c r="D128" s="16"/>
      <c r="E128" s="16"/>
      <c r="F128" s="16"/>
      <c r="G128" s="16"/>
      <c r="H128" s="16"/>
      <c r="I128" s="16"/>
    </row>
    <row r="129" spans="2:9" s="4" customFormat="1" x14ac:dyDescent="0.2">
      <c r="B129" s="16"/>
      <c r="C129" s="16"/>
      <c r="D129" s="16"/>
      <c r="E129" s="16"/>
      <c r="F129" s="16"/>
      <c r="G129" s="16"/>
      <c r="H129" s="16"/>
      <c r="I129" s="16"/>
    </row>
    <row r="130" spans="2:9" s="4" customFormat="1" x14ac:dyDescent="0.2">
      <c r="B130" s="16"/>
      <c r="C130" s="16"/>
      <c r="D130" s="16"/>
      <c r="E130" s="16"/>
      <c r="F130" s="16"/>
      <c r="G130" s="16"/>
      <c r="H130" s="16"/>
      <c r="I130" s="16"/>
    </row>
    <row r="131" spans="2:9" s="4" customFormat="1" x14ac:dyDescent="0.2">
      <c r="B131" s="16"/>
      <c r="C131" s="16"/>
      <c r="D131" s="16"/>
      <c r="E131" s="16"/>
      <c r="F131" s="16"/>
      <c r="G131" s="16"/>
      <c r="H131" s="16"/>
      <c r="I131" s="16"/>
    </row>
    <row r="132" spans="2:9" s="4" customFormat="1" x14ac:dyDescent="0.2">
      <c r="B132" s="16"/>
      <c r="C132" s="16"/>
      <c r="D132" s="16"/>
      <c r="E132" s="16"/>
      <c r="F132" s="16"/>
      <c r="G132" s="16"/>
      <c r="H132" s="16"/>
      <c r="I132" s="16"/>
    </row>
    <row r="133" spans="2:9" s="4" customFormat="1" x14ac:dyDescent="0.2">
      <c r="B133" s="16"/>
      <c r="C133" s="16"/>
      <c r="D133" s="16"/>
      <c r="E133" s="16"/>
      <c r="F133" s="16"/>
      <c r="G133" s="16"/>
      <c r="H133" s="16"/>
      <c r="I133" s="16"/>
    </row>
    <row r="134" spans="2:9" s="4" customFormat="1" x14ac:dyDescent="0.2">
      <c r="B134" s="16"/>
      <c r="C134" s="16"/>
      <c r="D134" s="16"/>
      <c r="E134" s="16"/>
      <c r="F134" s="16"/>
      <c r="G134" s="16"/>
      <c r="H134" s="16"/>
      <c r="I134" s="16"/>
    </row>
    <row r="135" spans="2:9" s="4" customFormat="1" x14ac:dyDescent="0.2">
      <c r="B135" s="16"/>
      <c r="C135" s="16"/>
      <c r="D135" s="16"/>
      <c r="E135" s="16"/>
      <c r="F135" s="16"/>
      <c r="G135" s="16"/>
      <c r="H135" s="16"/>
      <c r="I135" s="16"/>
    </row>
    <row r="136" spans="2:9" s="4" customFormat="1" x14ac:dyDescent="0.2">
      <c r="B136" s="16"/>
      <c r="C136" s="16"/>
      <c r="D136" s="16"/>
      <c r="E136" s="16"/>
      <c r="F136" s="16"/>
      <c r="G136" s="16"/>
      <c r="H136" s="16"/>
      <c r="I136" s="16"/>
    </row>
    <row r="137" spans="2:9" s="4" customFormat="1" x14ac:dyDescent="0.2">
      <c r="B137" s="16"/>
      <c r="C137" s="16"/>
      <c r="D137" s="16"/>
      <c r="E137" s="16"/>
      <c r="F137" s="16"/>
      <c r="G137" s="16"/>
      <c r="H137" s="16"/>
      <c r="I137" s="16"/>
    </row>
    <row r="138" spans="2:9" s="4" customFormat="1" x14ac:dyDescent="0.2">
      <c r="B138" s="16"/>
      <c r="C138" s="16"/>
      <c r="D138" s="16"/>
      <c r="E138" s="16"/>
      <c r="F138" s="16"/>
      <c r="G138" s="16"/>
      <c r="H138" s="16"/>
      <c r="I138" s="16"/>
    </row>
    <row r="139" spans="2:9" s="4" customFormat="1" x14ac:dyDescent="0.2">
      <c r="B139" s="16"/>
      <c r="C139" s="16"/>
      <c r="D139" s="16"/>
      <c r="E139" s="16"/>
      <c r="F139" s="16"/>
      <c r="G139" s="16"/>
      <c r="H139" s="16"/>
      <c r="I139" s="16"/>
    </row>
    <row r="140" spans="2:9" s="4" customFormat="1" x14ac:dyDescent="0.2">
      <c r="B140" s="16"/>
      <c r="C140" s="16"/>
      <c r="D140" s="16"/>
      <c r="E140" s="16"/>
      <c r="F140" s="16"/>
      <c r="G140" s="16"/>
      <c r="H140" s="16"/>
      <c r="I140" s="16"/>
    </row>
    <row r="141" spans="2:9" s="4" customFormat="1" x14ac:dyDescent="0.2">
      <c r="B141" s="16"/>
      <c r="C141" s="16"/>
      <c r="D141" s="16"/>
      <c r="E141" s="16"/>
      <c r="F141" s="16"/>
      <c r="G141" s="16"/>
      <c r="H141" s="16"/>
      <c r="I141" s="16"/>
    </row>
    <row r="142" spans="2:9" s="4" customFormat="1" x14ac:dyDescent="0.2">
      <c r="B142" s="16"/>
      <c r="C142" s="16"/>
      <c r="D142" s="16"/>
      <c r="E142" s="16"/>
      <c r="F142" s="16"/>
      <c r="G142" s="16"/>
      <c r="H142" s="16"/>
      <c r="I142" s="16"/>
    </row>
    <row r="143" spans="2:9" s="4" customFormat="1" x14ac:dyDescent="0.2">
      <c r="B143" s="16"/>
      <c r="C143" s="16"/>
      <c r="D143" s="16"/>
      <c r="E143" s="16"/>
      <c r="F143" s="16"/>
      <c r="G143" s="16"/>
      <c r="H143" s="16"/>
      <c r="I143" s="16"/>
    </row>
    <row r="144" spans="2:9" s="4" customFormat="1" x14ac:dyDescent="0.2">
      <c r="B144" s="16"/>
      <c r="C144" s="16"/>
      <c r="D144" s="16"/>
      <c r="E144" s="16"/>
      <c r="F144" s="16"/>
      <c r="G144" s="16"/>
      <c r="H144" s="16"/>
      <c r="I144" s="16"/>
    </row>
    <row r="145" spans="2:9" s="4" customFormat="1" x14ac:dyDescent="0.2">
      <c r="B145" s="16"/>
      <c r="C145" s="16"/>
      <c r="D145" s="16"/>
      <c r="E145" s="16"/>
      <c r="F145" s="16"/>
      <c r="G145" s="16"/>
      <c r="H145" s="16"/>
      <c r="I145" s="16"/>
    </row>
    <row r="146" spans="2:9" s="4" customFormat="1" x14ac:dyDescent="0.2">
      <c r="B146" s="16"/>
      <c r="C146" s="16"/>
      <c r="D146" s="16"/>
      <c r="E146" s="16"/>
      <c r="F146" s="16"/>
      <c r="G146" s="16"/>
      <c r="H146" s="16"/>
      <c r="I146" s="16"/>
    </row>
    <row r="147" spans="2:9" s="4" customFormat="1" x14ac:dyDescent="0.2">
      <c r="B147" s="16"/>
      <c r="C147" s="16"/>
      <c r="D147" s="16"/>
      <c r="E147" s="16"/>
      <c r="F147" s="16"/>
      <c r="G147" s="16"/>
      <c r="H147" s="16"/>
      <c r="I147" s="16"/>
    </row>
    <row r="148" spans="2:9" s="4" customFormat="1" x14ac:dyDescent="0.2">
      <c r="B148" s="16"/>
      <c r="C148" s="16"/>
      <c r="D148" s="16"/>
      <c r="E148" s="16"/>
      <c r="F148" s="16"/>
      <c r="G148" s="16"/>
      <c r="H148" s="16"/>
      <c r="I148" s="16"/>
    </row>
    <row r="149" spans="2:9" s="4" customFormat="1" x14ac:dyDescent="0.2">
      <c r="B149" s="16"/>
      <c r="C149" s="16"/>
      <c r="D149" s="16"/>
      <c r="E149" s="16"/>
      <c r="F149" s="16"/>
      <c r="G149" s="16"/>
      <c r="H149" s="16"/>
      <c r="I149" s="16"/>
    </row>
    <row r="150" spans="2:9" s="4" customFormat="1" x14ac:dyDescent="0.2">
      <c r="B150" s="16"/>
      <c r="C150" s="16"/>
      <c r="D150" s="16"/>
      <c r="E150" s="16"/>
      <c r="F150" s="16"/>
      <c r="G150" s="16"/>
      <c r="H150" s="16"/>
      <c r="I150" s="16"/>
    </row>
    <row r="151" spans="2:9" s="4" customFormat="1" x14ac:dyDescent="0.2">
      <c r="B151" s="16"/>
      <c r="C151" s="16"/>
      <c r="D151" s="16"/>
      <c r="E151" s="16"/>
      <c r="F151" s="16"/>
      <c r="G151" s="16"/>
      <c r="H151" s="16"/>
      <c r="I151" s="16"/>
    </row>
    <row r="152" spans="2:9" s="4" customFormat="1" x14ac:dyDescent="0.2">
      <c r="B152" s="16"/>
      <c r="C152" s="16"/>
      <c r="D152" s="16"/>
      <c r="E152" s="16"/>
      <c r="F152" s="16"/>
      <c r="G152" s="16"/>
      <c r="H152" s="16"/>
      <c r="I152" s="16"/>
    </row>
    <row r="153" spans="2:9" s="4" customFormat="1" x14ac:dyDescent="0.2">
      <c r="B153" s="16"/>
      <c r="C153" s="16"/>
      <c r="D153" s="16"/>
      <c r="E153" s="16"/>
      <c r="F153" s="16"/>
      <c r="G153" s="16"/>
      <c r="H153" s="16"/>
      <c r="I153" s="16"/>
    </row>
    <row r="154" spans="2:9" s="4" customFormat="1" x14ac:dyDescent="0.2">
      <c r="B154" s="16"/>
      <c r="C154" s="16"/>
      <c r="D154" s="16"/>
      <c r="E154" s="16"/>
      <c r="F154" s="16"/>
      <c r="G154" s="16"/>
      <c r="H154" s="16"/>
      <c r="I154" s="16"/>
    </row>
    <row r="155" spans="2:9" s="4" customFormat="1" x14ac:dyDescent="0.2">
      <c r="B155" s="16"/>
      <c r="C155" s="16"/>
      <c r="D155" s="16"/>
      <c r="E155" s="16"/>
      <c r="F155" s="16"/>
      <c r="G155" s="16"/>
      <c r="H155" s="16"/>
      <c r="I155" s="16"/>
    </row>
    <row r="156" spans="2:9" s="4" customFormat="1" x14ac:dyDescent="0.2">
      <c r="B156" s="16"/>
      <c r="C156" s="16"/>
      <c r="D156" s="16"/>
      <c r="E156" s="16"/>
      <c r="F156" s="16"/>
      <c r="G156" s="16"/>
      <c r="H156" s="16"/>
      <c r="I156" s="16"/>
    </row>
    <row r="157" spans="2:9" s="4" customFormat="1" x14ac:dyDescent="0.2">
      <c r="B157" s="16"/>
      <c r="C157" s="16"/>
      <c r="D157" s="16"/>
      <c r="E157" s="16"/>
      <c r="F157" s="16"/>
      <c r="G157" s="16"/>
      <c r="H157" s="16"/>
      <c r="I157" s="16"/>
    </row>
    <row r="158" spans="2:9" s="4" customFormat="1" x14ac:dyDescent="0.2">
      <c r="B158" s="16"/>
      <c r="C158" s="16"/>
      <c r="D158" s="16"/>
      <c r="E158" s="16"/>
      <c r="F158" s="16"/>
      <c r="G158" s="16"/>
      <c r="H158" s="16"/>
      <c r="I158" s="16"/>
    </row>
    <row r="159" spans="2:9" s="4" customFormat="1" x14ac:dyDescent="0.2">
      <c r="B159" s="16"/>
      <c r="C159" s="16"/>
      <c r="D159" s="16"/>
      <c r="E159" s="16"/>
      <c r="F159" s="16"/>
      <c r="G159" s="16"/>
      <c r="H159" s="16"/>
      <c r="I159" s="16"/>
    </row>
    <row r="160" spans="2:9" s="4" customFormat="1" x14ac:dyDescent="0.2">
      <c r="B160" s="16"/>
      <c r="C160" s="16"/>
      <c r="D160" s="16"/>
      <c r="E160" s="16"/>
      <c r="F160" s="16"/>
      <c r="G160" s="16"/>
      <c r="H160" s="16"/>
      <c r="I160" s="16"/>
    </row>
    <row r="161" spans="2:9" s="4" customFormat="1" x14ac:dyDescent="0.2">
      <c r="B161" s="16"/>
      <c r="C161" s="16"/>
      <c r="D161" s="16"/>
      <c r="E161" s="16"/>
      <c r="F161" s="16"/>
      <c r="G161" s="16"/>
      <c r="H161" s="16"/>
      <c r="I161" s="16"/>
    </row>
    <row r="162" spans="2:9" s="4" customFormat="1" x14ac:dyDescent="0.2">
      <c r="B162" s="16"/>
      <c r="C162" s="16"/>
      <c r="D162" s="16"/>
      <c r="E162" s="16"/>
      <c r="F162" s="16"/>
      <c r="G162" s="16"/>
      <c r="H162" s="16"/>
      <c r="I162" s="16"/>
    </row>
    <row r="163" spans="2:9" s="4" customFormat="1" x14ac:dyDescent="0.2">
      <c r="B163" s="16"/>
      <c r="C163" s="16"/>
      <c r="D163" s="16"/>
      <c r="E163" s="16"/>
      <c r="F163" s="16"/>
      <c r="G163" s="16"/>
      <c r="H163" s="16"/>
      <c r="I163" s="16"/>
    </row>
    <row r="164" spans="2:9" s="4" customFormat="1" x14ac:dyDescent="0.2">
      <c r="B164" s="16"/>
      <c r="C164" s="16"/>
      <c r="D164" s="16"/>
      <c r="E164" s="16"/>
      <c r="F164" s="16"/>
      <c r="G164" s="16"/>
      <c r="H164" s="16"/>
      <c r="I164" s="16"/>
    </row>
    <row r="165" spans="2:9" s="4" customFormat="1" x14ac:dyDescent="0.2">
      <c r="B165" s="16"/>
      <c r="C165" s="16"/>
      <c r="D165" s="16"/>
      <c r="E165" s="16"/>
      <c r="F165" s="16"/>
      <c r="G165" s="16"/>
      <c r="H165" s="16"/>
      <c r="I165" s="16"/>
    </row>
    <row r="166" spans="2:9" s="4" customFormat="1" x14ac:dyDescent="0.2">
      <c r="B166" s="16"/>
      <c r="C166" s="16"/>
      <c r="D166" s="16"/>
      <c r="E166" s="16"/>
      <c r="F166" s="16"/>
      <c r="G166" s="16"/>
      <c r="H166" s="16"/>
      <c r="I166" s="16"/>
    </row>
    <row r="167" spans="2:9" s="4" customFormat="1" x14ac:dyDescent="0.2">
      <c r="B167" s="16"/>
      <c r="C167" s="16"/>
      <c r="D167" s="16"/>
      <c r="E167" s="16"/>
      <c r="F167" s="16"/>
      <c r="G167" s="16"/>
      <c r="H167" s="16"/>
      <c r="I167" s="16"/>
    </row>
    <row r="168" spans="2:9" s="4" customFormat="1" x14ac:dyDescent="0.2">
      <c r="B168" s="16"/>
      <c r="C168" s="16"/>
      <c r="D168" s="16"/>
      <c r="E168" s="16"/>
      <c r="F168" s="16"/>
      <c r="G168" s="16"/>
      <c r="H168" s="16"/>
      <c r="I168" s="16"/>
    </row>
    <row r="169" spans="2:9" s="4" customFormat="1" x14ac:dyDescent="0.2">
      <c r="B169" s="16"/>
      <c r="C169" s="16"/>
      <c r="D169" s="16"/>
      <c r="E169" s="16"/>
      <c r="F169" s="16"/>
      <c r="G169" s="16"/>
      <c r="H169" s="16"/>
      <c r="I169" s="16"/>
    </row>
    <row r="170" spans="2:9" s="4" customFormat="1" x14ac:dyDescent="0.2">
      <c r="B170" s="16"/>
      <c r="C170" s="16"/>
      <c r="D170" s="16"/>
      <c r="E170" s="16"/>
      <c r="F170" s="16"/>
      <c r="G170" s="16"/>
      <c r="H170" s="16"/>
      <c r="I170" s="16"/>
    </row>
    <row r="171" spans="2:9" s="4" customFormat="1" x14ac:dyDescent="0.2">
      <c r="B171" s="16"/>
      <c r="C171" s="16"/>
      <c r="D171" s="16"/>
      <c r="E171" s="16"/>
      <c r="F171" s="16"/>
      <c r="G171" s="16"/>
      <c r="H171" s="16"/>
      <c r="I171" s="16"/>
    </row>
    <row r="172" spans="2:9" s="4" customFormat="1" x14ac:dyDescent="0.2">
      <c r="B172" s="16"/>
      <c r="C172" s="16"/>
      <c r="D172" s="16"/>
      <c r="E172" s="16"/>
      <c r="F172" s="16"/>
      <c r="G172" s="16"/>
      <c r="H172" s="16"/>
      <c r="I172" s="16"/>
    </row>
    <row r="173" spans="2:9" s="4" customFormat="1" x14ac:dyDescent="0.2">
      <c r="B173" s="16"/>
      <c r="C173" s="16"/>
      <c r="D173" s="16"/>
      <c r="E173" s="16"/>
      <c r="F173" s="16"/>
      <c r="G173" s="16"/>
      <c r="H173" s="16"/>
      <c r="I173" s="16"/>
    </row>
    <row r="174" spans="2:9" s="4" customFormat="1" x14ac:dyDescent="0.2">
      <c r="B174" s="16"/>
      <c r="C174" s="16"/>
      <c r="D174" s="16"/>
      <c r="E174" s="16"/>
      <c r="F174" s="16"/>
      <c r="G174" s="16"/>
      <c r="H174" s="16"/>
      <c r="I174" s="16"/>
    </row>
    <row r="175" spans="2:9" s="4" customFormat="1" x14ac:dyDescent="0.2">
      <c r="B175" s="16"/>
      <c r="C175" s="16"/>
      <c r="D175" s="16"/>
      <c r="E175" s="16"/>
      <c r="F175" s="16"/>
      <c r="G175" s="16"/>
      <c r="H175" s="16"/>
      <c r="I175" s="16"/>
    </row>
    <row r="176" spans="2:9" s="4" customFormat="1" x14ac:dyDescent="0.2">
      <c r="B176" s="16"/>
      <c r="C176" s="16"/>
      <c r="D176" s="16"/>
      <c r="E176" s="16"/>
      <c r="F176" s="16"/>
      <c r="G176" s="16"/>
      <c r="H176" s="16"/>
      <c r="I176" s="16"/>
    </row>
    <row r="177" spans="2:9" s="4" customFormat="1" x14ac:dyDescent="0.2">
      <c r="B177" s="16"/>
      <c r="C177" s="16"/>
      <c r="D177" s="16"/>
      <c r="E177" s="16"/>
      <c r="F177" s="16"/>
      <c r="G177" s="16"/>
      <c r="H177" s="16"/>
      <c r="I177" s="16"/>
    </row>
    <row r="178" spans="2:9" s="4" customFormat="1" x14ac:dyDescent="0.2">
      <c r="B178" s="16"/>
      <c r="C178" s="16"/>
      <c r="D178" s="16"/>
      <c r="E178" s="16"/>
      <c r="F178" s="16"/>
      <c r="G178" s="16"/>
      <c r="H178" s="16"/>
      <c r="I178" s="16"/>
    </row>
    <row r="179" spans="2:9" s="4" customFormat="1" x14ac:dyDescent="0.2">
      <c r="B179" s="16"/>
      <c r="C179" s="16"/>
      <c r="D179" s="16"/>
      <c r="E179" s="16"/>
      <c r="F179" s="16"/>
      <c r="G179" s="16"/>
      <c r="H179" s="16"/>
      <c r="I179" s="16"/>
    </row>
    <row r="180" spans="2:9" s="4" customFormat="1" x14ac:dyDescent="0.2">
      <c r="B180" s="16"/>
      <c r="C180" s="16"/>
      <c r="D180" s="16"/>
      <c r="E180" s="16"/>
      <c r="F180" s="16"/>
      <c r="G180" s="16"/>
      <c r="H180" s="16"/>
      <c r="I180" s="16"/>
    </row>
    <row r="181" spans="2:9" s="4" customFormat="1" x14ac:dyDescent="0.2">
      <c r="B181" s="16"/>
      <c r="C181" s="16"/>
      <c r="D181" s="16"/>
      <c r="E181" s="16"/>
      <c r="F181" s="16"/>
      <c r="G181" s="16"/>
      <c r="H181" s="16"/>
      <c r="I181" s="16"/>
    </row>
    <row r="182" spans="2:9" s="4" customFormat="1" x14ac:dyDescent="0.2">
      <c r="B182" s="16"/>
      <c r="C182" s="16"/>
      <c r="D182" s="16"/>
      <c r="E182" s="16"/>
      <c r="F182" s="16"/>
      <c r="G182" s="16"/>
      <c r="H182" s="16"/>
      <c r="I182" s="16"/>
    </row>
    <row r="183" spans="2:9" s="4" customFormat="1" x14ac:dyDescent="0.2">
      <c r="B183" s="16"/>
      <c r="C183" s="16"/>
      <c r="D183" s="16"/>
      <c r="E183" s="16"/>
      <c r="F183" s="16"/>
      <c r="G183" s="16"/>
      <c r="H183" s="16"/>
      <c r="I183" s="16"/>
    </row>
    <row r="184" spans="2:9" s="4" customFormat="1" x14ac:dyDescent="0.2">
      <c r="B184" s="16"/>
      <c r="C184" s="16"/>
      <c r="D184" s="16"/>
      <c r="E184" s="16"/>
      <c r="F184" s="16"/>
      <c r="G184" s="16"/>
      <c r="H184" s="16"/>
      <c r="I184" s="16"/>
    </row>
    <row r="185" spans="2:9" s="4" customFormat="1" x14ac:dyDescent="0.2">
      <c r="B185" s="16"/>
      <c r="C185" s="16"/>
      <c r="D185" s="16"/>
      <c r="E185" s="16"/>
      <c r="F185" s="16"/>
      <c r="G185" s="16"/>
      <c r="H185" s="16"/>
      <c r="I185" s="16"/>
    </row>
    <row r="186" spans="2:9" s="4" customFormat="1" x14ac:dyDescent="0.2">
      <c r="B186" s="16"/>
      <c r="C186" s="16"/>
      <c r="D186" s="16"/>
      <c r="E186" s="16"/>
      <c r="F186" s="16"/>
      <c r="G186" s="16"/>
      <c r="H186" s="16"/>
      <c r="I186" s="16"/>
    </row>
    <row r="187" spans="2:9" s="4" customFormat="1" x14ac:dyDescent="0.2">
      <c r="B187" s="16"/>
      <c r="C187" s="16"/>
      <c r="D187" s="16"/>
      <c r="E187" s="16"/>
      <c r="F187" s="16"/>
      <c r="G187" s="16"/>
      <c r="H187" s="16"/>
      <c r="I187" s="16"/>
    </row>
    <row r="188" spans="2:9" s="4" customFormat="1" x14ac:dyDescent="0.2">
      <c r="B188" s="16"/>
      <c r="C188" s="16"/>
      <c r="D188" s="16"/>
      <c r="E188" s="16"/>
      <c r="F188" s="16"/>
      <c r="G188" s="16"/>
      <c r="H188" s="16"/>
      <c r="I188" s="16"/>
    </row>
    <row r="189" spans="2:9" s="4" customFormat="1" x14ac:dyDescent="0.2">
      <c r="B189" s="16"/>
      <c r="C189" s="16"/>
      <c r="D189" s="16"/>
      <c r="E189" s="16"/>
      <c r="F189" s="16"/>
      <c r="G189" s="16"/>
      <c r="H189" s="16"/>
      <c r="I189" s="16"/>
    </row>
    <row r="190" spans="2:9" s="4" customFormat="1" x14ac:dyDescent="0.2">
      <c r="B190" s="16"/>
      <c r="C190" s="16"/>
      <c r="D190" s="16"/>
      <c r="E190" s="16"/>
      <c r="F190" s="16"/>
      <c r="G190" s="16"/>
      <c r="H190" s="16"/>
      <c r="I190" s="16"/>
    </row>
    <row r="191" spans="2:9" s="4" customFormat="1" x14ac:dyDescent="0.2">
      <c r="B191" s="16"/>
      <c r="C191" s="16"/>
      <c r="D191" s="16"/>
      <c r="E191" s="16"/>
      <c r="F191" s="16"/>
      <c r="G191" s="16"/>
      <c r="H191" s="16"/>
      <c r="I191" s="16"/>
    </row>
    <row r="192" spans="2:9" s="4" customFormat="1" x14ac:dyDescent="0.2">
      <c r="B192" s="16"/>
      <c r="C192" s="16"/>
      <c r="D192" s="16"/>
      <c r="E192" s="16"/>
      <c r="F192" s="16"/>
      <c r="G192" s="16"/>
      <c r="H192" s="16"/>
      <c r="I192" s="16"/>
    </row>
    <row r="193" spans="2:9" s="4" customFormat="1" x14ac:dyDescent="0.2">
      <c r="B193" s="16"/>
      <c r="C193" s="16"/>
      <c r="D193" s="16"/>
      <c r="E193" s="16"/>
      <c r="F193" s="16"/>
      <c r="G193" s="16"/>
      <c r="H193" s="16"/>
      <c r="I193" s="16"/>
    </row>
    <row r="194" spans="2:9" s="4" customFormat="1" x14ac:dyDescent="0.2">
      <c r="B194" s="16"/>
      <c r="C194" s="16"/>
      <c r="D194" s="16"/>
      <c r="E194" s="16"/>
      <c r="F194" s="16"/>
      <c r="G194" s="16"/>
      <c r="H194" s="16"/>
      <c r="I194" s="16"/>
    </row>
    <row r="195" spans="2:9" s="4" customFormat="1" x14ac:dyDescent="0.2">
      <c r="B195" s="16"/>
      <c r="C195" s="16"/>
      <c r="D195" s="16"/>
      <c r="E195" s="16"/>
      <c r="F195" s="16"/>
      <c r="G195" s="16"/>
      <c r="H195" s="16"/>
      <c r="I195" s="16"/>
    </row>
    <row r="196" spans="2:9" s="4" customFormat="1" x14ac:dyDescent="0.2">
      <c r="B196" s="16"/>
      <c r="C196" s="16"/>
      <c r="D196" s="16"/>
      <c r="E196" s="16"/>
      <c r="F196" s="16"/>
      <c r="G196" s="16"/>
      <c r="H196" s="16"/>
      <c r="I196" s="16"/>
    </row>
    <row r="197" spans="2:9" s="4" customFormat="1" x14ac:dyDescent="0.2">
      <c r="B197" s="16"/>
      <c r="C197" s="16"/>
      <c r="D197" s="16"/>
      <c r="E197" s="16"/>
      <c r="F197" s="16"/>
      <c r="G197" s="16"/>
      <c r="H197" s="16"/>
      <c r="I197" s="16"/>
    </row>
    <row r="198" spans="2:9" s="4" customFormat="1" x14ac:dyDescent="0.2">
      <c r="B198" s="16"/>
      <c r="C198" s="16"/>
      <c r="D198" s="16"/>
      <c r="E198" s="16"/>
      <c r="F198" s="16"/>
      <c r="G198" s="16"/>
      <c r="H198" s="16"/>
      <c r="I198" s="16"/>
    </row>
    <row r="199" spans="2:9" s="4" customFormat="1" x14ac:dyDescent="0.2">
      <c r="B199" s="16"/>
      <c r="C199" s="16"/>
      <c r="D199" s="16"/>
      <c r="E199" s="16"/>
      <c r="F199" s="16"/>
      <c r="G199" s="16"/>
      <c r="H199" s="16"/>
      <c r="I199" s="16"/>
    </row>
    <row r="200" spans="2:9" s="4" customFormat="1" x14ac:dyDescent="0.2">
      <c r="B200" s="16"/>
      <c r="C200" s="16"/>
      <c r="D200" s="16"/>
      <c r="E200" s="16"/>
      <c r="F200" s="16"/>
      <c r="G200" s="16"/>
      <c r="H200" s="16"/>
      <c r="I200" s="16"/>
    </row>
    <row r="201" spans="2:9" s="4" customFormat="1" x14ac:dyDescent="0.2">
      <c r="B201" s="16"/>
      <c r="C201" s="16"/>
      <c r="D201" s="16"/>
      <c r="E201" s="16"/>
      <c r="F201" s="16"/>
      <c r="G201" s="16"/>
      <c r="H201" s="16"/>
      <c r="I201" s="16"/>
    </row>
    <row r="202" spans="2:9" s="4" customFormat="1" x14ac:dyDescent="0.2">
      <c r="B202" s="16"/>
      <c r="C202" s="16"/>
      <c r="D202" s="16"/>
      <c r="E202" s="16"/>
      <c r="F202" s="16"/>
      <c r="G202" s="16"/>
      <c r="H202" s="16"/>
      <c r="I202" s="16"/>
    </row>
    <row r="203" spans="2:9" s="4" customFormat="1" x14ac:dyDescent="0.2">
      <c r="B203" s="16"/>
      <c r="C203" s="16"/>
      <c r="D203" s="16"/>
      <c r="E203" s="16"/>
      <c r="F203" s="16"/>
      <c r="G203" s="16"/>
      <c r="H203" s="16"/>
      <c r="I203" s="16"/>
    </row>
    <row r="204" spans="2:9" s="4" customFormat="1" x14ac:dyDescent="0.2">
      <c r="B204" s="16"/>
      <c r="C204" s="16"/>
      <c r="D204" s="16"/>
      <c r="E204" s="16"/>
      <c r="F204" s="16"/>
      <c r="G204" s="16"/>
      <c r="H204" s="16"/>
      <c r="I204" s="16"/>
    </row>
    <row r="205" spans="2:9" s="4" customFormat="1" x14ac:dyDescent="0.2">
      <c r="B205" s="16"/>
      <c r="C205" s="16"/>
      <c r="D205" s="16"/>
      <c r="E205" s="16"/>
      <c r="F205" s="16"/>
      <c r="G205" s="16"/>
      <c r="H205" s="16"/>
      <c r="I205" s="16"/>
    </row>
    <row r="206" spans="2:9" s="4" customFormat="1" x14ac:dyDescent="0.2">
      <c r="B206" s="16"/>
      <c r="C206" s="16"/>
      <c r="D206" s="16"/>
      <c r="E206" s="16"/>
      <c r="F206" s="16"/>
      <c r="G206" s="16"/>
      <c r="H206" s="16"/>
      <c r="I206" s="16"/>
    </row>
    <row r="207" spans="2:9" s="4" customFormat="1" x14ac:dyDescent="0.2">
      <c r="B207" s="16"/>
      <c r="C207" s="16"/>
      <c r="D207" s="16"/>
      <c r="E207" s="16"/>
      <c r="F207" s="16"/>
      <c r="G207" s="16"/>
      <c r="H207" s="16"/>
      <c r="I207" s="16"/>
    </row>
    <row r="208" spans="2:9" s="4" customFormat="1" x14ac:dyDescent="0.2">
      <c r="B208" s="16"/>
      <c r="C208" s="16"/>
      <c r="D208" s="16"/>
      <c r="E208" s="16"/>
      <c r="F208" s="16"/>
      <c r="G208" s="16"/>
      <c r="H208" s="16"/>
      <c r="I208" s="16"/>
    </row>
    <row r="209" spans="2:9" s="4" customFormat="1" x14ac:dyDescent="0.2">
      <c r="B209" s="16"/>
      <c r="C209" s="16"/>
      <c r="D209" s="16"/>
      <c r="E209" s="16"/>
      <c r="F209" s="16"/>
      <c r="G209" s="16"/>
      <c r="H209" s="16"/>
      <c r="I209" s="16"/>
    </row>
    <row r="210" spans="2:9" s="4" customFormat="1" x14ac:dyDescent="0.2">
      <c r="B210" s="16"/>
      <c r="C210" s="16"/>
      <c r="D210" s="16"/>
      <c r="E210" s="16"/>
      <c r="F210" s="16"/>
      <c r="G210" s="16"/>
      <c r="H210" s="16"/>
      <c r="I210" s="16"/>
    </row>
    <row r="211" spans="2:9" s="4" customFormat="1" x14ac:dyDescent="0.2">
      <c r="B211" s="16"/>
      <c r="C211" s="16"/>
      <c r="D211" s="16"/>
      <c r="E211" s="16"/>
      <c r="F211" s="16"/>
      <c r="G211" s="16"/>
      <c r="H211" s="16"/>
      <c r="I211" s="16"/>
    </row>
    <row r="212" spans="2:9" s="4" customFormat="1" x14ac:dyDescent="0.2">
      <c r="B212" s="16"/>
      <c r="C212" s="16"/>
      <c r="D212" s="16"/>
      <c r="E212" s="16"/>
      <c r="F212" s="16"/>
      <c r="G212" s="16"/>
      <c r="H212" s="16"/>
      <c r="I212" s="16"/>
    </row>
    <row r="213" spans="2:9" s="4" customFormat="1" x14ac:dyDescent="0.2">
      <c r="B213" s="16"/>
      <c r="C213" s="16"/>
      <c r="D213" s="16"/>
      <c r="E213" s="16"/>
      <c r="F213" s="16"/>
      <c r="G213" s="16"/>
      <c r="H213" s="16"/>
      <c r="I213" s="16"/>
    </row>
    <row r="214" spans="2:9" s="4" customFormat="1" x14ac:dyDescent="0.2">
      <c r="B214" s="16"/>
      <c r="C214" s="16"/>
      <c r="D214" s="16"/>
      <c r="E214" s="16"/>
      <c r="F214" s="16"/>
      <c r="G214" s="16"/>
      <c r="H214" s="16"/>
      <c r="I214" s="16"/>
    </row>
    <row r="215" spans="2:9" s="4" customFormat="1" x14ac:dyDescent="0.2">
      <c r="B215" s="16"/>
      <c r="C215" s="16"/>
      <c r="D215" s="16"/>
      <c r="E215" s="16"/>
      <c r="F215" s="16"/>
      <c r="G215" s="16"/>
      <c r="H215" s="16"/>
      <c r="I215" s="16"/>
    </row>
    <row r="216" spans="2:9" s="4" customFormat="1" x14ac:dyDescent="0.2">
      <c r="B216" s="16"/>
      <c r="C216" s="16"/>
      <c r="D216" s="16"/>
      <c r="E216" s="16"/>
      <c r="F216" s="16"/>
      <c r="G216" s="16"/>
      <c r="H216" s="16"/>
      <c r="I216" s="16"/>
    </row>
    <row r="217" spans="2:9" s="4" customFormat="1" x14ac:dyDescent="0.2">
      <c r="B217" s="16"/>
      <c r="C217" s="16"/>
      <c r="D217" s="16"/>
      <c r="E217" s="16"/>
      <c r="F217" s="16"/>
      <c r="G217" s="16"/>
      <c r="H217" s="16"/>
      <c r="I217" s="16"/>
    </row>
    <row r="218" spans="2:9" s="4" customFormat="1" x14ac:dyDescent="0.2">
      <c r="B218" s="16"/>
      <c r="C218" s="16"/>
      <c r="D218" s="16"/>
      <c r="E218" s="16"/>
      <c r="F218" s="16"/>
      <c r="G218" s="16"/>
      <c r="H218" s="16"/>
      <c r="I218" s="16"/>
    </row>
    <row r="219" spans="2:9" s="4" customFormat="1" x14ac:dyDescent="0.2">
      <c r="B219" s="16"/>
      <c r="C219" s="16"/>
      <c r="D219" s="16"/>
      <c r="E219" s="16"/>
      <c r="F219" s="16"/>
      <c r="G219" s="16"/>
      <c r="H219" s="16"/>
      <c r="I219" s="16"/>
    </row>
    <row r="220" spans="2:9" s="4" customFormat="1" x14ac:dyDescent="0.2">
      <c r="B220" s="16"/>
      <c r="C220" s="16"/>
      <c r="D220" s="16"/>
      <c r="E220" s="16"/>
      <c r="F220" s="16"/>
      <c r="G220" s="16"/>
      <c r="H220" s="16"/>
      <c r="I220" s="16"/>
    </row>
    <row r="221" spans="2:9" s="4" customFormat="1" x14ac:dyDescent="0.2">
      <c r="B221" s="16"/>
      <c r="C221" s="16"/>
      <c r="D221" s="16"/>
      <c r="E221" s="16"/>
      <c r="F221" s="16"/>
      <c r="G221" s="16"/>
      <c r="H221" s="16"/>
      <c r="I221" s="16"/>
    </row>
    <row r="222" spans="2:9" s="4" customFormat="1" x14ac:dyDescent="0.2">
      <c r="B222" s="16"/>
      <c r="C222" s="16"/>
      <c r="D222" s="16"/>
      <c r="E222" s="16"/>
      <c r="F222" s="16"/>
      <c r="G222" s="16"/>
      <c r="H222" s="16"/>
      <c r="I222" s="16"/>
    </row>
    <row r="223" spans="2:9" s="4" customFormat="1" x14ac:dyDescent="0.2">
      <c r="B223" s="16"/>
      <c r="C223" s="16"/>
      <c r="D223" s="16"/>
      <c r="E223" s="16"/>
      <c r="F223" s="16"/>
      <c r="G223" s="16"/>
      <c r="H223" s="16"/>
      <c r="I223" s="16"/>
    </row>
    <row r="224" spans="2:9" s="4" customFormat="1" x14ac:dyDescent="0.2">
      <c r="B224" s="16"/>
      <c r="C224" s="16"/>
      <c r="D224" s="16"/>
      <c r="E224" s="16"/>
      <c r="F224" s="16"/>
      <c r="G224" s="16"/>
      <c r="H224" s="16"/>
      <c r="I224" s="16"/>
    </row>
    <row r="225" spans="2:9" s="4" customFormat="1" x14ac:dyDescent="0.2">
      <c r="B225" s="16"/>
      <c r="C225" s="16"/>
      <c r="D225" s="16"/>
      <c r="E225" s="16"/>
      <c r="F225" s="16"/>
      <c r="G225" s="16"/>
      <c r="H225" s="16"/>
      <c r="I225" s="16"/>
    </row>
    <row r="226" spans="2:9" s="4" customFormat="1" x14ac:dyDescent="0.2">
      <c r="B226" s="16"/>
      <c r="C226" s="16"/>
      <c r="D226" s="16"/>
      <c r="E226" s="16"/>
      <c r="F226" s="16"/>
      <c r="G226" s="16"/>
      <c r="H226" s="16"/>
      <c r="I226" s="16"/>
    </row>
    <row r="227" spans="2:9" s="4" customFormat="1" x14ac:dyDescent="0.2">
      <c r="B227" s="16"/>
      <c r="C227" s="16"/>
      <c r="D227" s="16"/>
      <c r="E227" s="16"/>
      <c r="F227" s="16"/>
      <c r="G227" s="16"/>
      <c r="H227" s="16"/>
      <c r="I227" s="16"/>
    </row>
    <row r="228" spans="2:9" s="4" customFormat="1" x14ac:dyDescent="0.2">
      <c r="B228" s="16"/>
      <c r="C228" s="16"/>
      <c r="D228" s="16"/>
      <c r="E228" s="16"/>
      <c r="F228" s="16"/>
      <c r="G228" s="16"/>
      <c r="H228" s="16"/>
      <c r="I228" s="16"/>
    </row>
    <row r="229" spans="2:9" s="4" customFormat="1" x14ac:dyDescent="0.2">
      <c r="B229" s="16"/>
      <c r="C229" s="16"/>
      <c r="D229" s="16"/>
      <c r="E229" s="16"/>
      <c r="F229" s="16"/>
      <c r="G229" s="16"/>
      <c r="H229" s="16"/>
      <c r="I229" s="16"/>
    </row>
    <row r="230" spans="2:9" s="4" customFormat="1" x14ac:dyDescent="0.2">
      <c r="B230" s="16"/>
      <c r="C230" s="16"/>
      <c r="D230" s="16"/>
      <c r="E230" s="16"/>
      <c r="F230" s="16"/>
      <c r="G230" s="16"/>
      <c r="H230" s="16"/>
      <c r="I230" s="16"/>
    </row>
    <row r="231" spans="2:9" s="4" customFormat="1" x14ac:dyDescent="0.2">
      <c r="B231" s="16"/>
      <c r="C231" s="16"/>
      <c r="D231" s="16"/>
      <c r="E231" s="16"/>
      <c r="F231" s="16"/>
      <c r="G231" s="16"/>
      <c r="H231" s="16"/>
      <c r="I231" s="16"/>
    </row>
    <row r="232" spans="2:9" s="4" customFormat="1" x14ac:dyDescent="0.2">
      <c r="B232" s="16"/>
      <c r="C232" s="16"/>
      <c r="D232" s="16"/>
      <c r="E232" s="16"/>
      <c r="F232" s="16"/>
      <c r="G232" s="16"/>
      <c r="H232" s="16"/>
      <c r="I232" s="16"/>
    </row>
    <row r="233" spans="2:9" s="4" customFormat="1" x14ac:dyDescent="0.2">
      <c r="B233" s="16"/>
      <c r="C233" s="16"/>
      <c r="D233" s="16"/>
      <c r="E233" s="16"/>
      <c r="F233" s="16"/>
      <c r="G233" s="16"/>
      <c r="H233" s="16"/>
      <c r="I233" s="16"/>
    </row>
    <row r="234" spans="2:9" s="4" customFormat="1" x14ac:dyDescent="0.2">
      <c r="B234" s="16"/>
      <c r="C234" s="16"/>
      <c r="D234" s="16"/>
      <c r="E234" s="16"/>
      <c r="F234" s="16"/>
      <c r="G234" s="16"/>
      <c r="H234" s="16"/>
      <c r="I234" s="16"/>
    </row>
    <row r="235" spans="2:9" s="4" customFormat="1" x14ac:dyDescent="0.2">
      <c r="B235" s="16"/>
      <c r="C235" s="16"/>
      <c r="D235" s="16"/>
      <c r="E235" s="16"/>
      <c r="F235" s="16"/>
      <c r="G235" s="16"/>
      <c r="H235" s="16"/>
      <c r="I235" s="16"/>
    </row>
    <row r="236" spans="2:9" s="4" customFormat="1" x14ac:dyDescent="0.2">
      <c r="B236" s="16"/>
      <c r="C236" s="16"/>
      <c r="D236" s="16"/>
      <c r="E236" s="16"/>
      <c r="F236" s="16"/>
      <c r="G236" s="16"/>
      <c r="H236" s="16"/>
      <c r="I236" s="16"/>
    </row>
    <row r="237" spans="2:9" s="4" customFormat="1" x14ac:dyDescent="0.2">
      <c r="B237" s="16"/>
      <c r="C237" s="16"/>
      <c r="D237" s="16"/>
      <c r="E237" s="16"/>
      <c r="F237" s="16"/>
      <c r="G237" s="16"/>
      <c r="H237" s="16"/>
      <c r="I237" s="16"/>
    </row>
    <row r="238" spans="2:9" s="4" customFormat="1" x14ac:dyDescent="0.2">
      <c r="B238" s="16"/>
      <c r="C238" s="16"/>
      <c r="D238" s="16"/>
      <c r="E238" s="16"/>
      <c r="F238" s="16"/>
      <c r="G238" s="16"/>
      <c r="H238" s="16"/>
      <c r="I238" s="16"/>
    </row>
    <row r="239" spans="2:9" s="4" customFormat="1" x14ac:dyDescent="0.2">
      <c r="B239" s="16"/>
      <c r="C239" s="16"/>
      <c r="D239" s="16"/>
      <c r="E239" s="16"/>
      <c r="F239" s="16"/>
      <c r="G239" s="16"/>
      <c r="H239" s="16"/>
      <c r="I239" s="16"/>
    </row>
    <row r="240" spans="2:9" s="4" customFormat="1" x14ac:dyDescent="0.2">
      <c r="B240" s="16"/>
      <c r="C240" s="16"/>
      <c r="D240" s="16"/>
      <c r="E240" s="16"/>
      <c r="F240" s="16"/>
      <c r="G240" s="16"/>
      <c r="H240" s="16"/>
      <c r="I240" s="16"/>
    </row>
    <row r="241" spans="2:9" s="4" customFormat="1" x14ac:dyDescent="0.2">
      <c r="B241" s="16"/>
      <c r="C241" s="16"/>
      <c r="D241" s="16"/>
      <c r="E241" s="16"/>
      <c r="F241" s="16"/>
      <c r="G241" s="16"/>
      <c r="H241" s="16"/>
      <c r="I241" s="16"/>
    </row>
    <row r="242" spans="2:9" s="4" customFormat="1" x14ac:dyDescent="0.2">
      <c r="B242" s="16"/>
      <c r="C242" s="16"/>
      <c r="D242" s="16"/>
      <c r="E242" s="16"/>
      <c r="F242" s="16"/>
      <c r="G242" s="16"/>
      <c r="H242" s="16"/>
      <c r="I242" s="16"/>
    </row>
    <row r="243" spans="2:9" s="4" customFormat="1" x14ac:dyDescent="0.2">
      <c r="B243" s="16"/>
      <c r="C243" s="16"/>
      <c r="D243" s="16"/>
      <c r="E243" s="16"/>
      <c r="F243" s="16"/>
      <c r="G243" s="16"/>
      <c r="H243" s="16"/>
      <c r="I243" s="16"/>
    </row>
    <row r="244" spans="2:9" s="4" customFormat="1" x14ac:dyDescent="0.2">
      <c r="B244" s="16"/>
      <c r="C244" s="16"/>
      <c r="D244" s="16"/>
      <c r="E244" s="16"/>
      <c r="F244" s="16"/>
      <c r="G244" s="16"/>
      <c r="H244" s="16"/>
      <c r="I244" s="16"/>
    </row>
    <row r="245" spans="2:9" s="4" customFormat="1" x14ac:dyDescent="0.2">
      <c r="B245" s="16"/>
      <c r="C245" s="16"/>
      <c r="D245" s="16"/>
      <c r="E245" s="16"/>
      <c r="F245" s="16"/>
      <c r="G245" s="16"/>
      <c r="H245" s="16"/>
      <c r="I245" s="16"/>
    </row>
    <row r="246" spans="2:9" s="4" customFormat="1" x14ac:dyDescent="0.2">
      <c r="B246" s="16"/>
      <c r="C246" s="16"/>
      <c r="D246" s="16"/>
      <c r="E246" s="16"/>
      <c r="F246" s="16"/>
      <c r="G246" s="16"/>
      <c r="H246" s="16"/>
      <c r="I246" s="16"/>
    </row>
    <row r="247" spans="2:9" s="4" customFormat="1" x14ac:dyDescent="0.2">
      <c r="B247" s="16"/>
      <c r="C247" s="16"/>
      <c r="D247" s="16"/>
      <c r="E247" s="16"/>
      <c r="F247" s="16"/>
      <c r="G247" s="16"/>
      <c r="H247" s="16"/>
      <c r="I247" s="16"/>
    </row>
    <row r="248" spans="2:9" s="4" customFormat="1" x14ac:dyDescent="0.2">
      <c r="B248" s="16"/>
      <c r="C248" s="16"/>
      <c r="D248" s="16"/>
      <c r="E248" s="16"/>
      <c r="F248" s="16"/>
      <c r="G248" s="16"/>
      <c r="H248" s="16"/>
      <c r="I248" s="16"/>
    </row>
    <row r="249" spans="2:9" s="4" customFormat="1" x14ac:dyDescent="0.2">
      <c r="B249" s="16"/>
      <c r="C249" s="16"/>
      <c r="D249" s="16"/>
      <c r="E249" s="16"/>
      <c r="F249" s="16"/>
      <c r="G249" s="16"/>
      <c r="H249" s="16"/>
      <c r="I249" s="16"/>
    </row>
    <row r="250" spans="2:9" s="4" customFormat="1" x14ac:dyDescent="0.2">
      <c r="B250" s="16"/>
      <c r="C250" s="16"/>
      <c r="D250" s="16"/>
      <c r="E250" s="16"/>
      <c r="F250" s="16"/>
      <c r="G250" s="16"/>
      <c r="H250" s="16"/>
      <c r="I250" s="16"/>
    </row>
    <row r="251" spans="2:9" s="4" customFormat="1" x14ac:dyDescent="0.2">
      <c r="B251" s="16"/>
      <c r="C251" s="16"/>
      <c r="D251" s="16"/>
      <c r="E251" s="16"/>
      <c r="F251" s="16"/>
      <c r="G251" s="16"/>
      <c r="H251" s="16"/>
      <c r="I251" s="16"/>
    </row>
    <row r="252" spans="2:9" s="4" customFormat="1" x14ac:dyDescent="0.2">
      <c r="B252" s="16"/>
      <c r="C252" s="16"/>
      <c r="D252" s="16"/>
      <c r="E252" s="16"/>
      <c r="F252" s="16"/>
      <c r="G252" s="16"/>
      <c r="H252" s="16"/>
      <c r="I252" s="16"/>
    </row>
    <row r="253" spans="2:9" s="4" customFormat="1" x14ac:dyDescent="0.2">
      <c r="B253" s="16"/>
      <c r="C253" s="16"/>
      <c r="D253" s="16"/>
      <c r="E253" s="16"/>
      <c r="F253" s="16"/>
      <c r="G253" s="16"/>
      <c r="H253" s="16"/>
      <c r="I253" s="16"/>
    </row>
    <row r="254" spans="2:9" s="4" customFormat="1" x14ac:dyDescent="0.2">
      <c r="B254" s="16"/>
      <c r="C254" s="16"/>
      <c r="D254" s="16"/>
      <c r="E254" s="16"/>
      <c r="F254" s="16"/>
      <c r="G254" s="16"/>
      <c r="H254" s="16"/>
      <c r="I254" s="16"/>
    </row>
    <row r="255" spans="2:9" s="4" customFormat="1" x14ac:dyDescent="0.2">
      <c r="B255" s="16"/>
      <c r="C255" s="16"/>
      <c r="D255" s="16"/>
      <c r="E255" s="16"/>
      <c r="F255" s="16"/>
      <c r="G255" s="16"/>
      <c r="H255" s="16"/>
      <c r="I255" s="16"/>
    </row>
    <row r="256" spans="2:9" s="4" customFormat="1" x14ac:dyDescent="0.2">
      <c r="B256" s="16"/>
      <c r="C256" s="16"/>
      <c r="D256" s="16"/>
      <c r="E256" s="16"/>
      <c r="F256" s="16"/>
      <c r="G256" s="16"/>
      <c r="H256" s="16"/>
      <c r="I256" s="16"/>
    </row>
    <row r="257" spans="2:9" s="4" customFormat="1" x14ac:dyDescent="0.2">
      <c r="B257" s="16"/>
      <c r="C257" s="16"/>
      <c r="D257" s="16"/>
      <c r="E257" s="16"/>
      <c r="F257" s="16"/>
      <c r="G257" s="16"/>
      <c r="H257" s="16"/>
      <c r="I257" s="16"/>
    </row>
    <row r="258" spans="2:9" s="4" customFormat="1" x14ac:dyDescent="0.2">
      <c r="B258" s="16"/>
      <c r="C258" s="16"/>
      <c r="D258" s="16"/>
      <c r="E258" s="16"/>
      <c r="F258" s="16"/>
      <c r="G258" s="16"/>
      <c r="H258" s="16"/>
      <c r="I258" s="16"/>
    </row>
    <row r="259" spans="2:9" s="4" customFormat="1" x14ac:dyDescent="0.2">
      <c r="B259" s="16"/>
      <c r="C259" s="16"/>
      <c r="D259" s="16"/>
      <c r="E259" s="16"/>
      <c r="F259" s="16"/>
      <c r="G259" s="16"/>
      <c r="H259" s="16"/>
      <c r="I259" s="16"/>
    </row>
    <row r="260" spans="2:9" s="4" customFormat="1" x14ac:dyDescent="0.2">
      <c r="B260" s="16"/>
      <c r="C260" s="16"/>
      <c r="D260" s="16"/>
      <c r="E260" s="16"/>
      <c r="F260" s="16"/>
      <c r="G260" s="16"/>
      <c r="H260" s="16"/>
      <c r="I260" s="16"/>
    </row>
    <row r="261" spans="2:9" s="4" customFormat="1" x14ac:dyDescent="0.2">
      <c r="B261" s="16"/>
      <c r="C261" s="16"/>
      <c r="D261" s="16"/>
      <c r="E261" s="16"/>
      <c r="F261" s="16"/>
      <c r="G261" s="16"/>
      <c r="H261" s="16"/>
      <c r="I261" s="16"/>
    </row>
    <row r="262" spans="2:9" s="4" customFormat="1" x14ac:dyDescent="0.2">
      <c r="B262" s="16"/>
      <c r="C262" s="16"/>
      <c r="D262" s="16"/>
      <c r="E262" s="16"/>
      <c r="F262" s="16"/>
      <c r="G262" s="16"/>
      <c r="H262" s="16"/>
      <c r="I262" s="16"/>
    </row>
    <row r="263" spans="2:9" s="4" customFormat="1" x14ac:dyDescent="0.2">
      <c r="B263" s="16"/>
      <c r="C263" s="16"/>
      <c r="D263" s="16"/>
      <c r="E263" s="16"/>
      <c r="F263" s="16"/>
      <c r="G263" s="16"/>
      <c r="H263" s="16"/>
      <c r="I263" s="16"/>
    </row>
    <row r="264" spans="2:9" s="4" customFormat="1" x14ac:dyDescent="0.2">
      <c r="B264" s="16"/>
      <c r="C264" s="16"/>
      <c r="D264" s="16"/>
      <c r="E264" s="16"/>
      <c r="F264" s="16"/>
      <c r="G264" s="16"/>
      <c r="H264" s="16"/>
      <c r="I264" s="16"/>
    </row>
    <row r="265" spans="2:9" s="4" customFormat="1" x14ac:dyDescent="0.2">
      <c r="B265" s="16"/>
      <c r="C265" s="16"/>
      <c r="D265" s="16"/>
      <c r="E265" s="16"/>
      <c r="F265" s="16"/>
      <c r="G265" s="16"/>
      <c r="H265" s="16"/>
      <c r="I265" s="16"/>
    </row>
    <row r="266" spans="2:9" s="4" customFormat="1" x14ac:dyDescent="0.2">
      <c r="B266" s="16"/>
      <c r="C266" s="16"/>
      <c r="D266" s="16"/>
      <c r="E266" s="16"/>
      <c r="F266" s="16"/>
      <c r="G266" s="16"/>
      <c r="H266" s="16"/>
      <c r="I266" s="16"/>
    </row>
    <row r="267" spans="2:9" s="4" customFormat="1" x14ac:dyDescent="0.2">
      <c r="B267" s="16"/>
      <c r="C267" s="16"/>
      <c r="D267" s="16"/>
      <c r="E267" s="16"/>
      <c r="F267" s="16"/>
      <c r="G267" s="16"/>
      <c r="H267" s="16"/>
      <c r="I267" s="16"/>
    </row>
    <row r="268" spans="2:9" s="4" customFormat="1" x14ac:dyDescent="0.2">
      <c r="B268" s="16"/>
      <c r="C268" s="16"/>
      <c r="D268" s="16"/>
      <c r="E268" s="16"/>
      <c r="F268" s="16"/>
      <c r="G268" s="16"/>
      <c r="H268" s="16"/>
      <c r="I268" s="16"/>
    </row>
    <row r="269" spans="2:9" s="4" customFormat="1" x14ac:dyDescent="0.2">
      <c r="B269" s="16"/>
      <c r="C269" s="16"/>
      <c r="D269" s="16"/>
      <c r="E269" s="16"/>
      <c r="F269" s="16"/>
      <c r="G269" s="16"/>
      <c r="H269" s="16"/>
      <c r="I269" s="16"/>
    </row>
    <row r="270" spans="2:9" s="4" customFormat="1" x14ac:dyDescent="0.2">
      <c r="B270" s="16"/>
      <c r="C270" s="16"/>
      <c r="D270" s="16"/>
      <c r="E270" s="16"/>
      <c r="F270" s="16"/>
      <c r="G270" s="16"/>
      <c r="H270" s="16"/>
      <c r="I270" s="16"/>
    </row>
    <row r="271" spans="2:9" s="4" customFormat="1" x14ac:dyDescent="0.2">
      <c r="B271" s="16"/>
      <c r="C271" s="16"/>
      <c r="D271" s="16"/>
      <c r="E271" s="16"/>
      <c r="F271" s="16"/>
      <c r="G271" s="16"/>
      <c r="H271" s="16"/>
      <c r="I271" s="16"/>
    </row>
    <row r="272" spans="2:9" s="4" customFormat="1" x14ac:dyDescent="0.2">
      <c r="B272" s="16"/>
      <c r="C272" s="16"/>
      <c r="D272" s="16"/>
      <c r="E272" s="16"/>
      <c r="F272" s="16"/>
      <c r="G272" s="16"/>
      <c r="H272" s="16"/>
      <c r="I272" s="16"/>
    </row>
    <row r="273" spans="2:9" s="4" customFormat="1" x14ac:dyDescent="0.2">
      <c r="B273" s="16"/>
      <c r="C273" s="16"/>
      <c r="D273" s="16"/>
      <c r="E273" s="16"/>
      <c r="F273" s="16"/>
      <c r="G273" s="16"/>
      <c r="H273" s="16"/>
      <c r="I273" s="16"/>
    </row>
    <row r="274" spans="2:9" s="4" customFormat="1" x14ac:dyDescent="0.2">
      <c r="B274" s="16"/>
      <c r="C274" s="16"/>
      <c r="D274" s="16"/>
      <c r="E274" s="16"/>
      <c r="F274" s="16"/>
      <c r="G274" s="16"/>
      <c r="H274" s="16"/>
      <c r="I274" s="16"/>
    </row>
    <row r="275" spans="2:9" s="4" customFormat="1" x14ac:dyDescent="0.2">
      <c r="B275" s="16"/>
      <c r="C275" s="16"/>
      <c r="D275" s="16"/>
      <c r="E275" s="16"/>
      <c r="F275" s="16"/>
      <c r="G275" s="16"/>
      <c r="H275" s="16"/>
      <c r="I275" s="16"/>
    </row>
    <row r="276" spans="2:9" s="4" customFormat="1" x14ac:dyDescent="0.2">
      <c r="B276" s="16"/>
      <c r="C276" s="16"/>
      <c r="D276" s="16"/>
      <c r="E276" s="16"/>
      <c r="F276" s="16"/>
      <c r="G276" s="16"/>
      <c r="H276" s="16"/>
      <c r="I276" s="16"/>
    </row>
    <row r="277" spans="2:9" s="4" customFormat="1" x14ac:dyDescent="0.2">
      <c r="B277" s="16"/>
      <c r="C277" s="16"/>
      <c r="D277" s="16"/>
      <c r="E277" s="16"/>
      <c r="F277" s="16"/>
      <c r="G277" s="16"/>
      <c r="H277" s="16"/>
      <c r="I277" s="16"/>
    </row>
    <row r="278" spans="2:9" s="4" customFormat="1" x14ac:dyDescent="0.2">
      <c r="B278" s="16"/>
      <c r="C278" s="16"/>
      <c r="D278" s="16"/>
      <c r="E278" s="16"/>
      <c r="F278" s="16"/>
      <c r="G278" s="16"/>
      <c r="H278" s="16"/>
      <c r="I278" s="16"/>
    </row>
    <row r="279" spans="2:9" s="4" customFormat="1" x14ac:dyDescent="0.2">
      <c r="B279" s="16"/>
      <c r="C279" s="16"/>
      <c r="D279" s="16"/>
      <c r="E279" s="16"/>
      <c r="F279" s="16"/>
      <c r="G279" s="16"/>
      <c r="H279" s="16"/>
      <c r="I279" s="16"/>
    </row>
    <row r="280" spans="2:9" s="4" customFormat="1" x14ac:dyDescent="0.2">
      <c r="B280" s="16"/>
      <c r="C280" s="16"/>
      <c r="D280" s="16"/>
      <c r="E280" s="16"/>
      <c r="F280" s="16"/>
      <c r="G280" s="16"/>
      <c r="H280" s="16"/>
      <c r="I280" s="16"/>
    </row>
    <row r="281" spans="2:9" s="4" customFormat="1" x14ac:dyDescent="0.2">
      <c r="B281" s="16"/>
      <c r="C281" s="16"/>
      <c r="D281" s="16"/>
      <c r="E281" s="16"/>
      <c r="F281" s="16"/>
      <c r="G281" s="16"/>
      <c r="H281" s="16"/>
      <c r="I281" s="16"/>
    </row>
    <row r="282" spans="2:9" s="4" customFormat="1" x14ac:dyDescent="0.2">
      <c r="B282" s="16"/>
      <c r="C282" s="16"/>
      <c r="D282" s="16"/>
      <c r="E282" s="16"/>
      <c r="F282" s="16"/>
      <c r="G282" s="16"/>
      <c r="H282" s="16"/>
      <c r="I282" s="16"/>
    </row>
    <row r="283" spans="2:9" s="4" customFormat="1" x14ac:dyDescent="0.2">
      <c r="B283" s="16"/>
      <c r="C283" s="16"/>
      <c r="D283" s="16"/>
      <c r="E283" s="16"/>
      <c r="F283" s="16"/>
      <c r="G283" s="16"/>
      <c r="H283" s="16"/>
      <c r="I283" s="16"/>
    </row>
    <row r="284" spans="2:9" s="4" customFormat="1" x14ac:dyDescent="0.2">
      <c r="B284" s="16"/>
      <c r="C284" s="16"/>
      <c r="D284" s="16"/>
      <c r="E284" s="16"/>
      <c r="F284" s="16"/>
      <c r="G284" s="16"/>
      <c r="H284" s="16"/>
      <c r="I284" s="16"/>
    </row>
    <row r="285" spans="2:9" s="4" customFormat="1" x14ac:dyDescent="0.2">
      <c r="B285" s="16"/>
      <c r="C285" s="16"/>
      <c r="D285" s="16"/>
      <c r="E285" s="16"/>
      <c r="F285" s="16"/>
      <c r="G285" s="16"/>
      <c r="H285" s="16"/>
      <c r="I285" s="16"/>
    </row>
    <row r="286" spans="2:9" s="4" customFormat="1" x14ac:dyDescent="0.2">
      <c r="B286" s="16"/>
      <c r="C286" s="16"/>
      <c r="D286" s="16"/>
      <c r="E286" s="16"/>
      <c r="F286" s="16"/>
      <c r="G286" s="16"/>
      <c r="H286" s="16"/>
      <c r="I286" s="16"/>
    </row>
    <row r="287" spans="2:9" s="4" customFormat="1" x14ac:dyDescent="0.2">
      <c r="B287" s="16"/>
      <c r="C287" s="16"/>
      <c r="D287" s="16"/>
      <c r="E287" s="16"/>
      <c r="F287" s="16"/>
      <c r="G287" s="16"/>
      <c r="H287" s="16"/>
      <c r="I287" s="16"/>
    </row>
    <row r="288" spans="2:9" s="4" customFormat="1" x14ac:dyDescent="0.2">
      <c r="B288" s="16"/>
      <c r="C288" s="16"/>
      <c r="D288" s="16"/>
      <c r="E288" s="16"/>
      <c r="F288" s="16"/>
      <c r="G288" s="16"/>
      <c r="H288" s="16"/>
      <c r="I288" s="16"/>
    </row>
    <row r="289" spans="2:9" s="4" customFormat="1" x14ac:dyDescent="0.2">
      <c r="B289" s="16"/>
      <c r="C289" s="16"/>
      <c r="D289" s="16"/>
      <c r="E289" s="16"/>
      <c r="F289" s="16"/>
      <c r="G289" s="16"/>
      <c r="H289" s="16"/>
      <c r="I289" s="16"/>
    </row>
    <row r="290" spans="2:9" s="4" customFormat="1" x14ac:dyDescent="0.2">
      <c r="B290" s="16"/>
      <c r="C290" s="16"/>
      <c r="D290" s="16"/>
      <c r="E290" s="16"/>
      <c r="F290" s="16"/>
      <c r="G290" s="16"/>
      <c r="H290" s="16"/>
      <c r="I290" s="16"/>
    </row>
    <row r="291" spans="2:9" s="4" customFormat="1" x14ac:dyDescent="0.2">
      <c r="B291" s="16"/>
      <c r="C291" s="16"/>
      <c r="D291" s="16"/>
      <c r="E291" s="16"/>
      <c r="F291" s="16"/>
      <c r="G291" s="16"/>
      <c r="H291" s="16"/>
      <c r="I291" s="16"/>
    </row>
    <row r="292" spans="2:9" s="4" customFormat="1" x14ac:dyDescent="0.2">
      <c r="B292" s="16"/>
      <c r="C292" s="16"/>
      <c r="D292" s="16"/>
      <c r="E292" s="16"/>
      <c r="F292" s="16"/>
      <c r="G292" s="16"/>
      <c r="H292" s="16"/>
      <c r="I292" s="16"/>
    </row>
    <row r="293" spans="2:9" s="4" customFormat="1" x14ac:dyDescent="0.2">
      <c r="B293" s="16"/>
      <c r="C293" s="16"/>
      <c r="D293" s="16"/>
      <c r="E293" s="16"/>
      <c r="F293" s="16"/>
      <c r="G293" s="16"/>
      <c r="H293" s="16"/>
      <c r="I293" s="16"/>
    </row>
    <row r="294" spans="2:9" s="4" customFormat="1" x14ac:dyDescent="0.2">
      <c r="B294" s="16"/>
      <c r="C294" s="16"/>
      <c r="D294" s="16"/>
      <c r="E294" s="16"/>
      <c r="F294" s="16"/>
      <c r="G294" s="16"/>
      <c r="H294" s="16"/>
      <c r="I294" s="16"/>
    </row>
    <row r="295" spans="2:9" s="4" customFormat="1" x14ac:dyDescent="0.2">
      <c r="B295" s="16"/>
      <c r="C295" s="16"/>
      <c r="D295" s="16"/>
      <c r="E295" s="16"/>
      <c r="F295" s="16"/>
      <c r="G295" s="16"/>
      <c r="H295" s="16"/>
      <c r="I295" s="16"/>
    </row>
    <row r="296" spans="2:9" s="4" customFormat="1" x14ac:dyDescent="0.2">
      <c r="B296" s="16"/>
      <c r="C296" s="16"/>
      <c r="D296" s="16"/>
      <c r="E296" s="16"/>
      <c r="F296" s="16"/>
      <c r="G296" s="16"/>
      <c r="H296" s="16"/>
      <c r="I296" s="16"/>
    </row>
    <row r="297" spans="2:9" s="4" customFormat="1" x14ac:dyDescent="0.2">
      <c r="B297" s="16"/>
      <c r="C297" s="16"/>
      <c r="D297" s="16"/>
      <c r="E297" s="16"/>
      <c r="F297" s="16"/>
      <c r="G297" s="16"/>
      <c r="H297" s="16"/>
      <c r="I297" s="16"/>
    </row>
    <row r="298" spans="2:9" s="4" customFormat="1" x14ac:dyDescent="0.2">
      <c r="B298" s="16"/>
      <c r="C298" s="16"/>
      <c r="D298" s="16"/>
      <c r="E298" s="16"/>
      <c r="F298" s="16"/>
      <c r="G298" s="16"/>
      <c r="H298" s="16"/>
      <c r="I298" s="16"/>
    </row>
    <row r="299" spans="2:9" s="4" customFormat="1" x14ac:dyDescent="0.2">
      <c r="B299" s="16"/>
      <c r="C299" s="16"/>
      <c r="D299" s="16"/>
      <c r="E299" s="16"/>
      <c r="F299" s="16"/>
      <c r="G299" s="16"/>
      <c r="H299" s="16"/>
      <c r="I299" s="16"/>
    </row>
    <row r="300" spans="2:9" s="4" customFormat="1" x14ac:dyDescent="0.2">
      <c r="B300" s="16"/>
      <c r="C300" s="16"/>
      <c r="D300" s="16"/>
      <c r="E300" s="16"/>
      <c r="F300" s="16"/>
      <c r="G300" s="16"/>
      <c r="H300" s="16"/>
      <c r="I300" s="16"/>
    </row>
    <row r="301" spans="2:9" s="4" customFormat="1" x14ac:dyDescent="0.2">
      <c r="B301" s="16"/>
      <c r="C301" s="16"/>
      <c r="D301" s="16"/>
      <c r="E301" s="16"/>
      <c r="F301" s="16"/>
      <c r="G301" s="16"/>
      <c r="H301" s="16"/>
      <c r="I301" s="16"/>
    </row>
    <row r="302" spans="2:9" s="4" customFormat="1" x14ac:dyDescent="0.2">
      <c r="B302" s="16"/>
      <c r="C302" s="16"/>
      <c r="D302" s="16"/>
      <c r="E302" s="16"/>
      <c r="F302" s="16"/>
      <c r="G302" s="16"/>
      <c r="H302" s="16"/>
      <c r="I302" s="16"/>
    </row>
    <row r="303" spans="2:9" s="4" customFormat="1" x14ac:dyDescent="0.2">
      <c r="B303" s="16"/>
      <c r="C303" s="16"/>
      <c r="D303" s="16"/>
      <c r="E303" s="16"/>
      <c r="F303" s="16"/>
      <c r="G303" s="16"/>
      <c r="H303" s="16"/>
      <c r="I303" s="16"/>
    </row>
    <row r="304" spans="2:9" s="4" customFormat="1" x14ac:dyDescent="0.2">
      <c r="B304" s="16"/>
      <c r="C304" s="16"/>
      <c r="D304" s="16"/>
      <c r="E304" s="16"/>
      <c r="F304" s="16"/>
      <c r="G304" s="16"/>
      <c r="H304" s="16"/>
      <c r="I304" s="16"/>
    </row>
    <row r="305" spans="2:9" s="4" customFormat="1" x14ac:dyDescent="0.2">
      <c r="B305" s="16"/>
      <c r="C305" s="16"/>
      <c r="D305" s="16"/>
      <c r="E305" s="16"/>
      <c r="F305" s="16"/>
      <c r="G305" s="16"/>
      <c r="H305" s="16"/>
      <c r="I305" s="16"/>
    </row>
    <row r="306" spans="2:9" s="4" customFormat="1" x14ac:dyDescent="0.2">
      <c r="B306" s="16"/>
      <c r="C306" s="16"/>
      <c r="D306" s="16"/>
      <c r="E306" s="16"/>
      <c r="F306" s="16"/>
      <c r="G306" s="16"/>
      <c r="H306" s="16"/>
      <c r="I306" s="16"/>
    </row>
    <row r="307" spans="2:9" s="4" customFormat="1" x14ac:dyDescent="0.2">
      <c r="B307" s="16"/>
      <c r="C307" s="16"/>
      <c r="D307" s="16"/>
      <c r="E307" s="16"/>
      <c r="F307" s="16"/>
      <c r="G307" s="16"/>
      <c r="H307" s="16"/>
      <c r="I307" s="16"/>
    </row>
    <row r="308" spans="2:9" s="4" customFormat="1" x14ac:dyDescent="0.2">
      <c r="B308" s="16"/>
      <c r="C308" s="16"/>
      <c r="D308" s="16"/>
      <c r="E308" s="16"/>
      <c r="F308" s="16"/>
      <c r="G308" s="16"/>
      <c r="H308" s="16"/>
      <c r="I308" s="16"/>
    </row>
    <row r="309" spans="2:9" s="4" customFormat="1" x14ac:dyDescent="0.2">
      <c r="B309" s="16"/>
      <c r="C309" s="16"/>
      <c r="D309" s="16"/>
      <c r="E309" s="16"/>
      <c r="F309" s="16"/>
      <c r="G309" s="16"/>
      <c r="H309" s="16"/>
      <c r="I309" s="16"/>
    </row>
    <row r="310" spans="2:9" s="4" customFormat="1" x14ac:dyDescent="0.2">
      <c r="B310" s="16"/>
      <c r="C310" s="16"/>
      <c r="D310" s="16"/>
      <c r="E310" s="16"/>
      <c r="F310" s="16"/>
      <c r="G310" s="16"/>
      <c r="H310" s="16"/>
      <c r="I310" s="16"/>
    </row>
    <row r="311" spans="2:9" s="4" customFormat="1" x14ac:dyDescent="0.2">
      <c r="B311" s="16"/>
      <c r="C311" s="16"/>
      <c r="D311" s="16"/>
      <c r="E311" s="16"/>
      <c r="F311" s="16"/>
      <c r="G311" s="16"/>
      <c r="H311" s="16"/>
      <c r="I311" s="16"/>
    </row>
    <row r="312" spans="2:9" s="4" customFormat="1" x14ac:dyDescent="0.2">
      <c r="B312" s="16"/>
      <c r="C312" s="16"/>
      <c r="D312" s="16"/>
      <c r="E312" s="16"/>
      <c r="F312" s="16"/>
      <c r="G312" s="16"/>
      <c r="H312" s="16"/>
      <c r="I312" s="16"/>
    </row>
    <row r="313" spans="2:9" s="4" customFormat="1" x14ac:dyDescent="0.2">
      <c r="B313" s="16"/>
      <c r="C313" s="16"/>
      <c r="D313" s="16"/>
      <c r="E313" s="16"/>
      <c r="F313" s="16"/>
      <c r="G313" s="16"/>
      <c r="H313" s="16"/>
      <c r="I313" s="16"/>
    </row>
    <row r="314" spans="2:9" s="4" customFormat="1" x14ac:dyDescent="0.2">
      <c r="B314" s="16"/>
      <c r="C314" s="16"/>
      <c r="D314" s="16"/>
      <c r="E314" s="16"/>
      <c r="F314" s="16"/>
      <c r="G314" s="16"/>
      <c r="H314" s="16"/>
      <c r="I314" s="16"/>
    </row>
    <row r="315" spans="2:9" s="4" customFormat="1" x14ac:dyDescent="0.2">
      <c r="B315" s="16"/>
      <c r="C315" s="16"/>
      <c r="D315" s="16"/>
      <c r="E315" s="16"/>
      <c r="F315" s="16"/>
      <c r="G315" s="16"/>
      <c r="H315" s="16"/>
      <c r="I315" s="16"/>
    </row>
    <row r="316" spans="2:9" s="4" customFormat="1" x14ac:dyDescent="0.2">
      <c r="B316" s="16"/>
      <c r="C316" s="16"/>
      <c r="D316" s="16"/>
      <c r="E316" s="16"/>
      <c r="F316" s="16"/>
      <c r="G316" s="16"/>
      <c r="H316" s="16"/>
      <c r="I316" s="16"/>
    </row>
    <row r="317" spans="2:9" s="4" customFormat="1" x14ac:dyDescent="0.2">
      <c r="B317" s="16"/>
      <c r="C317" s="16"/>
      <c r="D317" s="16"/>
      <c r="E317" s="16"/>
      <c r="F317" s="16"/>
      <c r="G317" s="16"/>
      <c r="H317" s="16"/>
      <c r="I317" s="16"/>
    </row>
    <row r="318" spans="2:9" s="4" customFormat="1" x14ac:dyDescent="0.2">
      <c r="B318" s="16"/>
      <c r="C318" s="16"/>
      <c r="D318" s="16"/>
      <c r="E318" s="16"/>
      <c r="F318" s="16"/>
      <c r="G318" s="16"/>
      <c r="H318" s="16"/>
      <c r="I318" s="16"/>
    </row>
    <row r="319" spans="2:9" s="4" customFormat="1" x14ac:dyDescent="0.2">
      <c r="B319" s="16"/>
      <c r="C319" s="16"/>
      <c r="D319" s="16"/>
      <c r="E319" s="16"/>
      <c r="F319" s="16"/>
      <c r="G319" s="16"/>
      <c r="H319" s="16"/>
      <c r="I319" s="16"/>
    </row>
    <row r="320" spans="2:9" s="4" customFormat="1" x14ac:dyDescent="0.2">
      <c r="B320" s="16"/>
      <c r="C320" s="16"/>
      <c r="D320" s="16"/>
      <c r="E320" s="16"/>
      <c r="F320" s="16"/>
      <c r="G320" s="16"/>
      <c r="H320" s="16"/>
      <c r="I320" s="16"/>
    </row>
    <row r="321" spans="2:9" s="4" customFormat="1" x14ac:dyDescent="0.2">
      <c r="B321" s="16"/>
      <c r="C321" s="16"/>
      <c r="D321" s="16"/>
      <c r="E321" s="16"/>
      <c r="F321" s="16"/>
      <c r="G321" s="16"/>
      <c r="H321" s="16"/>
      <c r="I321" s="16"/>
    </row>
    <row r="322" spans="2:9" s="4" customFormat="1" x14ac:dyDescent="0.2">
      <c r="B322" s="16"/>
      <c r="C322" s="16"/>
      <c r="D322" s="16"/>
      <c r="E322" s="16"/>
      <c r="F322" s="16"/>
      <c r="G322" s="16"/>
      <c r="H322" s="16"/>
      <c r="I322" s="16"/>
    </row>
    <row r="323" spans="2:9" s="4" customFormat="1" x14ac:dyDescent="0.2">
      <c r="B323" s="16"/>
      <c r="C323" s="16"/>
      <c r="D323" s="16"/>
      <c r="E323" s="16"/>
      <c r="F323" s="16"/>
      <c r="G323" s="16"/>
      <c r="H323" s="16"/>
      <c r="I323" s="16"/>
    </row>
    <row r="324" spans="2:9" s="4" customFormat="1" x14ac:dyDescent="0.2">
      <c r="B324" s="16"/>
      <c r="C324" s="16"/>
      <c r="D324" s="16"/>
      <c r="E324" s="16"/>
      <c r="F324" s="16"/>
      <c r="G324" s="16"/>
      <c r="H324" s="16"/>
      <c r="I324" s="16"/>
    </row>
    <row r="325" spans="2:9" s="4" customFormat="1" x14ac:dyDescent="0.2">
      <c r="B325" s="16"/>
      <c r="C325" s="16"/>
      <c r="D325" s="16"/>
      <c r="E325" s="16"/>
      <c r="F325" s="16"/>
      <c r="G325" s="16"/>
      <c r="H325" s="16"/>
      <c r="I325" s="16"/>
    </row>
    <row r="326" spans="2:9" s="4" customFormat="1" x14ac:dyDescent="0.2">
      <c r="B326" s="16"/>
      <c r="C326" s="16"/>
      <c r="D326" s="16"/>
      <c r="E326" s="16"/>
      <c r="F326" s="16"/>
      <c r="G326" s="16"/>
      <c r="H326" s="16"/>
      <c r="I326" s="16"/>
    </row>
    <row r="327" spans="2:9" s="4" customFormat="1" x14ac:dyDescent="0.2">
      <c r="B327" s="16"/>
      <c r="C327" s="16"/>
      <c r="D327" s="16"/>
      <c r="E327" s="16"/>
      <c r="F327" s="16"/>
      <c r="G327" s="16"/>
      <c r="H327" s="16"/>
      <c r="I327" s="16"/>
    </row>
    <row r="328" spans="2:9" s="4" customFormat="1" x14ac:dyDescent="0.2">
      <c r="B328" s="16"/>
      <c r="C328" s="16"/>
      <c r="D328" s="16"/>
      <c r="E328" s="16"/>
      <c r="F328" s="16"/>
      <c r="G328" s="16"/>
      <c r="H328" s="16"/>
      <c r="I328" s="16"/>
    </row>
    <row r="329" spans="2:9" s="4" customFormat="1" x14ac:dyDescent="0.2">
      <c r="B329" s="16"/>
      <c r="C329" s="16"/>
      <c r="D329" s="16"/>
      <c r="E329" s="16"/>
      <c r="F329" s="16"/>
      <c r="G329" s="16"/>
      <c r="H329" s="16"/>
      <c r="I329" s="16"/>
    </row>
    <row r="330" spans="2:9" s="4" customFormat="1" x14ac:dyDescent="0.2">
      <c r="B330" s="16"/>
      <c r="C330" s="16"/>
      <c r="D330" s="16"/>
      <c r="E330" s="16"/>
      <c r="F330" s="16"/>
      <c r="G330" s="16"/>
      <c r="H330" s="16"/>
      <c r="I330" s="16"/>
    </row>
    <row r="331" spans="2:9" s="4" customFormat="1" x14ac:dyDescent="0.2">
      <c r="B331" s="16"/>
      <c r="C331" s="16"/>
      <c r="D331" s="16"/>
      <c r="E331" s="16"/>
      <c r="F331" s="16"/>
      <c r="G331" s="16"/>
      <c r="H331" s="16"/>
      <c r="I331" s="16"/>
    </row>
    <row r="332" spans="2:9" s="4" customFormat="1" x14ac:dyDescent="0.2">
      <c r="B332" s="16"/>
      <c r="C332" s="16"/>
      <c r="D332" s="16"/>
      <c r="E332" s="16"/>
      <c r="F332" s="16"/>
      <c r="G332" s="16"/>
      <c r="H332" s="16"/>
      <c r="I332" s="16"/>
    </row>
    <row r="333" spans="2:9" s="4" customFormat="1" x14ac:dyDescent="0.2">
      <c r="B333" s="16"/>
      <c r="C333" s="16"/>
      <c r="D333" s="16"/>
      <c r="E333" s="16"/>
      <c r="F333" s="16"/>
      <c r="G333" s="16"/>
      <c r="H333" s="16"/>
      <c r="I333" s="16"/>
    </row>
    <row r="334" spans="2:9" s="4" customFormat="1" x14ac:dyDescent="0.2">
      <c r="B334" s="16"/>
      <c r="C334" s="16"/>
      <c r="D334" s="16"/>
      <c r="E334" s="16"/>
      <c r="F334" s="16"/>
      <c r="G334" s="16"/>
      <c r="H334" s="16"/>
      <c r="I334" s="16"/>
    </row>
    <row r="335" spans="2:9" s="4" customFormat="1" x14ac:dyDescent="0.2">
      <c r="B335" s="16"/>
      <c r="C335" s="16"/>
      <c r="D335" s="16"/>
      <c r="E335" s="16"/>
      <c r="F335" s="16"/>
      <c r="G335" s="16"/>
      <c r="H335" s="16"/>
      <c r="I335" s="16"/>
    </row>
    <row r="336" spans="2:9" s="4" customFormat="1" x14ac:dyDescent="0.2">
      <c r="B336" s="16"/>
      <c r="C336" s="16"/>
      <c r="D336" s="16"/>
      <c r="E336" s="16"/>
      <c r="F336" s="16"/>
      <c r="G336" s="16"/>
      <c r="H336" s="16"/>
      <c r="I336" s="16"/>
    </row>
    <row r="337" spans="2:9" s="4" customFormat="1" x14ac:dyDescent="0.2">
      <c r="B337" s="16"/>
      <c r="C337" s="16"/>
      <c r="D337" s="16"/>
      <c r="E337" s="16"/>
      <c r="F337" s="16"/>
      <c r="G337" s="16"/>
      <c r="H337" s="16"/>
      <c r="I337" s="16"/>
    </row>
    <row r="338" spans="2:9" s="4" customFormat="1" x14ac:dyDescent="0.2">
      <c r="B338" s="16"/>
      <c r="C338" s="16"/>
      <c r="D338" s="16"/>
      <c r="E338" s="16"/>
      <c r="F338" s="16"/>
      <c r="G338" s="16"/>
      <c r="H338" s="16"/>
      <c r="I338" s="16"/>
    </row>
    <row r="339" spans="2:9" s="4" customFormat="1" x14ac:dyDescent="0.2">
      <c r="B339" s="16"/>
      <c r="C339" s="16"/>
      <c r="D339" s="16"/>
      <c r="E339" s="16"/>
      <c r="F339" s="16"/>
      <c r="G339" s="16"/>
      <c r="H339" s="16"/>
      <c r="I339" s="16"/>
    </row>
    <row r="340" spans="2:9" s="4" customFormat="1" x14ac:dyDescent="0.2">
      <c r="B340" s="16"/>
      <c r="C340" s="16"/>
      <c r="D340" s="16"/>
      <c r="E340" s="16"/>
      <c r="F340" s="16"/>
      <c r="G340" s="16"/>
      <c r="H340" s="16"/>
      <c r="I340" s="16"/>
    </row>
    <row r="341" spans="2:9" s="4" customFormat="1" x14ac:dyDescent="0.2">
      <c r="B341" s="16"/>
      <c r="C341" s="16"/>
      <c r="D341" s="16"/>
      <c r="E341" s="16"/>
      <c r="F341" s="16"/>
      <c r="G341" s="16"/>
      <c r="H341" s="16"/>
      <c r="I341" s="16"/>
    </row>
    <row r="342" spans="2:9" s="4" customFormat="1" x14ac:dyDescent="0.2">
      <c r="B342" s="16"/>
      <c r="C342" s="16"/>
      <c r="D342" s="16"/>
      <c r="E342" s="16"/>
      <c r="F342" s="16"/>
      <c r="G342" s="16"/>
      <c r="H342" s="16"/>
      <c r="I342" s="16"/>
    </row>
    <row r="343" spans="2:9" s="4" customFormat="1" x14ac:dyDescent="0.2">
      <c r="B343" s="16"/>
      <c r="C343" s="16"/>
      <c r="D343" s="16"/>
      <c r="E343" s="16"/>
      <c r="F343" s="16"/>
      <c r="G343" s="16"/>
      <c r="H343" s="16"/>
      <c r="I343" s="16"/>
    </row>
    <row r="344" spans="2:9" s="4" customFormat="1" x14ac:dyDescent="0.2">
      <c r="B344" s="16"/>
      <c r="C344" s="16"/>
      <c r="D344" s="16"/>
      <c r="E344" s="16"/>
      <c r="F344" s="16"/>
      <c r="G344" s="16"/>
      <c r="H344" s="16"/>
      <c r="I344" s="16"/>
    </row>
    <row r="345" spans="2:9" s="4" customFormat="1" x14ac:dyDescent="0.2">
      <c r="B345" s="16"/>
      <c r="C345" s="16"/>
      <c r="D345" s="16"/>
      <c r="E345" s="16"/>
      <c r="F345" s="16"/>
      <c r="G345" s="16"/>
      <c r="H345" s="16"/>
      <c r="I345" s="16"/>
    </row>
    <row r="346" spans="2:9" s="4" customFormat="1" x14ac:dyDescent="0.2">
      <c r="B346" s="16"/>
      <c r="C346" s="16"/>
      <c r="D346" s="16"/>
      <c r="E346" s="16"/>
      <c r="F346" s="16"/>
      <c r="G346" s="16"/>
      <c r="H346" s="16"/>
      <c r="I346" s="16"/>
    </row>
    <row r="347" spans="2:9" s="4" customFormat="1" x14ac:dyDescent="0.2">
      <c r="B347" s="16"/>
      <c r="C347" s="16"/>
      <c r="D347" s="16"/>
      <c r="E347" s="16"/>
      <c r="F347" s="16"/>
      <c r="G347" s="16"/>
      <c r="H347" s="16"/>
      <c r="I347" s="16"/>
    </row>
    <row r="348" spans="2:9" s="4" customFormat="1" x14ac:dyDescent="0.2">
      <c r="B348" s="16"/>
      <c r="C348" s="16"/>
      <c r="D348" s="16"/>
      <c r="E348" s="16"/>
      <c r="F348" s="16"/>
      <c r="G348" s="16"/>
      <c r="H348" s="16"/>
      <c r="I348" s="16"/>
    </row>
    <row r="349" spans="2:9" s="4" customFormat="1" x14ac:dyDescent="0.2">
      <c r="B349" s="16"/>
      <c r="C349" s="16"/>
      <c r="D349" s="16"/>
      <c r="E349" s="16"/>
      <c r="F349" s="16"/>
      <c r="G349" s="16"/>
      <c r="H349" s="16"/>
      <c r="I349" s="16"/>
    </row>
    <row r="350" spans="2:9" s="4" customFormat="1" x14ac:dyDescent="0.2">
      <c r="B350" s="16"/>
      <c r="C350" s="16"/>
      <c r="D350" s="16"/>
      <c r="E350" s="16"/>
      <c r="F350" s="16"/>
      <c r="G350" s="16"/>
      <c r="H350" s="16"/>
      <c r="I350" s="16"/>
    </row>
    <row r="351" spans="2:9" s="4" customFormat="1" x14ac:dyDescent="0.2">
      <c r="B351" s="16"/>
      <c r="C351" s="16"/>
      <c r="D351" s="16"/>
      <c r="E351" s="16"/>
      <c r="F351" s="16"/>
      <c r="G351" s="16"/>
      <c r="H351" s="16"/>
      <c r="I351" s="16"/>
    </row>
    <row r="352" spans="2:9" s="4" customFormat="1" x14ac:dyDescent="0.2">
      <c r="B352" s="16"/>
      <c r="C352" s="16"/>
      <c r="D352" s="16"/>
      <c r="E352" s="16"/>
      <c r="F352" s="16"/>
      <c r="G352" s="16"/>
      <c r="H352" s="16"/>
      <c r="I352" s="16"/>
    </row>
    <row r="353" spans="2:9" s="4" customFormat="1" x14ac:dyDescent="0.2">
      <c r="B353" s="16"/>
      <c r="C353" s="16"/>
      <c r="D353" s="16"/>
      <c r="E353" s="16"/>
      <c r="F353" s="16"/>
      <c r="G353" s="16"/>
      <c r="H353" s="16"/>
      <c r="I353" s="16"/>
    </row>
    <row r="354" spans="2:9" s="4" customFormat="1" x14ac:dyDescent="0.2">
      <c r="B354" s="16"/>
      <c r="C354" s="16"/>
      <c r="D354" s="16"/>
      <c r="E354" s="16"/>
      <c r="F354" s="16"/>
      <c r="G354" s="16"/>
      <c r="H354" s="16"/>
      <c r="I354" s="16"/>
    </row>
    <row r="355" spans="2:9" s="4" customFormat="1" x14ac:dyDescent="0.2">
      <c r="B355" s="16"/>
      <c r="C355" s="16"/>
      <c r="D355" s="16"/>
      <c r="E355" s="16"/>
      <c r="F355" s="16"/>
      <c r="G355" s="16"/>
      <c r="H355" s="16"/>
      <c r="I355" s="16"/>
    </row>
    <row r="356" spans="2:9" s="4" customFormat="1" x14ac:dyDescent="0.2">
      <c r="B356" s="16"/>
      <c r="C356" s="16"/>
      <c r="D356" s="16"/>
      <c r="E356" s="16"/>
      <c r="F356" s="16"/>
      <c r="G356" s="16"/>
      <c r="H356" s="16"/>
      <c r="I356" s="16"/>
    </row>
    <row r="357" spans="2:9" s="4" customFormat="1" x14ac:dyDescent="0.2">
      <c r="B357" s="16"/>
      <c r="C357" s="16"/>
      <c r="D357" s="16"/>
      <c r="E357" s="16"/>
      <c r="F357" s="16"/>
      <c r="G357" s="16"/>
      <c r="H357" s="16"/>
      <c r="I357" s="16"/>
    </row>
    <row r="358" spans="2:9" s="4" customFormat="1" x14ac:dyDescent="0.2">
      <c r="B358" s="16"/>
      <c r="C358" s="16"/>
      <c r="D358" s="16"/>
      <c r="E358" s="16"/>
      <c r="F358" s="16"/>
      <c r="G358" s="16"/>
      <c r="H358" s="16"/>
      <c r="I358" s="16"/>
    </row>
    <row r="359" spans="2:9" s="4" customFormat="1" x14ac:dyDescent="0.2">
      <c r="B359" s="16"/>
      <c r="C359" s="16"/>
      <c r="D359" s="16"/>
      <c r="E359" s="16"/>
      <c r="F359" s="16"/>
      <c r="G359" s="16"/>
      <c r="H359" s="16"/>
      <c r="I359" s="16"/>
    </row>
    <row r="360" spans="2:9" s="4" customFormat="1" x14ac:dyDescent="0.2">
      <c r="B360" s="16"/>
      <c r="C360" s="16"/>
      <c r="D360" s="16"/>
      <c r="E360" s="16"/>
      <c r="F360" s="16"/>
      <c r="G360" s="16"/>
      <c r="H360" s="16"/>
      <c r="I360" s="16"/>
    </row>
    <row r="361" spans="2:9" s="4" customFormat="1" x14ac:dyDescent="0.2">
      <c r="B361" s="16"/>
      <c r="C361" s="16"/>
      <c r="D361" s="16"/>
      <c r="E361" s="16"/>
      <c r="F361" s="16"/>
      <c r="G361" s="16"/>
      <c r="H361" s="16"/>
      <c r="I361" s="16"/>
    </row>
    <row r="362" spans="2:9" s="4" customFormat="1" x14ac:dyDescent="0.2">
      <c r="B362" s="16"/>
      <c r="C362" s="16"/>
      <c r="D362" s="16"/>
      <c r="E362" s="16"/>
      <c r="F362" s="16"/>
      <c r="G362" s="16"/>
      <c r="H362" s="16"/>
      <c r="I362" s="16"/>
    </row>
    <row r="363" spans="2:9" s="4" customFormat="1" x14ac:dyDescent="0.2">
      <c r="B363" s="16"/>
      <c r="C363" s="16"/>
      <c r="D363" s="16"/>
      <c r="E363" s="16"/>
      <c r="F363" s="16"/>
      <c r="G363" s="16"/>
      <c r="H363" s="16"/>
      <c r="I363" s="16"/>
    </row>
    <row r="364" spans="2:9" s="4" customFormat="1" x14ac:dyDescent="0.2">
      <c r="B364" s="16"/>
      <c r="C364" s="16"/>
      <c r="D364" s="16"/>
      <c r="E364" s="16"/>
      <c r="F364" s="16"/>
      <c r="G364" s="16"/>
      <c r="H364" s="16"/>
      <c r="I364" s="16"/>
    </row>
    <row r="365" spans="2:9" s="4" customFormat="1" x14ac:dyDescent="0.2">
      <c r="B365" s="16"/>
      <c r="C365" s="16"/>
      <c r="D365" s="16"/>
      <c r="E365" s="16"/>
      <c r="F365" s="16"/>
      <c r="G365" s="16"/>
      <c r="H365" s="16"/>
      <c r="I365" s="16"/>
    </row>
    <row r="366" spans="2:9" s="4" customFormat="1" x14ac:dyDescent="0.2">
      <c r="B366" s="16"/>
      <c r="C366" s="16"/>
      <c r="D366" s="16"/>
      <c r="E366" s="16"/>
      <c r="F366" s="16"/>
      <c r="G366" s="16"/>
      <c r="H366" s="16"/>
      <c r="I366" s="16"/>
    </row>
    <row r="367" spans="2:9" s="4" customFormat="1" x14ac:dyDescent="0.2">
      <c r="B367" s="16"/>
      <c r="C367" s="16"/>
      <c r="D367" s="16"/>
      <c r="E367" s="16"/>
      <c r="F367" s="16"/>
      <c r="G367" s="16"/>
      <c r="H367" s="16"/>
      <c r="I367" s="16"/>
    </row>
    <row r="368" spans="2:9" s="4" customFormat="1" x14ac:dyDescent="0.2">
      <c r="B368" s="16"/>
      <c r="C368" s="16"/>
      <c r="D368" s="16"/>
      <c r="E368" s="16"/>
      <c r="F368" s="16"/>
      <c r="G368" s="16"/>
      <c r="H368" s="16"/>
      <c r="I368" s="16"/>
    </row>
    <row r="369" spans="2:9" s="4" customFormat="1" x14ac:dyDescent="0.2">
      <c r="B369" s="16"/>
      <c r="C369" s="16"/>
      <c r="D369" s="16"/>
      <c r="E369" s="16"/>
      <c r="F369" s="16"/>
      <c r="G369" s="16"/>
      <c r="H369" s="16"/>
      <c r="I369" s="16"/>
    </row>
    <row r="370" spans="2:9" s="4" customFormat="1" x14ac:dyDescent="0.2">
      <c r="B370" s="16"/>
      <c r="C370" s="16"/>
      <c r="D370" s="16"/>
      <c r="E370" s="16"/>
      <c r="F370" s="16"/>
      <c r="G370" s="16"/>
      <c r="H370" s="16"/>
      <c r="I370" s="16"/>
    </row>
    <row r="371" spans="2:9" s="4" customFormat="1" x14ac:dyDescent="0.2">
      <c r="B371" s="16"/>
      <c r="C371" s="16"/>
      <c r="D371" s="16"/>
      <c r="E371" s="16"/>
      <c r="F371" s="16"/>
      <c r="G371" s="16"/>
      <c r="H371" s="16"/>
      <c r="I371" s="16"/>
    </row>
    <row r="372" spans="2:9" s="4" customFormat="1" x14ac:dyDescent="0.2">
      <c r="B372" s="16"/>
      <c r="C372" s="16"/>
      <c r="D372" s="16"/>
      <c r="E372" s="16"/>
      <c r="F372" s="16"/>
      <c r="G372" s="16"/>
      <c r="H372" s="16"/>
      <c r="I372" s="16"/>
    </row>
    <row r="373" spans="2:9" s="4" customFormat="1" x14ac:dyDescent="0.2">
      <c r="B373" s="16"/>
      <c r="C373" s="16"/>
      <c r="D373" s="16"/>
      <c r="E373" s="16"/>
      <c r="F373" s="16"/>
      <c r="G373" s="16"/>
      <c r="H373" s="16"/>
      <c r="I373" s="16"/>
    </row>
    <row r="374" spans="2:9" s="4" customFormat="1" x14ac:dyDescent="0.2">
      <c r="B374" s="16"/>
      <c r="C374" s="16"/>
      <c r="D374" s="16"/>
      <c r="E374" s="16"/>
      <c r="F374" s="16"/>
      <c r="G374" s="16"/>
      <c r="H374" s="16"/>
      <c r="I374" s="16"/>
    </row>
    <row r="375" spans="2:9" s="4" customFormat="1" x14ac:dyDescent="0.2">
      <c r="B375" s="16"/>
      <c r="C375" s="16"/>
      <c r="D375" s="16"/>
      <c r="E375" s="16"/>
      <c r="F375" s="16"/>
      <c r="G375" s="16"/>
      <c r="H375" s="16"/>
      <c r="I375" s="16"/>
    </row>
    <row r="376" spans="2:9" s="4" customFormat="1" x14ac:dyDescent="0.2">
      <c r="B376" s="16"/>
      <c r="C376" s="16"/>
      <c r="D376" s="16"/>
      <c r="E376" s="16"/>
      <c r="F376" s="16"/>
      <c r="G376" s="16"/>
      <c r="H376" s="16"/>
      <c r="I376" s="16"/>
    </row>
    <row r="377" spans="2:9" s="4" customFormat="1" x14ac:dyDescent="0.2">
      <c r="B377" s="16"/>
      <c r="C377" s="16"/>
      <c r="D377" s="16"/>
      <c r="E377" s="16"/>
      <c r="F377" s="16"/>
      <c r="G377" s="16"/>
      <c r="H377" s="16"/>
      <c r="I377" s="16"/>
    </row>
    <row r="378" spans="2:9" s="4" customFormat="1" x14ac:dyDescent="0.2">
      <c r="B378" s="16"/>
      <c r="C378" s="16"/>
      <c r="D378" s="16"/>
      <c r="E378" s="16"/>
      <c r="F378" s="16"/>
      <c r="G378" s="16"/>
      <c r="H378" s="16"/>
      <c r="I378" s="16"/>
    </row>
    <row r="379" spans="2:9" s="4" customFormat="1" x14ac:dyDescent="0.2">
      <c r="B379" s="16"/>
      <c r="C379" s="16"/>
      <c r="D379" s="16"/>
      <c r="E379" s="16"/>
      <c r="F379" s="16"/>
      <c r="G379" s="16"/>
      <c r="H379" s="16"/>
      <c r="I379" s="16"/>
    </row>
    <row r="380" spans="2:9" s="4" customFormat="1" x14ac:dyDescent="0.2">
      <c r="B380" s="16"/>
      <c r="C380" s="16"/>
      <c r="D380" s="16"/>
      <c r="E380" s="16"/>
      <c r="F380" s="16"/>
      <c r="G380" s="16"/>
      <c r="H380" s="16"/>
      <c r="I380" s="16"/>
    </row>
    <row r="381" spans="2:9" s="4" customFormat="1" x14ac:dyDescent="0.2">
      <c r="B381" s="16"/>
      <c r="C381" s="16"/>
      <c r="D381" s="16"/>
      <c r="E381" s="16"/>
      <c r="F381" s="16"/>
      <c r="G381" s="16"/>
      <c r="H381" s="16"/>
      <c r="I381" s="16"/>
    </row>
    <row r="382" spans="2:9" s="4" customFormat="1" x14ac:dyDescent="0.2">
      <c r="B382" s="16"/>
      <c r="C382" s="16"/>
      <c r="D382" s="16"/>
      <c r="E382" s="16"/>
      <c r="F382" s="16"/>
      <c r="G382" s="16"/>
      <c r="H382" s="16"/>
      <c r="I382" s="16"/>
    </row>
    <row r="383" spans="2:9" s="4" customFormat="1" x14ac:dyDescent="0.2">
      <c r="B383" s="16"/>
      <c r="C383" s="16"/>
      <c r="D383" s="16"/>
      <c r="E383" s="16"/>
      <c r="F383" s="16"/>
      <c r="G383" s="16"/>
      <c r="H383" s="16"/>
      <c r="I383" s="16"/>
    </row>
    <row r="384" spans="2:9" s="4" customFormat="1" x14ac:dyDescent="0.2">
      <c r="B384" s="16"/>
      <c r="C384" s="16"/>
      <c r="D384" s="16"/>
      <c r="E384" s="16"/>
      <c r="F384" s="16"/>
      <c r="G384" s="16"/>
      <c r="H384" s="16"/>
      <c r="I384" s="16"/>
    </row>
    <row r="385" spans="2:9" s="4" customFormat="1" x14ac:dyDescent="0.2">
      <c r="B385" s="16"/>
      <c r="C385" s="16"/>
      <c r="D385" s="16"/>
      <c r="E385" s="16"/>
      <c r="F385" s="16"/>
      <c r="G385" s="16"/>
      <c r="H385" s="16"/>
      <c r="I385" s="16"/>
    </row>
    <row r="386" spans="2:9" s="4" customFormat="1" x14ac:dyDescent="0.2">
      <c r="B386" s="16"/>
      <c r="C386" s="16"/>
      <c r="D386" s="16"/>
      <c r="E386" s="16"/>
      <c r="F386" s="16"/>
      <c r="G386" s="16"/>
      <c r="H386" s="16"/>
      <c r="I386" s="16"/>
    </row>
    <row r="387" spans="2:9" s="4" customFormat="1" x14ac:dyDescent="0.2">
      <c r="B387" s="16"/>
      <c r="C387" s="16"/>
      <c r="D387" s="16"/>
      <c r="E387" s="16"/>
      <c r="F387" s="16"/>
      <c r="G387" s="16"/>
      <c r="H387" s="16"/>
      <c r="I387" s="16"/>
    </row>
    <row r="388" spans="2:9" s="4" customFormat="1" x14ac:dyDescent="0.2">
      <c r="B388" s="16"/>
      <c r="C388" s="16"/>
      <c r="D388" s="16"/>
      <c r="E388" s="16"/>
      <c r="F388" s="16"/>
      <c r="G388" s="16"/>
      <c r="H388" s="16"/>
      <c r="I388" s="16"/>
    </row>
    <row r="389" spans="2:9" s="4" customFormat="1" x14ac:dyDescent="0.2">
      <c r="B389" s="16"/>
      <c r="C389" s="16"/>
      <c r="D389" s="16"/>
      <c r="E389" s="16"/>
      <c r="F389" s="16"/>
      <c r="G389" s="16"/>
      <c r="H389" s="16"/>
      <c r="I389" s="16"/>
    </row>
    <row r="390" spans="2:9" s="4" customFormat="1" x14ac:dyDescent="0.2">
      <c r="B390" s="16"/>
      <c r="C390" s="16"/>
      <c r="D390" s="16"/>
      <c r="E390" s="16"/>
      <c r="F390" s="16"/>
      <c r="G390" s="16"/>
      <c r="H390" s="16"/>
      <c r="I390" s="16"/>
    </row>
    <row r="391" spans="2:9" s="4" customFormat="1" x14ac:dyDescent="0.2">
      <c r="B391" s="16"/>
      <c r="C391" s="16"/>
      <c r="D391" s="16"/>
      <c r="E391" s="16"/>
      <c r="F391" s="16"/>
      <c r="G391" s="16"/>
      <c r="H391" s="16"/>
      <c r="I391" s="16"/>
    </row>
    <row r="392" spans="2:9" s="4" customFormat="1" x14ac:dyDescent="0.2">
      <c r="B392" s="16"/>
      <c r="C392" s="16"/>
      <c r="D392" s="16"/>
      <c r="E392" s="16"/>
      <c r="F392" s="16"/>
      <c r="G392" s="16"/>
      <c r="H392" s="16"/>
      <c r="I392" s="16"/>
    </row>
    <row r="393" spans="2:9" s="4" customFormat="1" x14ac:dyDescent="0.2">
      <c r="B393" s="16"/>
      <c r="C393" s="16"/>
      <c r="D393" s="16"/>
      <c r="E393" s="16"/>
      <c r="F393" s="16"/>
      <c r="G393" s="16"/>
      <c r="H393" s="16"/>
      <c r="I393" s="16"/>
    </row>
    <row r="394" spans="2:9" s="4" customFormat="1" x14ac:dyDescent="0.2">
      <c r="B394" s="16"/>
      <c r="C394" s="16"/>
      <c r="D394" s="16"/>
      <c r="E394" s="16"/>
      <c r="F394" s="16"/>
      <c r="G394" s="16"/>
      <c r="H394" s="16"/>
      <c r="I394" s="16"/>
    </row>
    <row r="395" spans="2:9" s="4" customFormat="1" x14ac:dyDescent="0.2">
      <c r="B395" s="16"/>
      <c r="C395" s="16"/>
      <c r="D395" s="16"/>
      <c r="E395" s="16"/>
      <c r="F395" s="16"/>
      <c r="G395" s="16"/>
      <c r="H395" s="16"/>
      <c r="I395" s="16"/>
    </row>
    <row r="396" spans="2:9" s="4" customFormat="1" x14ac:dyDescent="0.2">
      <c r="B396" s="16"/>
      <c r="C396" s="16"/>
      <c r="D396" s="16"/>
      <c r="E396" s="16"/>
      <c r="F396" s="16"/>
      <c r="G396" s="16"/>
      <c r="H396" s="16"/>
      <c r="I396" s="16"/>
    </row>
    <row r="397" spans="2:9" s="4" customFormat="1" x14ac:dyDescent="0.2">
      <c r="B397" s="16"/>
      <c r="C397" s="16"/>
      <c r="D397" s="16"/>
      <c r="E397" s="16"/>
      <c r="F397" s="16"/>
      <c r="G397" s="16"/>
      <c r="H397" s="16"/>
      <c r="I397" s="16"/>
    </row>
    <row r="398" spans="2:9" s="4" customFormat="1" x14ac:dyDescent="0.2">
      <c r="B398" s="16"/>
      <c r="C398" s="16"/>
      <c r="D398" s="16"/>
      <c r="E398" s="16"/>
      <c r="F398" s="16"/>
      <c r="G398" s="16"/>
      <c r="H398" s="16"/>
      <c r="I398" s="16"/>
    </row>
    <row r="399" spans="2:9" s="4" customFormat="1" x14ac:dyDescent="0.2">
      <c r="B399" s="16"/>
      <c r="C399" s="16"/>
      <c r="D399" s="16"/>
      <c r="E399" s="16"/>
      <c r="F399" s="16"/>
      <c r="G399" s="16"/>
      <c r="H399" s="16"/>
      <c r="I399" s="16"/>
    </row>
    <row r="400" spans="2:9" s="4" customFormat="1" x14ac:dyDescent="0.2">
      <c r="B400" s="16"/>
      <c r="C400" s="16"/>
      <c r="D400" s="16"/>
      <c r="E400" s="16"/>
      <c r="F400" s="16"/>
      <c r="G400" s="16"/>
      <c r="H400" s="16"/>
      <c r="I400" s="16"/>
    </row>
    <row r="401" spans="2:9" s="4" customFormat="1" x14ac:dyDescent="0.2">
      <c r="B401" s="16"/>
      <c r="C401" s="16"/>
      <c r="D401" s="16"/>
      <c r="E401" s="16"/>
      <c r="F401" s="16"/>
      <c r="G401" s="16"/>
      <c r="H401" s="16"/>
      <c r="I401" s="16"/>
    </row>
    <row r="402" spans="2:9" s="4" customFormat="1" x14ac:dyDescent="0.2">
      <c r="B402" s="16"/>
      <c r="C402" s="16"/>
      <c r="D402" s="16"/>
      <c r="E402" s="16"/>
      <c r="F402" s="16"/>
      <c r="G402" s="16"/>
      <c r="H402" s="16"/>
      <c r="I402" s="16"/>
    </row>
    <row r="403" spans="2:9" s="4" customFormat="1" x14ac:dyDescent="0.2">
      <c r="B403" s="16"/>
      <c r="C403" s="16"/>
      <c r="D403" s="16"/>
      <c r="E403" s="16"/>
      <c r="F403" s="16"/>
      <c r="G403" s="16"/>
      <c r="H403" s="16"/>
      <c r="I403" s="16"/>
    </row>
    <row r="404" spans="2:9" s="4" customFormat="1" x14ac:dyDescent="0.2">
      <c r="B404" s="16"/>
      <c r="C404" s="16"/>
      <c r="D404" s="16"/>
      <c r="E404" s="16"/>
      <c r="F404" s="16"/>
      <c r="G404" s="16"/>
      <c r="H404" s="16"/>
      <c r="I404" s="16"/>
    </row>
    <row r="405" spans="2:9" s="4" customFormat="1" x14ac:dyDescent="0.2">
      <c r="B405" s="16"/>
      <c r="C405" s="16"/>
      <c r="D405" s="16"/>
      <c r="E405" s="16"/>
      <c r="F405" s="16"/>
      <c r="G405" s="16"/>
      <c r="H405" s="16"/>
      <c r="I405" s="16"/>
    </row>
    <row r="406" spans="2:9" s="4" customFormat="1" x14ac:dyDescent="0.2">
      <c r="B406" s="16"/>
      <c r="C406" s="16"/>
      <c r="D406" s="16"/>
      <c r="E406" s="16"/>
      <c r="F406" s="16"/>
      <c r="G406" s="16"/>
      <c r="H406" s="16"/>
      <c r="I406" s="16"/>
    </row>
    <row r="407" spans="2:9" s="4" customFormat="1" x14ac:dyDescent="0.2">
      <c r="B407" s="16"/>
      <c r="C407" s="16"/>
      <c r="D407" s="16"/>
      <c r="E407" s="16"/>
      <c r="F407" s="16"/>
      <c r="G407" s="16"/>
      <c r="H407" s="16"/>
      <c r="I407" s="16"/>
    </row>
    <row r="408" spans="2:9" s="4" customFormat="1" x14ac:dyDescent="0.2">
      <c r="B408" s="16"/>
      <c r="C408" s="16"/>
      <c r="D408" s="16"/>
      <c r="E408" s="16"/>
      <c r="F408" s="16"/>
      <c r="G408" s="16"/>
      <c r="H408" s="16"/>
      <c r="I408" s="16"/>
    </row>
    <row r="409" spans="2:9" s="4" customFormat="1" x14ac:dyDescent="0.2">
      <c r="B409" s="16"/>
      <c r="C409" s="16"/>
      <c r="D409" s="16"/>
      <c r="E409" s="16"/>
      <c r="F409" s="16"/>
      <c r="G409" s="16"/>
      <c r="H409" s="16"/>
      <c r="I409" s="16"/>
    </row>
    <row r="410" spans="2:9" s="4" customFormat="1" x14ac:dyDescent="0.2">
      <c r="B410" s="16"/>
      <c r="C410" s="16"/>
      <c r="D410" s="16"/>
      <c r="E410" s="16"/>
      <c r="F410" s="16"/>
      <c r="G410" s="16"/>
      <c r="H410" s="16"/>
      <c r="I410" s="16"/>
    </row>
    <row r="411" spans="2:9" s="4" customFormat="1" x14ac:dyDescent="0.2">
      <c r="B411" s="16"/>
      <c r="C411" s="16"/>
      <c r="D411" s="16"/>
      <c r="E411" s="16"/>
      <c r="F411" s="16"/>
      <c r="G411" s="16"/>
      <c r="H411" s="16"/>
      <c r="I411" s="16"/>
    </row>
    <row r="412" spans="2:9" s="4" customFormat="1" x14ac:dyDescent="0.2">
      <c r="B412" s="16"/>
      <c r="C412" s="16"/>
      <c r="D412" s="16"/>
      <c r="E412" s="16"/>
      <c r="F412" s="16"/>
      <c r="G412" s="16"/>
      <c r="H412" s="16"/>
      <c r="I412" s="16"/>
    </row>
    <row r="413" spans="2:9" s="4" customFormat="1" x14ac:dyDescent="0.2">
      <c r="B413" s="16"/>
      <c r="C413" s="16"/>
      <c r="D413" s="16"/>
      <c r="E413" s="16"/>
      <c r="F413" s="16"/>
      <c r="G413" s="16"/>
      <c r="H413" s="16"/>
      <c r="I413" s="16"/>
    </row>
    <row r="414" spans="2:9" s="4" customFormat="1" x14ac:dyDescent="0.2">
      <c r="B414" s="16"/>
      <c r="C414" s="16"/>
      <c r="D414" s="16"/>
      <c r="E414" s="16"/>
      <c r="F414" s="16"/>
      <c r="G414" s="16"/>
      <c r="H414" s="16"/>
      <c r="I414" s="16"/>
    </row>
    <row r="415" spans="2:9" s="4" customFormat="1" x14ac:dyDescent="0.2">
      <c r="B415" s="16"/>
      <c r="C415" s="16"/>
      <c r="D415" s="16"/>
      <c r="E415" s="16"/>
      <c r="F415" s="16"/>
      <c r="G415" s="16"/>
      <c r="H415" s="16"/>
      <c r="I415" s="16"/>
    </row>
    <row r="416" spans="2:9" s="4" customFormat="1" x14ac:dyDescent="0.2">
      <c r="B416" s="16"/>
      <c r="C416" s="16"/>
      <c r="D416" s="16"/>
      <c r="E416" s="16"/>
      <c r="F416" s="16"/>
      <c r="G416" s="16"/>
      <c r="H416" s="16"/>
      <c r="I416" s="16"/>
    </row>
    <row r="417" spans="2:9" s="4" customFormat="1" x14ac:dyDescent="0.2">
      <c r="B417" s="16"/>
      <c r="C417" s="16"/>
      <c r="D417" s="16"/>
      <c r="E417" s="16"/>
      <c r="F417" s="16"/>
      <c r="G417" s="16"/>
      <c r="H417" s="16"/>
      <c r="I417" s="16"/>
    </row>
    <row r="418" spans="2:9" s="4" customFormat="1" x14ac:dyDescent="0.2">
      <c r="B418" s="16"/>
      <c r="C418" s="16"/>
      <c r="D418" s="16"/>
      <c r="E418" s="16"/>
      <c r="F418" s="16"/>
      <c r="G418" s="16"/>
      <c r="H418" s="16"/>
      <c r="I418" s="16"/>
    </row>
    <row r="419" spans="2:9" s="4" customFormat="1" x14ac:dyDescent="0.2">
      <c r="B419" s="16"/>
      <c r="C419" s="16"/>
      <c r="D419" s="16"/>
      <c r="E419" s="16"/>
      <c r="F419" s="16"/>
      <c r="G419" s="16"/>
      <c r="H419" s="16"/>
      <c r="I419" s="16"/>
    </row>
    <row r="420" spans="2:9" s="4" customFormat="1" x14ac:dyDescent="0.2">
      <c r="B420" s="16"/>
      <c r="C420" s="16"/>
      <c r="D420" s="16"/>
      <c r="E420" s="16"/>
      <c r="F420" s="16"/>
      <c r="G420" s="16"/>
      <c r="H420" s="16"/>
      <c r="I420" s="16"/>
    </row>
    <row r="421" spans="2:9" s="4" customFormat="1" x14ac:dyDescent="0.2">
      <c r="B421" s="16"/>
      <c r="C421" s="16"/>
      <c r="D421" s="16"/>
      <c r="E421" s="16"/>
      <c r="F421" s="16"/>
      <c r="G421" s="16"/>
      <c r="H421" s="16"/>
      <c r="I421" s="16"/>
    </row>
    <row r="422" spans="2:9" s="4" customFormat="1" x14ac:dyDescent="0.2">
      <c r="B422" s="16"/>
      <c r="C422" s="16"/>
      <c r="D422" s="16"/>
      <c r="E422" s="16"/>
      <c r="F422" s="16"/>
      <c r="G422" s="16"/>
      <c r="H422" s="16"/>
      <c r="I422" s="16"/>
    </row>
    <row r="423" spans="2:9" s="4" customFormat="1" x14ac:dyDescent="0.2">
      <c r="B423" s="16"/>
      <c r="C423" s="16"/>
      <c r="D423" s="16"/>
      <c r="E423" s="16"/>
      <c r="F423" s="16"/>
      <c r="G423" s="16"/>
      <c r="H423" s="16"/>
      <c r="I423" s="16"/>
    </row>
    <row r="424" spans="2:9" s="4" customFormat="1" x14ac:dyDescent="0.2">
      <c r="B424" s="16"/>
      <c r="C424" s="16"/>
      <c r="D424" s="16"/>
      <c r="E424" s="16"/>
      <c r="F424" s="16"/>
      <c r="G424" s="16"/>
      <c r="H424" s="16"/>
      <c r="I424" s="16"/>
    </row>
    <row r="425" spans="2:9" s="4" customFormat="1" x14ac:dyDescent="0.2">
      <c r="B425" s="16"/>
      <c r="C425" s="16"/>
      <c r="D425" s="16"/>
      <c r="E425" s="16"/>
      <c r="F425" s="16"/>
      <c r="G425" s="16"/>
      <c r="H425" s="16"/>
      <c r="I425" s="16"/>
    </row>
    <row r="426" spans="2:9" s="4" customFormat="1" x14ac:dyDescent="0.2">
      <c r="B426" s="16"/>
      <c r="C426" s="16"/>
      <c r="D426" s="16"/>
      <c r="E426" s="16"/>
      <c r="F426" s="16"/>
      <c r="G426" s="16"/>
      <c r="H426" s="16"/>
      <c r="I426" s="16"/>
    </row>
    <row r="427" spans="2:9" s="4" customFormat="1" x14ac:dyDescent="0.2">
      <c r="B427" s="16"/>
      <c r="C427" s="16"/>
      <c r="D427" s="16"/>
      <c r="E427" s="16"/>
      <c r="F427" s="16"/>
      <c r="G427" s="16"/>
      <c r="H427" s="16"/>
      <c r="I427" s="16"/>
    </row>
    <row r="428" spans="2:9" s="4" customFormat="1" x14ac:dyDescent="0.2">
      <c r="B428" s="16"/>
      <c r="C428" s="16"/>
      <c r="D428" s="16"/>
      <c r="E428" s="16"/>
      <c r="F428" s="16"/>
      <c r="G428" s="16"/>
      <c r="H428" s="16"/>
      <c r="I428" s="16"/>
    </row>
    <row r="429" spans="2:9" s="4" customFormat="1" x14ac:dyDescent="0.2">
      <c r="B429" s="16"/>
      <c r="C429" s="16"/>
      <c r="D429" s="16"/>
      <c r="E429" s="16"/>
      <c r="F429" s="16"/>
      <c r="G429" s="16"/>
      <c r="H429" s="16"/>
      <c r="I429" s="16"/>
    </row>
    <row r="430" spans="2:9" s="4" customFormat="1" x14ac:dyDescent="0.2">
      <c r="B430" s="16"/>
      <c r="C430" s="16"/>
      <c r="D430" s="16"/>
      <c r="E430" s="16"/>
      <c r="F430" s="16"/>
      <c r="G430" s="16"/>
      <c r="H430" s="16"/>
      <c r="I430" s="16"/>
    </row>
    <row r="431" spans="2:9" s="4" customFormat="1" x14ac:dyDescent="0.2">
      <c r="B431" s="16"/>
      <c r="C431" s="16"/>
      <c r="D431" s="16"/>
      <c r="E431" s="16"/>
      <c r="F431" s="16"/>
      <c r="G431" s="16"/>
      <c r="H431" s="16"/>
      <c r="I431" s="16"/>
    </row>
    <row r="432" spans="2:9" s="4" customFormat="1" x14ac:dyDescent="0.2">
      <c r="B432" s="16"/>
      <c r="C432" s="16"/>
      <c r="D432" s="16"/>
      <c r="E432" s="16"/>
      <c r="F432" s="16"/>
      <c r="G432" s="16"/>
      <c r="H432" s="16"/>
      <c r="I432" s="16"/>
    </row>
    <row r="433" spans="2:9" s="4" customFormat="1" x14ac:dyDescent="0.2">
      <c r="B433" s="16"/>
      <c r="C433" s="16"/>
      <c r="D433" s="16"/>
      <c r="E433" s="16"/>
      <c r="F433" s="16"/>
      <c r="G433" s="16"/>
      <c r="H433" s="16"/>
      <c r="I433" s="16"/>
    </row>
    <row r="434" spans="2:9" s="4" customFormat="1" x14ac:dyDescent="0.2">
      <c r="B434" s="16"/>
      <c r="C434" s="16"/>
      <c r="D434" s="16"/>
      <c r="E434" s="16"/>
      <c r="F434" s="16"/>
      <c r="G434" s="16"/>
      <c r="H434" s="16"/>
      <c r="I434" s="16"/>
    </row>
    <row r="435" spans="2:9" s="4" customFormat="1" x14ac:dyDescent="0.2">
      <c r="B435" s="16"/>
      <c r="C435" s="16"/>
      <c r="D435" s="16"/>
      <c r="E435" s="16"/>
      <c r="F435" s="16"/>
      <c r="G435" s="16"/>
      <c r="H435" s="16"/>
      <c r="I435" s="16"/>
    </row>
    <row r="436" spans="2:9" s="4" customFormat="1" x14ac:dyDescent="0.2">
      <c r="B436" s="16"/>
      <c r="C436" s="16"/>
      <c r="D436" s="16"/>
      <c r="E436" s="16"/>
      <c r="F436" s="16"/>
      <c r="G436" s="16"/>
      <c r="H436" s="16"/>
      <c r="I436" s="16"/>
    </row>
    <row r="437" spans="2:9" s="4" customFormat="1" x14ac:dyDescent="0.2">
      <c r="B437" s="16"/>
      <c r="C437" s="16"/>
      <c r="D437" s="16"/>
      <c r="E437" s="16"/>
      <c r="F437" s="16"/>
      <c r="G437" s="16"/>
      <c r="H437" s="16"/>
      <c r="I437" s="16"/>
    </row>
    <row r="438" spans="2:9" s="4" customFormat="1" x14ac:dyDescent="0.2">
      <c r="B438" s="16"/>
      <c r="C438" s="16"/>
      <c r="D438" s="16"/>
      <c r="E438" s="16"/>
      <c r="F438" s="16"/>
      <c r="G438" s="16"/>
      <c r="H438" s="16"/>
      <c r="I438" s="16"/>
    </row>
    <row r="439" spans="2:9" s="4" customFormat="1" x14ac:dyDescent="0.2">
      <c r="B439" s="16"/>
      <c r="C439" s="16"/>
      <c r="D439" s="16"/>
      <c r="E439" s="16"/>
      <c r="F439" s="16"/>
      <c r="G439" s="16"/>
      <c r="H439" s="16"/>
      <c r="I439" s="16"/>
    </row>
    <row r="440" spans="2:9" s="4" customFormat="1" x14ac:dyDescent="0.2">
      <c r="B440" s="16"/>
      <c r="C440" s="16"/>
      <c r="D440" s="16"/>
      <c r="E440" s="16"/>
      <c r="F440" s="16"/>
      <c r="G440" s="16"/>
      <c r="H440" s="16"/>
      <c r="I440" s="16"/>
    </row>
    <row r="441" spans="2:9" s="4" customFormat="1" x14ac:dyDescent="0.2">
      <c r="B441" s="16"/>
      <c r="C441" s="16"/>
      <c r="D441" s="16"/>
      <c r="E441" s="16"/>
      <c r="F441" s="16"/>
      <c r="G441" s="16"/>
      <c r="H441" s="16"/>
      <c r="I441" s="16"/>
    </row>
    <row r="442" spans="2:9" s="4" customFormat="1" x14ac:dyDescent="0.2">
      <c r="B442" s="16"/>
      <c r="C442" s="16"/>
      <c r="D442" s="16"/>
      <c r="E442" s="16"/>
      <c r="F442" s="16"/>
      <c r="G442" s="16"/>
      <c r="H442" s="16"/>
      <c r="I442" s="16"/>
    </row>
    <row r="443" spans="2:9" s="4" customFormat="1" x14ac:dyDescent="0.2">
      <c r="B443" s="16"/>
      <c r="C443" s="16"/>
      <c r="D443" s="16"/>
      <c r="E443" s="16"/>
      <c r="F443" s="16"/>
      <c r="G443" s="16"/>
      <c r="H443" s="16"/>
      <c r="I443" s="16"/>
    </row>
    <row r="444" spans="2:9" s="4" customFormat="1" x14ac:dyDescent="0.2">
      <c r="B444" s="16"/>
      <c r="C444" s="16"/>
      <c r="D444" s="16"/>
      <c r="E444" s="16"/>
      <c r="F444" s="16"/>
      <c r="G444" s="16"/>
      <c r="H444" s="16"/>
      <c r="I444" s="16"/>
    </row>
    <row r="445" spans="2:9" s="4" customFormat="1" x14ac:dyDescent="0.2">
      <c r="B445" s="16"/>
      <c r="C445" s="16"/>
      <c r="D445" s="16"/>
      <c r="E445" s="16"/>
      <c r="F445" s="16"/>
      <c r="G445" s="16"/>
      <c r="H445" s="16"/>
      <c r="I445" s="16"/>
    </row>
    <row r="446" spans="2:9" s="4" customFormat="1" x14ac:dyDescent="0.2">
      <c r="B446" s="16"/>
      <c r="C446" s="16"/>
      <c r="D446" s="16"/>
      <c r="E446" s="16"/>
      <c r="F446" s="16"/>
      <c r="G446" s="16"/>
      <c r="H446" s="16"/>
      <c r="I446" s="16"/>
    </row>
    <row r="447" spans="2:9" s="4" customFormat="1" x14ac:dyDescent="0.2">
      <c r="B447" s="16"/>
      <c r="C447" s="16"/>
      <c r="D447" s="16"/>
      <c r="E447" s="16"/>
      <c r="F447" s="16"/>
      <c r="G447" s="16"/>
      <c r="H447" s="16"/>
      <c r="I447" s="16"/>
    </row>
    <row r="448" spans="2:9" s="4" customFormat="1" x14ac:dyDescent="0.2">
      <c r="B448" s="16"/>
      <c r="C448" s="16"/>
      <c r="D448" s="16"/>
      <c r="E448" s="16"/>
      <c r="F448" s="16"/>
      <c r="G448" s="16"/>
      <c r="H448" s="16"/>
      <c r="I448" s="16"/>
    </row>
    <row r="449" spans="2:9" s="4" customFormat="1" x14ac:dyDescent="0.2">
      <c r="B449" s="16"/>
      <c r="C449" s="16"/>
      <c r="D449" s="16"/>
      <c r="E449" s="16"/>
      <c r="F449" s="16"/>
      <c r="G449" s="16"/>
      <c r="H449" s="16"/>
      <c r="I449" s="16"/>
    </row>
    <row r="450" spans="2:9" s="4" customFormat="1" x14ac:dyDescent="0.2">
      <c r="B450" s="16"/>
      <c r="C450" s="16"/>
      <c r="D450" s="16"/>
      <c r="E450" s="16"/>
      <c r="F450" s="16"/>
      <c r="G450" s="16"/>
      <c r="H450" s="16"/>
      <c r="I450" s="16"/>
    </row>
    <row r="451" spans="2:9" s="4" customFormat="1" x14ac:dyDescent="0.2">
      <c r="B451" s="16"/>
      <c r="C451" s="16"/>
      <c r="D451" s="16"/>
      <c r="E451" s="16"/>
      <c r="F451" s="16"/>
      <c r="G451" s="16"/>
      <c r="H451" s="16"/>
      <c r="I451" s="16"/>
    </row>
    <row r="452" spans="2:9" s="4" customFormat="1" x14ac:dyDescent="0.2">
      <c r="B452" s="16"/>
      <c r="C452" s="16"/>
      <c r="D452" s="16"/>
      <c r="E452" s="16"/>
      <c r="F452" s="16"/>
      <c r="G452" s="16"/>
      <c r="H452" s="16"/>
      <c r="I452" s="16"/>
    </row>
    <row r="453" spans="2:9" s="4" customFormat="1" x14ac:dyDescent="0.2">
      <c r="B453" s="16"/>
      <c r="C453" s="16"/>
      <c r="D453" s="16"/>
      <c r="E453" s="16"/>
      <c r="F453" s="16"/>
      <c r="G453" s="16"/>
      <c r="H453" s="16"/>
      <c r="I453" s="16"/>
    </row>
    <row r="454" spans="2:9" s="4" customFormat="1" x14ac:dyDescent="0.2">
      <c r="B454" s="16"/>
      <c r="C454" s="16"/>
      <c r="D454" s="16"/>
      <c r="E454" s="16"/>
      <c r="F454" s="16"/>
      <c r="G454" s="16"/>
      <c r="H454" s="16"/>
      <c r="I454" s="16"/>
    </row>
    <row r="455" spans="2:9" s="4" customFormat="1" x14ac:dyDescent="0.2">
      <c r="B455" s="16"/>
      <c r="C455" s="16"/>
      <c r="D455" s="16"/>
      <c r="E455" s="16"/>
      <c r="F455" s="16"/>
      <c r="G455" s="16"/>
      <c r="H455" s="16"/>
      <c r="I455" s="16"/>
    </row>
    <row r="456" spans="2:9" s="4" customFormat="1" x14ac:dyDescent="0.2">
      <c r="B456" s="16"/>
      <c r="C456" s="16"/>
      <c r="D456" s="16"/>
      <c r="E456" s="16"/>
      <c r="F456" s="16"/>
      <c r="G456" s="16"/>
      <c r="H456" s="16"/>
      <c r="I456" s="16"/>
    </row>
    <row r="457" spans="2:9" s="4" customFormat="1" x14ac:dyDescent="0.2">
      <c r="B457" s="16"/>
      <c r="C457" s="16"/>
      <c r="D457" s="16"/>
      <c r="E457" s="16"/>
      <c r="F457" s="16"/>
      <c r="G457" s="16"/>
      <c r="H457" s="16"/>
      <c r="I457" s="16"/>
    </row>
    <row r="458" spans="2:9" s="4" customFormat="1" x14ac:dyDescent="0.2">
      <c r="B458" s="16"/>
      <c r="C458" s="16"/>
      <c r="D458" s="16"/>
      <c r="E458" s="16"/>
      <c r="F458" s="16"/>
      <c r="G458" s="16"/>
      <c r="H458" s="16"/>
      <c r="I458" s="16"/>
    </row>
    <row r="459" spans="2:9" s="4" customFormat="1" x14ac:dyDescent="0.2">
      <c r="B459" s="16"/>
      <c r="C459" s="16"/>
      <c r="D459" s="16"/>
      <c r="E459" s="16"/>
      <c r="F459" s="16"/>
      <c r="G459" s="16"/>
      <c r="H459" s="16"/>
      <c r="I459" s="16"/>
    </row>
    <row r="460" spans="2:9" s="4" customFormat="1" x14ac:dyDescent="0.2">
      <c r="B460" s="16"/>
      <c r="C460" s="16"/>
      <c r="D460" s="16"/>
      <c r="E460" s="16"/>
      <c r="F460" s="16"/>
      <c r="G460" s="16"/>
      <c r="H460" s="16"/>
      <c r="I460" s="16"/>
    </row>
    <row r="461" spans="2:9" s="4" customFormat="1" x14ac:dyDescent="0.2">
      <c r="B461" s="16"/>
      <c r="C461" s="16"/>
      <c r="D461" s="16"/>
      <c r="E461" s="16"/>
      <c r="F461" s="16"/>
      <c r="G461" s="16"/>
      <c r="H461" s="16"/>
      <c r="I461" s="16"/>
    </row>
    <row r="462" spans="2:9" s="4" customFormat="1" x14ac:dyDescent="0.2">
      <c r="B462" s="16"/>
      <c r="C462" s="16"/>
      <c r="D462" s="16"/>
      <c r="E462" s="16"/>
      <c r="F462" s="16"/>
      <c r="G462" s="16"/>
      <c r="H462" s="16"/>
      <c r="I462" s="16"/>
    </row>
    <row r="463" spans="2:9" s="4" customFormat="1" x14ac:dyDescent="0.2">
      <c r="B463" s="16"/>
      <c r="C463" s="16"/>
      <c r="D463" s="16"/>
      <c r="E463" s="16"/>
      <c r="F463" s="16"/>
      <c r="G463" s="16"/>
      <c r="H463" s="16"/>
      <c r="I463" s="16"/>
    </row>
    <row r="464" spans="2:9" s="4" customFormat="1" x14ac:dyDescent="0.2">
      <c r="B464" s="16"/>
      <c r="C464" s="16"/>
      <c r="D464" s="16"/>
      <c r="E464" s="16"/>
      <c r="F464" s="16"/>
      <c r="G464" s="16"/>
      <c r="H464" s="16"/>
      <c r="I464" s="16"/>
    </row>
    <row r="465" spans="2:9" s="4" customFormat="1" x14ac:dyDescent="0.2">
      <c r="B465" s="16"/>
      <c r="C465" s="16"/>
      <c r="D465" s="16"/>
      <c r="E465" s="16"/>
      <c r="F465" s="16"/>
      <c r="G465" s="16"/>
      <c r="H465" s="16"/>
      <c r="I465" s="16"/>
    </row>
    <row r="466" spans="2:9" s="4" customFormat="1" x14ac:dyDescent="0.2">
      <c r="B466" s="16"/>
      <c r="C466" s="16"/>
      <c r="D466" s="16"/>
      <c r="E466" s="16"/>
      <c r="F466" s="16"/>
      <c r="G466" s="16"/>
      <c r="H466" s="16"/>
      <c r="I466" s="16"/>
    </row>
    <row r="467" spans="2:9" s="4" customFormat="1" x14ac:dyDescent="0.2">
      <c r="B467" s="16"/>
      <c r="C467" s="16"/>
      <c r="D467" s="16"/>
      <c r="E467" s="16"/>
      <c r="F467" s="16"/>
      <c r="G467" s="16"/>
      <c r="H467" s="16"/>
      <c r="I467" s="16"/>
    </row>
    <row r="468" spans="2:9" s="4" customFormat="1" x14ac:dyDescent="0.2">
      <c r="B468" s="16"/>
      <c r="C468" s="16"/>
      <c r="D468" s="16"/>
      <c r="E468" s="16"/>
      <c r="F468" s="16"/>
      <c r="G468" s="16"/>
      <c r="H468" s="16"/>
      <c r="I468" s="16"/>
    </row>
    <row r="469" spans="2:9" s="4" customFormat="1" x14ac:dyDescent="0.2">
      <c r="B469" s="16"/>
      <c r="C469" s="16"/>
      <c r="D469" s="16"/>
      <c r="E469" s="16"/>
      <c r="F469" s="16"/>
      <c r="G469" s="16"/>
      <c r="H469" s="16"/>
      <c r="I469" s="16"/>
    </row>
    <row r="470" spans="2:9" s="4" customFormat="1" x14ac:dyDescent="0.2">
      <c r="B470" s="16"/>
      <c r="C470" s="16"/>
      <c r="D470" s="16"/>
      <c r="E470" s="16"/>
      <c r="F470" s="16"/>
      <c r="G470" s="16"/>
      <c r="H470" s="16"/>
      <c r="I470" s="16"/>
    </row>
    <row r="471" spans="2:9" s="4" customFormat="1" x14ac:dyDescent="0.2">
      <c r="B471" s="16"/>
      <c r="C471" s="16"/>
      <c r="D471" s="16"/>
      <c r="E471" s="16"/>
      <c r="F471" s="16"/>
      <c r="G471" s="16"/>
      <c r="H471" s="16"/>
      <c r="I471" s="16"/>
    </row>
    <row r="472" spans="2:9" s="4" customFormat="1" x14ac:dyDescent="0.2">
      <c r="B472" s="16"/>
      <c r="C472" s="16"/>
      <c r="D472" s="16"/>
      <c r="E472" s="16"/>
      <c r="F472" s="16"/>
      <c r="G472" s="16"/>
      <c r="H472" s="16"/>
      <c r="I472" s="16"/>
    </row>
    <row r="473" spans="2:9" s="4" customFormat="1" x14ac:dyDescent="0.2">
      <c r="B473" s="16"/>
      <c r="C473" s="16"/>
      <c r="D473" s="16"/>
      <c r="E473" s="16"/>
      <c r="F473" s="16"/>
      <c r="G473" s="16"/>
      <c r="H473" s="16"/>
      <c r="I473" s="16"/>
    </row>
    <row r="474" spans="2:9" s="4" customFormat="1" x14ac:dyDescent="0.2">
      <c r="B474" s="16"/>
      <c r="C474" s="16"/>
      <c r="D474" s="16"/>
      <c r="E474" s="16"/>
      <c r="F474" s="16"/>
      <c r="G474" s="16"/>
      <c r="H474" s="16"/>
      <c r="I474" s="16"/>
    </row>
    <row r="475" spans="2:9" s="4" customFormat="1" x14ac:dyDescent="0.2">
      <c r="B475" s="16"/>
      <c r="C475" s="16"/>
      <c r="D475" s="16"/>
      <c r="E475" s="16"/>
      <c r="F475" s="16"/>
      <c r="G475" s="16"/>
      <c r="H475" s="16"/>
      <c r="I475" s="16"/>
    </row>
    <row r="476" spans="2:9" s="4" customFormat="1" x14ac:dyDescent="0.2">
      <c r="B476" s="16"/>
      <c r="C476" s="16"/>
      <c r="D476" s="16"/>
      <c r="E476" s="16"/>
      <c r="F476" s="16"/>
      <c r="G476" s="16"/>
      <c r="H476" s="16"/>
      <c r="I476" s="16"/>
    </row>
    <row r="477" spans="2:9" s="4" customFormat="1" x14ac:dyDescent="0.2">
      <c r="B477" s="16"/>
      <c r="C477" s="16"/>
      <c r="D477" s="16"/>
      <c r="E477" s="16"/>
      <c r="F477" s="16"/>
      <c r="G477" s="16"/>
      <c r="H477" s="16"/>
      <c r="I477" s="16"/>
    </row>
    <row r="478" spans="2:9" s="4" customFormat="1" x14ac:dyDescent="0.2">
      <c r="B478" s="16"/>
      <c r="C478" s="16"/>
      <c r="D478" s="16"/>
      <c r="E478" s="16"/>
      <c r="F478" s="16"/>
      <c r="G478" s="16"/>
      <c r="H478" s="16"/>
      <c r="I478" s="16"/>
    </row>
    <row r="479" spans="2:9" s="4" customFormat="1" x14ac:dyDescent="0.2">
      <c r="B479" s="16"/>
      <c r="C479" s="16"/>
      <c r="D479" s="16"/>
      <c r="E479" s="16"/>
      <c r="F479" s="16"/>
      <c r="G479" s="16"/>
      <c r="H479" s="16"/>
      <c r="I479" s="16"/>
    </row>
    <row r="480" spans="2:9" s="4" customFormat="1" x14ac:dyDescent="0.2">
      <c r="B480" s="16"/>
      <c r="C480" s="16"/>
      <c r="D480" s="16"/>
      <c r="E480" s="16"/>
      <c r="F480" s="16"/>
      <c r="G480" s="16"/>
      <c r="H480" s="16"/>
      <c r="I480" s="16"/>
    </row>
    <row r="481" spans="2:9" s="4" customFormat="1" x14ac:dyDescent="0.2">
      <c r="B481" s="16"/>
      <c r="C481" s="16"/>
      <c r="D481" s="16"/>
      <c r="E481" s="16"/>
      <c r="F481" s="16"/>
      <c r="G481" s="16"/>
      <c r="H481" s="16"/>
      <c r="I481" s="16"/>
    </row>
    <row r="482" spans="2:9" s="4" customFormat="1" x14ac:dyDescent="0.2">
      <c r="B482" s="16"/>
      <c r="C482" s="16"/>
      <c r="D482" s="16"/>
      <c r="E482" s="16"/>
      <c r="F482" s="16"/>
      <c r="G482" s="16"/>
      <c r="H482" s="16"/>
      <c r="I482" s="16"/>
    </row>
    <row r="483" spans="2:9" s="4" customFormat="1" x14ac:dyDescent="0.2">
      <c r="B483" s="16"/>
      <c r="C483" s="16"/>
      <c r="D483" s="16"/>
      <c r="E483" s="16"/>
      <c r="F483" s="16"/>
      <c r="G483" s="16"/>
      <c r="H483" s="16"/>
      <c r="I483" s="16"/>
    </row>
    <row r="484" spans="2:9" s="4" customFormat="1" x14ac:dyDescent="0.2">
      <c r="B484" s="16"/>
      <c r="C484" s="16"/>
      <c r="D484" s="16"/>
      <c r="E484" s="16"/>
      <c r="F484" s="16"/>
      <c r="G484" s="16"/>
      <c r="H484" s="16"/>
      <c r="I484" s="16"/>
    </row>
    <row r="485" spans="2:9" s="4" customFormat="1" x14ac:dyDescent="0.2">
      <c r="B485" s="16"/>
      <c r="C485" s="16"/>
      <c r="D485" s="16"/>
      <c r="E485" s="16"/>
      <c r="F485" s="16"/>
      <c r="G485" s="16"/>
      <c r="H485" s="16"/>
      <c r="I485" s="16"/>
    </row>
    <row r="486" spans="2:9" s="4" customFormat="1" x14ac:dyDescent="0.2">
      <c r="B486" s="16"/>
      <c r="C486" s="16"/>
      <c r="D486" s="16"/>
      <c r="E486" s="16"/>
      <c r="F486" s="16"/>
      <c r="G486" s="16"/>
      <c r="H486" s="16"/>
      <c r="I486" s="16"/>
    </row>
    <row r="487" spans="2:9" s="4" customFormat="1" x14ac:dyDescent="0.2">
      <c r="B487" s="16"/>
      <c r="C487" s="16"/>
      <c r="D487" s="16"/>
      <c r="E487" s="16"/>
      <c r="F487" s="16"/>
      <c r="G487" s="16"/>
      <c r="H487" s="16"/>
      <c r="I487" s="16"/>
    </row>
    <row r="488" spans="2:9" s="4" customFormat="1" x14ac:dyDescent="0.2">
      <c r="B488" s="16"/>
      <c r="C488" s="16"/>
      <c r="D488" s="16"/>
      <c r="E488" s="16"/>
      <c r="F488" s="16"/>
      <c r="G488" s="16"/>
      <c r="H488" s="16"/>
      <c r="I488" s="16"/>
    </row>
    <row r="489" spans="2:9" s="4" customFormat="1" x14ac:dyDescent="0.2">
      <c r="B489" s="16"/>
      <c r="C489" s="16"/>
      <c r="D489" s="16"/>
      <c r="E489" s="16"/>
      <c r="F489" s="16"/>
      <c r="G489" s="16"/>
      <c r="H489" s="16"/>
      <c r="I489" s="16"/>
    </row>
    <row r="490" spans="2:9" s="4" customFormat="1" x14ac:dyDescent="0.2">
      <c r="B490" s="16"/>
      <c r="C490" s="16"/>
      <c r="D490" s="16"/>
      <c r="E490" s="16"/>
      <c r="F490" s="16"/>
      <c r="G490" s="16"/>
      <c r="H490" s="16"/>
      <c r="I490" s="16"/>
    </row>
    <row r="491" spans="2:9" s="4" customFormat="1" x14ac:dyDescent="0.2">
      <c r="B491" s="16"/>
      <c r="C491" s="16"/>
      <c r="D491" s="16"/>
      <c r="E491" s="16"/>
      <c r="F491" s="16"/>
      <c r="G491" s="16"/>
      <c r="H491" s="16"/>
      <c r="I491" s="16"/>
    </row>
    <row r="492" spans="2:9" s="4" customFormat="1" x14ac:dyDescent="0.2">
      <c r="B492" s="16"/>
      <c r="C492" s="16"/>
      <c r="D492" s="16"/>
      <c r="E492" s="16"/>
      <c r="F492" s="16"/>
      <c r="G492" s="16"/>
      <c r="H492" s="16"/>
      <c r="I492" s="16"/>
    </row>
    <row r="493" spans="2:9" s="4" customFormat="1" x14ac:dyDescent="0.2">
      <c r="B493" s="16"/>
      <c r="C493" s="16"/>
      <c r="D493" s="16"/>
      <c r="E493" s="16"/>
      <c r="F493" s="16"/>
      <c r="G493" s="16"/>
      <c r="H493" s="16"/>
      <c r="I493" s="16"/>
    </row>
    <row r="494" spans="2:9" s="4" customFormat="1" x14ac:dyDescent="0.2">
      <c r="B494" s="16"/>
      <c r="C494" s="16"/>
      <c r="D494" s="16"/>
      <c r="E494" s="16"/>
      <c r="F494" s="16"/>
      <c r="G494" s="16"/>
      <c r="H494" s="16"/>
      <c r="I494" s="16"/>
    </row>
    <row r="495" spans="2:9" s="4" customFormat="1" x14ac:dyDescent="0.2">
      <c r="B495" s="16"/>
      <c r="C495" s="16"/>
      <c r="D495" s="16"/>
      <c r="E495" s="16"/>
      <c r="F495" s="16"/>
      <c r="G495" s="16"/>
      <c r="H495" s="16"/>
      <c r="I495" s="16"/>
    </row>
    <row r="496" spans="2:9" s="4" customFormat="1" x14ac:dyDescent="0.2">
      <c r="B496" s="16"/>
      <c r="C496" s="16"/>
      <c r="D496" s="16"/>
      <c r="E496" s="16"/>
      <c r="F496" s="16"/>
      <c r="G496" s="16"/>
      <c r="H496" s="16"/>
      <c r="I496" s="16"/>
    </row>
    <row r="497" spans="2:9" s="4" customFormat="1" x14ac:dyDescent="0.2">
      <c r="B497" s="16"/>
      <c r="C497" s="16"/>
      <c r="D497" s="16"/>
      <c r="E497" s="16"/>
      <c r="F497" s="16"/>
      <c r="G497" s="16"/>
      <c r="H497" s="16"/>
      <c r="I497" s="16"/>
    </row>
    <row r="498" spans="2:9" s="4" customFormat="1" x14ac:dyDescent="0.2">
      <c r="B498" s="16"/>
      <c r="C498" s="16"/>
      <c r="D498" s="16"/>
      <c r="E498" s="16"/>
      <c r="F498" s="16"/>
      <c r="G498" s="16"/>
      <c r="H498" s="16"/>
      <c r="I498" s="16"/>
    </row>
    <row r="499" spans="2:9" s="4" customFormat="1" x14ac:dyDescent="0.2">
      <c r="B499" s="16"/>
      <c r="C499" s="16"/>
      <c r="D499" s="16"/>
      <c r="E499" s="16"/>
      <c r="F499" s="16"/>
      <c r="G499" s="16"/>
      <c r="H499" s="16"/>
      <c r="I499" s="16"/>
    </row>
    <row r="500" spans="2:9" s="4" customFormat="1" x14ac:dyDescent="0.2">
      <c r="B500" s="16"/>
      <c r="C500" s="16"/>
      <c r="D500" s="16"/>
      <c r="E500" s="16"/>
      <c r="F500" s="16"/>
      <c r="G500" s="16"/>
      <c r="H500" s="16"/>
      <c r="I500" s="16"/>
    </row>
    <row r="501" spans="2:9" s="4" customFormat="1" x14ac:dyDescent="0.2">
      <c r="B501" s="16"/>
      <c r="C501" s="16"/>
      <c r="D501" s="16"/>
      <c r="E501" s="16"/>
      <c r="F501" s="16"/>
      <c r="G501" s="16"/>
      <c r="H501" s="16"/>
      <c r="I501" s="16"/>
    </row>
    <row r="502" spans="2:9" s="4" customFormat="1" x14ac:dyDescent="0.2">
      <c r="B502" s="16"/>
      <c r="C502" s="16"/>
      <c r="D502" s="16"/>
      <c r="E502" s="16"/>
      <c r="F502" s="16"/>
      <c r="G502" s="16"/>
      <c r="H502" s="16"/>
      <c r="I502" s="16"/>
    </row>
    <row r="503" spans="2:9" s="4" customFormat="1" x14ac:dyDescent="0.2">
      <c r="B503" s="16"/>
      <c r="C503" s="16"/>
      <c r="D503" s="16"/>
      <c r="E503" s="16"/>
      <c r="F503" s="16"/>
      <c r="G503" s="16"/>
      <c r="H503" s="16"/>
      <c r="I503" s="16"/>
    </row>
    <row r="504" spans="2:9" s="4" customFormat="1" x14ac:dyDescent="0.2">
      <c r="B504" s="16"/>
      <c r="C504" s="16"/>
      <c r="D504" s="16"/>
      <c r="E504" s="16"/>
      <c r="F504" s="16"/>
      <c r="G504" s="16"/>
      <c r="H504" s="16"/>
      <c r="I504" s="16"/>
    </row>
    <row r="505" spans="2:9" s="4" customFormat="1" x14ac:dyDescent="0.2">
      <c r="B505" s="16"/>
      <c r="C505" s="16"/>
      <c r="D505" s="16"/>
      <c r="E505" s="16"/>
      <c r="F505" s="16"/>
      <c r="G505" s="16"/>
      <c r="H505" s="16"/>
      <c r="I505" s="16"/>
    </row>
    <row r="506" spans="2:9" s="4" customFormat="1" x14ac:dyDescent="0.2">
      <c r="B506" s="16"/>
      <c r="C506" s="16"/>
      <c r="D506" s="16"/>
      <c r="E506" s="16"/>
      <c r="F506" s="16"/>
      <c r="G506" s="16"/>
      <c r="H506" s="16"/>
      <c r="I506" s="16"/>
    </row>
    <row r="507" spans="2:9" s="4" customFormat="1" x14ac:dyDescent="0.2">
      <c r="B507" s="16"/>
      <c r="C507" s="16"/>
      <c r="D507" s="16"/>
      <c r="E507" s="16"/>
      <c r="F507" s="16"/>
      <c r="G507" s="16"/>
      <c r="H507" s="16"/>
      <c r="I507" s="16"/>
    </row>
    <row r="508" spans="2:9" s="4" customFormat="1" x14ac:dyDescent="0.2">
      <c r="B508" s="16"/>
      <c r="C508" s="16"/>
      <c r="D508" s="16"/>
      <c r="E508" s="16"/>
      <c r="F508" s="16"/>
      <c r="G508" s="16"/>
      <c r="H508" s="16"/>
      <c r="I508" s="16"/>
    </row>
    <row r="509" spans="2:9" s="4" customFormat="1" x14ac:dyDescent="0.2">
      <c r="B509" s="16"/>
      <c r="C509" s="16"/>
      <c r="D509" s="16"/>
      <c r="E509" s="16"/>
      <c r="F509" s="16"/>
      <c r="G509" s="16"/>
      <c r="H509" s="16"/>
      <c r="I509" s="16"/>
    </row>
    <row r="510" spans="2:9" s="4" customFormat="1" x14ac:dyDescent="0.2">
      <c r="B510" s="16"/>
      <c r="C510" s="16"/>
      <c r="D510" s="16"/>
      <c r="E510" s="16"/>
      <c r="F510" s="16"/>
      <c r="G510" s="16"/>
      <c r="H510" s="16"/>
      <c r="I510" s="16"/>
    </row>
    <row r="511" spans="2:9" s="4" customFormat="1" x14ac:dyDescent="0.2">
      <c r="B511" s="16"/>
      <c r="C511" s="16"/>
      <c r="D511" s="16"/>
      <c r="E511" s="16"/>
      <c r="F511" s="16"/>
      <c r="G511" s="16"/>
      <c r="H511" s="16"/>
      <c r="I511" s="16"/>
    </row>
    <row r="512" spans="2:9" s="4" customFormat="1" x14ac:dyDescent="0.2">
      <c r="B512" s="16"/>
      <c r="C512" s="16"/>
      <c r="D512" s="16"/>
      <c r="E512" s="16"/>
      <c r="F512" s="16"/>
      <c r="G512" s="16"/>
      <c r="H512" s="16"/>
      <c r="I512" s="16"/>
    </row>
    <row r="513" spans="2:9" s="4" customFormat="1" x14ac:dyDescent="0.2">
      <c r="B513" s="16"/>
      <c r="C513" s="16"/>
      <c r="D513" s="16"/>
      <c r="E513" s="16"/>
      <c r="F513" s="16"/>
      <c r="G513" s="16"/>
      <c r="H513" s="16"/>
      <c r="I513" s="16"/>
    </row>
    <row r="514" spans="2:9" s="4" customFormat="1" x14ac:dyDescent="0.2">
      <c r="B514" s="16"/>
      <c r="C514" s="16"/>
      <c r="D514" s="16"/>
      <c r="E514" s="16"/>
      <c r="F514" s="16"/>
      <c r="G514" s="16"/>
      <c r="H514" s="16"/>
      <c r="I514" s="16"/>
    </row>
    <row r="515" spans="2:9" s="4" customFormat="1" x14ac:dyDescent="0.2">
      <c r="B515" s="16"/>
      <c r="C515" s="16"/>
      <c r="D515" s="16"/>
      <c r="E515" s="16"/>
      <c r="F515" s="16"/>
      <c r="G515" s="16"/>
      <c r="H515" s="16"/>
      <c r="I515" s="16"/>
    </row>
    <row r="516" spans="2:9" s="4" customFormat="1" x14ac:dyDescent="0.2">
      <c r="B516" s="16"/>
      <c r="C516" s="16"/>
      <c r="D516" s="16"/>
      <c r="E516" s="16"/>
      <c r="F516" s="16"/>
      <c r="G516" s="16"/>
      <c r="H516" s="16"/>
      <c r="I516" s="16"/>
    </row>
    <row r="517" spans="2:9" s="4" customFormat="1" x14ac:dyDescent="0.2">
      <c r="B517" s="16"/>
      <c r="C517" s="16"/>
      <c r="D517" s="16"/>
      <c r="E517" s="16"/>
      <c r="F517" s="16"/>
      <c r="G517" s="16"/>
      <c r="H517" s="16"/>
      <c r="I517" s="16"/>
    </row>
    <row r="518" spans="2:9" s="4" customFormat="1" x14ac:dyDescent="0.2">
      <c r="B518" s="16"/>
      <c r="C518" s="16"/>
      <c r="D518" s="16"/>
      <c r="E518" s="16"/>
      <c r="F518" s="16"/>
      <c r="G518" s="16"/>
      <c r="H518" s="16"/>
      <c r="I518" s="16"/>
    </row>
    <row r="519" spans="2:9" s="4" customFormat="1" x14ac:dyDescent="0.2">
      <c r="B519" s="16"/>
      <c r="C519" s="16"/>
      <c r="D519" s="16"/>
      <c r="E519" s="16"/>
      <c r="F519" s="16"/>
      <c r="G519" s="16"/>
      <c r="H519" s="16"/>
      <c r="I519" s="16"/>
    </row>
    <row r="520" spans="2:9" s="4" customFormat="1" x14ac:dyDescent="0.2">
      <c r="B520" s="16"/>
      <c r="C520" s="16"/>
      <c r="D520" s="16"/>
      <c r="E520" s="16"/>
      <c r="F520" s="16"/>
      <c r="G520" s="16"/>
      <c r="H520" s="16"/>
      <c r="I520" s="16"/>
    </row>
    <row r="521" spans="2:9" s="4" customFormat="1" x14ac:dyDescent="0.2">
      <c r="B521" s="16"/>
      <c r="C521" s="16"/>
      <c r="D521" s="16"/>
      <c r="E521" s="16"/>
      <c r="F521" s="16"/>
      <c r="G521" s="16"/>
      <c r="H521" s="16"/>
      <c r="I521" s="16"/>
    </row>
    <row r="522" spans="2:9" s="4" customFormat="1" x14ac:dyDescent="0.2">
      <c r="B522" s="16"/>
      <c r="C522" s="16"/>
      <c r="D522" s="16"/>
      <c r="E522" s="16"/>
      <c r="F522" s="16"/>
      <c r="G522" s="16"/>
      <c r="H522" s="16"/>
      <c r="I522" s="16"/>
    </row>
    <row r="523" spans="2:9" s="4" customFormat="1" x14ac:dyDescent="0.2">
      <c r="B523" s="16"/>
      <c r="C523" s="16"/>
      <c r="D523" s="16"/>
      <c r="E523" s="16"/>
      <c r="F523" s="16"/>
      <c r="G523" s="16"/>
      <c r="H523" s="16"/>
      <c r="I523" s="16"/>
    </row>
    <row r="524" spans="2:9" s="4" customFormat="1" x14ac:dyDescent="0.2">
      <c r="B524" s="16"/>
      <c r="C524" s="16"/>
      <c r="D524" s="16"/>
      <c r="E524" s="16"/>
      <c r="F524" s="16"/>
      <c r="G524" s="16"/>
      <c r="H524" s="16"/>
      <c r="I524" s="16"/>
    </row>
    <row r="525" spans="2:9" s="4" customFormat="1" x14ac:dyDescent="0.2">
      <c r="B525" s="16"/>
      <c r="C525" s="16"/>
      <c r="D525" s="16"/>
      <c r="E525" s="16"/>
      <c r="F525" s="16"/>
      <c r="G525" s="16"/>
      <c r="H525" s="16"/>
      <c r="I525" s="16"/>
    </row>
    <row r="526" spans="2:9" s="4" customFormat="1" x14ac:dyDescent="0.2">
      <c r="B526" s="16"/>
      <c r="C526" s="16"/>
      <c r="D526" s="16"/>
      <c r="E526" s="16"/>
      <c r="F526" s="16"/>
      <c r="G526" s="16"/>
      <c r="H526" s="16"/>
      <c r="I526" s="16"/>
    </row>
    <row r="527" spans="2:9" s="4" customFormat="1" x14ac:dyDescent="0.2">
      <c r="B527" s="16"/>
      <c r="C527" s="16"/>
      <c r="D527" s="16"/>
      <c r="E527" s="16"/>
      <c r="F527" s="16"/>
      <c r="G527" s="16"/>
      <c r="H527" s="16"/>
      <c r="I527" s="16"/>
    </row>
    <row r="528" spans="2:9" s="4" customFormat="1" x14ac:dyDescent="0.2">
      <c r="B528" s="16"/>
      <c r="C528" s="16"/>
      <c r="D528" s="16"/>
      <c r="E528" s="16"/>
      <c r="F528" s="16"/>
      <c r="G528" s="16"/>
      <c r="H528" s="16"/>
      <c r="I528" s="16"/>
    </row>
    <row r="529" spans="2:9" s="4" customFormat="1" x14ac:dyDescent="0.2">
      <c r="B529" s="16"/>
      <c r="C529" s="16"/>
      <c r="D529" s="16"/>
      <c r="E529" s="16"/>
      <c r="F529" s="16"/>
      <c r="G529" s="16"/>
      <c r="H529" s="16"/>
      <c r="I529" s="16"/>
    </row>
    <row r="530" spans="2:9" s="4" customFormat="1" x14ac:dyDescent="0.2">
      <c r="B530" s="16"/>
      <c r="C530" s="16"/>
      <c r="D530" s="16"/>
      <c r="E530" s="16"/>
      <c r="F530" s="16"/>
      <c r="G530" s="16"/>
      <c r="H530" s="16"/>
      <c r="I530" s="16"/>
    </row>
    <row r="531" spans="2:9" s="4" customFormat="1" x14ac:dyDescent="0.2">
      <c r="B531" s="16"/>
      <c r="C531" s="16"/>
      <c r="D531" s="16"/>
      <c r="E531" s="16"/>
      <c r="F531" s="16"/>
      <c r="G531" s="16"/>
      <c r="H531" s="16"/>
      <c r="I531" s="16"/>
    </row>
    <row r="532" spans="2:9" s="4" customFormat="1" x14ac:dyDescent="0.2">
      <c r="B532" s="16"/>
      <c r="C532" s="16"/>
      <c r="D532" s="16"/>
      <c r="E532" s="16"/>
      <c r="F532" s="16"/>
      <c r="G532" s="16"/>
      <c r="H532" s="16"/>
      <c r="I532" s="16"/>
    </row>
    <row r="533" spans="2:9" s="4" customFormat="1" x14ac:dyDescent="0.2">
      <c r="B533" s="16"/>
      <c r="C533" s="16"/>
      <c r="D533" s="16"/>
      <c r="E533" s="16"/>
      <c r="F533" s="16"/>
      <c r="G533" s="16"/>
      <c r="H533" s="16"/>
      <c r="I533" s="16"/>
    </row>
    <row r="534" spans="2:9" s="4" customFormat="1" x14ac:dyDescent="0.2">
      <c r="B534" s="16"/>
      <c r="C534" s="16"/>
      <c r="D534" s="16"/>
      <c r="E534" s="16"/>
      <c r="F534" s="16"/>
      <c r="G534" s="16"/>
      <c r="H534" s="16"/>
      <c r="I534" s="16"/>
    </row>
    <row r="535" spans="2:9" s="4" customFormat="1" x14ac:dyDescent="0.2">
      <c r="B535" s="16"/>
      <c r="C535" s="16"/>
      <c r="D535" s="16"/>
      <c r="E535" s="16"/>
      <c r="F535" s="16"/>
      <c r="G535" s="16"/>
      <c r="H535" s="16"/>
      <c r="I535" s="16"/>
    </row>
    <row r="536" spans="2:9" s="4" customFormat="1" x14ac:dyDescent="0.2">
      <c r="B536" s="16"/>
      <c r="C536" s="16"/>
      <c r="D536" s="16"/>
      <c r="E536" s="16"/>
      <c r="F536" s="16"/>
      <c r="G536" s="16"/>
      <c r="H536" s="16"/>
      <c r="I536" s="16"/>
    </row>
    <row r="537" spans="2:9" s="4" customFormat="1" x14ac:dyDescent="0.2">
      <c r="B537" s="16"/>
      <c r="C537" s="16"/>
      <c r="D537" s="16"/>
      <c r="E537" s="16"/>
      <c r="F537" s="16"/>
      <c r="G537" s="16"/>
      <c r="H537" s="16"/>
      <c r="I537" s="16"/>
    </row>
    <row r="538" spans="2:9" s="4" customFormat="1" x14ac:dyDescent="0.2">
      <c r="B538" s="16"/>
      <c r="C538" s="16"/>
      <c r="D538" s="16"/>
      <c r="E538" s="16"/>
      <c r="F538" s="16"/>
      <c r="G538" s="16"/>
      <c r="H538" s="16"/>
      <c r="I538" s="16"/>
    </row>
    <row r="539" spans="2:9" s="4" customFormat="1" x14ac:dyDescent="0.2">
      <c r="B539" s="16"/>
      <c r="C539" s="16"/>
      <c r="D539" s="16"/>
      <c r="E539" s="16"/>
      <c r="F539" s="16"/>
      <c r="G539" s="16"/>
      <c r="H539" s="16"/>
      <c r="I539" s="16"/>
    </row>
    <row r="540" spans="2:9" s="4" customFormat="1" x14ac:dyDescent="0.2">
      <c r="B540" s="16"/>
      <c r="C540" s="16"/>
      <c r="D540" s="16"/>
      <c r="E540" s="16"/>
      <c r="F540" s="16"/>
      <c r="G540" s="16"/>
      <c r="H540" s="16"/>
      <c r="I540" s="16"/>
    </row>
    <row r="541" spans="2:9" s="4" customFormat="1" x14ac:dyDescent="0.2">
      <c r="B541" s="16"/>
      <c r="C541" s="16"/>
      <c r="D541" s="16"/>
      <c r="E541" s="16"/>
      <c r="F541" s="16"/>
      <c r="G541" s="16"/>
      <c r="H541" s="16"/>
      <c r="I541" s="16"/>
    </row>
    <row r="542" spans="2:9" s="4" customFormat="1" x14ac:dyDescent="0.2">
      <c r="B542" s="16"/>
      <c r="C542" s="16"/>
      <c r="D542" s="16"/>
      <c r="E542" s="16"/>
      <c r="F542" s="16"/>
      <c r="G542" s="16"/>
      <c r="H542" s="16"/>
      <c r="I542" s="16"/>
    </row>
    <row r="543" spans="2:9" s="4" customFormat="1" x14ac:dyDescent="0.2">
      <c r="B543" s="16"/>
      <c r="C543" s="16"/>
      <c r="D543" s="16"/>
      <c r="E543" s="16"/>
      <c r="F543" s="16"/>
      <c r="G543" s="16"/>
      <c r="H543" s="16"/>
      <c r="I543" s="16"/>
    </row>
    <row r="544" spans="2:9" s="4" customFormat="1" x14ac:dyDescent="0.2">
      <c r="B544" s="16"/>
      <c r="C544" s="16"/>
      <c r="D544" s="16"/>
      <c r="E544" s="16"/>
      <c r="F544" s="16"/>
      <c r="G544" s="16"/>
      <c r="H544" s="16"/>
      <c r="I544" s="16"/>
    </row>
    <row r="545" spans="2:9" s="4" customFormat="1" x14ac:dyDescent="0.2">
      <c r="B545" s="16"/>
      <c r="C545" s="16"/>
      <c r="D545" s="16"/>
      <c r="E545" s="16"/>
      <c r="F545" s="16"/>
      <c r="G545" s="16"/>
      <c r="H545" s="16"/>
      <c r="I545" s="16"/>
    </row>
    <row r="546" spans="2:9" s="4" customFormat="1" x14ac:dyDescent="0.2">
      <c r="B546" s="16"/>
      <c r="C546" s="16"/>
      <c r="D546" s="16"/>
      <c r="E546" s="16"/>
      <c r="F546" s="16"/>
      <c r="G546" s="16"/>
      <c r="H546" s="16"/>
      <c r="I546" s="16"/>
    </row>
    <row r="547" spans="2:9" s="4" customFormat="1" x14ac:dyDescent="0.2">
      <c r="B547" s="16"/>
      <c r="C547" s="16"/>
      <c r="D547" s="16"/>
      <c r="E547" s="16"/>
      <c r="F547" s="16"/>
      <c r="G547" s="16"/>
      <c r="H547" s="16"/>
      <c r="I547" s="16"/>
    </row>
    <row r="548" spans="2:9" s="4" customFormat="1" x14ac:dyDescent="0.2">
      <c r="B548" s="16"/>
      <c r="C548" s="16"/>
      <c r="D548" s="16"/>
      <c r="E548" s="16"/>
      <c r="F548" s="16"/>
      <c r="G548" s="16"/>
      <c r="H548" s="16"/>
      <c r="I548" s="16"/>
    </row>
    <row r="549" spans="2:9" s="4" customFormat="1" x14ac:dyDescent="0.2">
      <c r="B549" s="16"/>
      <c r="C549" s="16"/>
      <c r="D549" s="16"/>
      <c r="E549" s="16"/>
      <c r="F549" s="16"/>
      <c r="G549" s="16"/>
      <c r="H549" s="16"/>
      <c r="I549" s="16"/>
    </row>
    <row r="550" spans="2:9" s="4" customFormat="1" x14ac:dyDescent="0.2">
      <c r="B550" s="16"/>
      <c r="C550" s="16"/>
      <c r="D550" s="16"/>
      <c r="E550" s="16"/>
      <c r="F550" s="16"/>
      <c r="G550" s="16"/>
      <c r="H550" s="16"/>
      <c r="I550" s="16"/>
    </row>
    <row r="551" spans="2:9" s="4" customFormat="1" x14ac:dyDescent="0.2">
      <c r="B551" s="16"/>
      <c r="C551" s="16"/>
      <c r="D551" s="16"/>
      <c r="E551" s="16"/>
      <c r="F551" s="16"/>
      <c r="G551" s="16"/>
      <c r="H551" s="16"/>
      <c r="I551" s="16"/>
    </row>
    <row r="552" spans="2:9" s="4" customFormat="1" x14ac:dyDescent="0.2">
      <c r="B552" s="16"/>
      <c r="C552" s="16"/>
      <c r="D552" s="16"/>
      <c r="E552" s="16"/>
      <c r="F552" s="16"/>
      <c r="G552" s="16"/>
      <c r="H552" s="16"/>
      <c r="I552" s="16"/>
    </row>
    <row r="553" spans="2:9" s="4" customFormat="1" x14ac:dyDescent="0.2">
      <c r="B553" s="16"/>
      <c r="C553" s="16"/>
      <c r="D553" s="16"/>
      <c r="E553" s="16"/>
      <c r="F553" s="16"/>
      <c r="G553" s="16"/>
      <c r="H553" s="16"/>
      <c r="I553" s="16"/>
    </row>
    <row r="554" spans="2:9" s="4" customFormat="1" x14ac:dyDescent="0.2">
      <c r="B554" s="16"/>
      <c r="C554" s="16"/>
      <c r="D554" s="16"/>
      <c r="E554" s="16"/>
      <c r="F554" s="16"/>
      <c r="G554" s="16"/>
      <c r="H554" s="16"/>
      <c r="I554" s="16"/>
    </row>
    <row r="555" spans="2:9" s="4" customFormat="1" x14ac:dyDescent="0.2">
      <c r="B555" s="16"/>
      <c r="C555" s="16"/>
      <c r="D555" s="16"/>
      <c r="E555" s="16"/>
      <c r="F555" s="16"/>
      <c r="G555" s="16"/>
      <c r="H555" s="16"/>
      <c r="I555" s="16"/>
    </row>
    <row r="556" spans="2:9" s="4" customFormat="1" x14ac:dyDescent="0.2">
      <c r="B556" s="16"/>
      <c r="C556" s="16"/>
      <c r="D556" s="16"/>
      <c r="E556" s="16"/>
      <c r="F556" s="16"/>
      <c r="G556" s="16"/>
      <c r="H556" s="16"/>
      <c r="I556" s="16"/>
    </row>
    <row r="557" spans="2:9" s="4" customFormat="1" x14ac:dyDescent="0.2">
      <c r="B557" s="16"/>
      <c r="C557" s="16"/>
      <c r="D557" s="16"/>
      <c r="E557" s="16"/>
      <c r="F557" s="16"/>
      <c r="G557" s="16"/>
      <c r="H557" s="16"/>
      <c r="I557" s="16"/>
    </row>
    <row r="558" spans="2:9" s="4" customFormat="1" x14ac:dyDescent="0.2">
      <c r="B558" s="16"/>
      <c r="C558" s="16"/>
      <c r="D558" s="16"/>
      <c r="E558" s="16"/>
      <c r="F558" s="16"/>
      <c r="G558" s="16"/>
      <c r="H558" s="16"/>
      <c r="I558" s="16"/>
    </row>
    <row r="559" spans="2:9" s="4" customFormat="1" x14ac:dyDescent="0.2">
      <c r="B559" s="16"/>
      <c r="C559" s="16"/>
      <c r="D559" s="16"/>
      <c r="E559" s="16"/>
      <c r="F559" s="16"/>
      <c r="G559" s="16"/>
      <c r="H559" s="16"/>
      <c r="I559" s="16"/>
    </row>
    <row r="560" spans="2:9" s="4" customFormat="1" x14ac:dyDescent="0.2">
      <c r="B560" s="16"/>
      <c r="C560" s="16"/>
      <c r="D560" s="16"/>
      <c r="E560" s="16"/>
      <c r="F560" s="16"/>
      <c r="G560" s="16"/>
      <c r="H560" s="16"/>
      <c r="I560" s="16"/>
    </row>
    <row r="561" spans="2:9" s="4" customFormat="1" x14ac:dyDescent="0.2">
      <c r="B561" s="16"/>
      <c r="C561" s="16"/>
      <c r="D561" s="16"/>
      <c r="E561" s="16"/>
      <c r="F561" s="16"/>
      <c r="G561" s="16"/>
      <c r="H561" s="16"/>
      <c r="I561" s="16"/>
    </row>
    <row r="562" spans="2:9" s="4" customFormat="1" x14ac:dyDescent="0.2">
      <c r="B562" s="16"/>
      <c r="C562" s="16"/>
      <c r="D562" s="16"/>
      <c r="E562" s="16"/>
      <c r="F562" s="16"/>
      <c r="G562" s="16"/>
      <c r="H562" s="16"/>
      <c r="I562" s="16"/>
    </row>
    <row r="563" spans="2:9" s="4" customFormat="1" x14ac:dyDescent="0.2">
      <c r="B563" s="16"/>
      <c r="C563" s="16"/>
      <c r="D563" s="16"/>
      <c r="E563" s="16"/>
      <c r="F563" s="16"/>
      <c r="G563" s="16"/>
      <c r="H563" s="16"/>
      <c r="I563" s="16"/>
    </row>
    <row r="564" spans="2:9" s="4" customFormat="1" x14ac:dyDescent="0.2">
      <c r="B564" s="16"/>
      <c r="C564" s="16"/>
      <c r="D564" s="16"/>
      <c r="E564" s="16"/>
      <c r="F564" s="16"/>
      <c r="G564" s="16"/>
      <c r="H564" s="16"/>
      <c r="I564" s="16"/>
    </row>
    <row r="565" spans="2:9" s="4" customFormat="1" x14ac:dyDescent="0.2">
      <c r="B565" s="16"/>
      <c r="C565" s="16"/>
      <c r="D565" s="16"/>
      <c r="E565" s="16"/>
      <c r="F565" s="16"/>
      <c r="G565" s="16"/>
      <c r="H565" s="16"/>
      <c r="I565" s="16"/>
    </row>
    <row r="566" spans="2:9" s="4" customFormat="1" x14ac:dyDescent="0.2">
      <c r="B566" s="16"/>
      <c r="C566" s="16"/>
      <c r="D566" s="16"/>
      <c r="E566" s="16"/>
      <c r="F566" s="16"/>
      <c r="G566" s="16"/>
      <c r="H566" s="16"/>
      <c r="I566" s="16"/>
    </row>
    <row r="567" spans="2:9" s="4" customFormat="1" x14ac:dyDescent="0.2">
      <c r="B567" s="16"/>
      <c r="C567" s="16"/>
      <c r="D567" s="16"/>
      <c r="E567" s="16"/>
      <c r="F567" s="16"/>
      <c r="G567" s="16"/>
      <c r="H567" s="16"/>
      <c r="I567" s="16"/>
    </row>
    <row r="568" spans="2:9" s="4" customFormat="1" x14ac:dyDescent="0.2">
      <c r="B568" s="16"/>
      <c r="C568" s="16"/>
      <c r="D568" s="16"/>
      <c r="E568" s="16"/>
      <c r="F568" s="16"/>
      <c r="G568" s="16"/>
      <c r="H568" s="16"/>
      <c r="I568" s="16"/>
    </row>
    <row r="569" spans="2:9" s="4" customFormat="1" x14ac:dyDescent="0.2">
      <c r="B569" s="16"/>
      <c r="C569" s="16"/>
      <c r="D569" s="16"/>
      <c r="E569" s="16"/>
      <c r="F569" s="16"/>
      <c r="G569" s="16"/>
      <c r="H569" s="16"/>
      <c r="I569" s="16"/>
    </row>
    <row r="570" spans="2:9" s="4" customFormat="1" x14ac:dyDescent="0.2">
      <c r="B570" s="16"/>
      <c r="C570" s="16"/>
      <c r="D570" s="16"/>
      <c r="E570" s="16"/>
      <c r="F570" s="16"/>
      <c r="G570" s="16"/>
      <c r="H570" s="16"/>
      <c r="I570" s="16"/>
    </row>
    <row r="571" spans="2:9" s="4" customFormat="1" x14ac:dyDescent="0.2">
      <c r="B571" s="16"/>
      <c r="C571" s="16"/>
      <c r="D571" s="16"/>
      <c r="E571" s="16"/>
      <c r="F571" s="16"/>
      <c r="G571" s="16"/>
      <c r="H571" s="16"/>
      <c r="I571" s="16"/>
    </row>
    <row r="572" spans="2:9" s="4" customFormat="1" x14ac:dyDescent="0.2">
      <c r="B572" s="16"/>
      <c r="C572" s="16"/>
      <c r="D572" s="16"/>
      <c r="E572" s="16"/>
      <c r="F572" s="16"/>
      <c r="G572" s="16"/>
      <c r="H572" s="16"/>
      <c r="I572" s="16"/>
    </row>
    <row r="573" spans="2:9" s="4" customFormat="1" x14ac:dyDescent="0.2">
      <c r="B573" s="16"/>
      <c r="C573" s="16"/>
      <c r="D573" s="16"/>
      <c r="E573" s="16"/>
      <c r="F573" s="16"/>
      <c r="G573" s="16"/>
      <c r="H573" s="16"/>
      <c r="I573" s="16"/>
    </row>
    <row r="574" spans="2:9" s="4" customFormat="1" x14ac:dyDescent="0.2">
      <c r="B574" s="16"/>
      <c r="C574" s="16"/>
      <c r="D574" s="16"/>
      <c r="E574" s="16"/>
      <c r="F574" s="16"/>
      <c r="G574" s="16"/>
      <c r="H574" s="16"/>
      <c r="I574" s="16"/>
    </row>
    <row r="575" spans="2:9" s="4" customFormat="1" x14ac:dyDescent="0.2">
      <c r="B575" s="16"/>
      <c r="C575" s="16"/>
      <c r="D575" s="16"/>
      <c r="E575" s="16"/>
      <c r="F575" s="16"/>
      <c r="G575" s="16"/>
      <c r="H575" s="16"/>
      <c r="I575" s="16"/>
    </row>
    <row r="576" spans="2:9" s="4" customFormat="1" x14ac:dyDescent="0.2">
      <c r="B576" s="16"/>
      <c r="C576" s="16"/>
      <c r="D576" s="16"/>
      <c r="E576" s="16"/>
      <c r="F576" s="16"/>
      <c r="G576" s="16"/>
      <c r="H576" s="16"/>
      <c r="I576" s="16"/>
    </row>
    <row r="577" spans="2:9" s="4" customFormat="1" x14ac:dyDescent="0.2">
      <c r="B577" s="16"/>
      <c r="C577" s="16"/>
      <c r="D577" s="16"/>
      <c r="E577" s="16"/>
      <c r="F577" s="16"/>
      <c r="G577" s="16"/>
      <c r="H577" s="16"/>
      <c r="I577" s="16"/>
    </row>
    <row r="578" spans="2:9" s="4" customFormat="1" x14ac:dyDescent="0.2">
      <c r="B578" s="16"/>
      <c r="C578" s="16"/>
      <c r="D578" s="16"/>
      <c r="E578" s="16"/>
      <c r="F578" s="16"/>
      <c r="G578" s="16"/>
      <c r="H578" s="16"/>
      <c r="I578" s="16"/>
    </row>
    <row r="579" spans="2:9" s="4" customFormat="1" x14ac:dyDescent="0.2">
      <c r="B579" s="16"/>
      <c r="C579" s="16"/>
      <c r="D579" s="16"/>
      <c r="E579" s="16"/>
      <c r="F579" s="16"/>
      <c r="G579" s="16"/>
      <c r="H579" s="16"/>
      <c r="I579" s="16"/>
    </row>
    <row r="580" spans="2:9" s="4" customFormat="1" x14ac:dyDescent="0.2">
      <c r="B580" s="16"/>
      <c r="C580" s="16"/>
      <c r="D580" s="16"/>
      <c r="E580" s="16"/>
      <c r="F580" s="16"/>
      <c r="G580" s="16"/>
      <c r="H580" s="16"/>
      <c r="I580" s="16"/>
    </row>
    <row r="581" spans="2:9" s="4" customFormat="1" x14ac:dyDescent="0.2">
      <c r="B581" s="16"/>
      <c r="C581" s="16"/>
      <c r="D581" s="16"/>
      <c r="E581" s="16"/>
      <c r="F581" s="16"/>
      <c r="G581" s="16"/>
      <c r="H581" s="16"/>
      <c r="I581" s="16"/>
    </row>
    <row r="582" spans="2:9" s="4" customFormat="1" x14ac:dyDescent="0.2">
      <c r="B582" s="16"/>
      <c r="C582" s="16"/>
      <c r="D582" s="16"/>
      <c r="E582" s="16"/>
      <c r="F582" s="16"/>
      <c r="G582" s="16"/>
      <c r="H582" s="16"/>
      <c r="I582" s="16"/>
    </row>
    <row r="583" spans="2:9" s="4" customFormat="1" x14ac:dyDescent="0.2">
      <c r="B583" s="16"/>
      <c r="C583" s="16"/>
      <c r="D583" s="16"/>
      <c r="E583" s="16"/>
      <c r="F583" s="16"/>
      <c r="G583" s="16"/>
      <c r="H583" s="16"/>
      <c r="I583" s="16"/>
    </row>
    <row r="584" spans="2:9" s="4" customFormat="1" x14ac:dyDescent="0.2">
      <c r="B584" s="16"/>
      <c r="C584" s="16"/>
      <c r="D584" s="16"/>
      <c r="E584" s="16"/>
      <c r="F584" s="16"/>
      <c r="G584" s="16"/>
      <c r="H584" s="16"/>
      <c r="I584" s="16"/>
    </row>
    <row r="585" spans="2:9" s="4" customFormat="1" x14ac:dyDescent="0.2">
      <c r="B585" s="16"/>
      <c r="C585" s="16"/>
      <c r="D585" s="16"/>
      <c r="E585" s="16"/>
      <c r="F585" s="16"/>
      <c r="G585" s="16"/>
      <c r="H585" s="16"/>
      <c r="I585" s="16"/>
    </row>
    <row r="586" spans="2:9" s="4" customFormat="1" x14ac:dyDescent="0.2">
      <c r="B586" s="16"/>
      <c r="C586" s="16"/>
      <c r="D586" s="16"/>
      <c r="E586" s="16"/>
      <c r="F586" s="16"/>
      <c r="G586" s="16"/>
      <c r="H586" s="16"/>
      <c r="I586" s="16"/>
    </row>
    <row r="587" spans="2:9" s="4" customFormat="1" x14ac:dyDescent="0.2">
      <c r="B587" s="16"/>
      <c r="C587" s="16"/>
      <c r="D587" s="16"/>
      <c r="E587" s="16"/>
      <c r="F587" s="16"/>
      <c r="G587" s="16"/>
      <c r="H587" s="16"/>
      <c r="I587" s="16"/>
    </row>
    <row r="588" spans="2:9" s="4" customFormat="1" x14ac:dyDescent="0.2">
      <c r="B588" s="16"/>
      <c r="C588" s="16"/>
      <c r="D588" s="16"/>
      <c r="E588" s="16"/>
      <c r="F588" s="16"/>
      <c r="G588" s="16"/>
      <c r="H588" s="16"/>
      <c r="I588" s="16"/>
    </row>
    <row r="589" spans="2:9" s="4" customFormat="1" x14ac:dyDescent="0.2">
      <c r="B589" s="16"/>
      <c r="C589" s="16"/>
      <c r="D589" s="16"/>
      <c r="E589" s="16"/>
      <c r="F589" s="16"/>
      <c r="G589" s="16"/>
      <c r="H589" s="16"/>
      <c r="I589" s="16"/>
    </row>
    <row r="590" spans="2:9" s="4" customFormat="1" x14ac:dyDescent="0.2">
      <c r="B590" s="16"/>
      <c r="C590" s="16"/>
      <c r="D590" s="16"/>
      <c r="E590" s="16"/>
      <c r="F590" s="16"/>
      <c r="G590" s="16"/>
      <c r="H590" s="16"/>
      <c r="I590" s="16"/>
    </row>
    <row r="591" spans="2:9" s="4" customFormat="1" x14ac:dyDescent="0.2">
      <c r="B591" s="16"/>
      <c r="C591" s="16"/>
      <c r="D591" s="16"/>
      <c r="E591" s="16"/>
      <c r="F591" s="16"/>
      <c r="G591" s="16"/>
      <c r="H591" s="16"/>
      <c r="I591" s="16"/>
    </row>
    <row r="592" spans="2:9" s="4" customFormat="1" x14ac:dyDescent="0.2">
      <c r="B592" s="16"/>
      <c r="C592" s="16"/>
      <c r="D592" s="16"/>
      <c r="E592" s="16"/>
      <c r="F592" s="16"/>
      <c r="G592" s="16"/>
      <c r="H592" s="16"/>
      <c r="I592" s="16"/>
    </row>
    <row r="593" spans="2:9" s="4" customFormat="1" x14ac:dyDescent="0.2">
      <c r="B593" s="16"/>
      <c r="C593" s="16"/>
      <c r="D593" s="16"/>
      <c r="E593" s="16"/>
      <c r="F593" s="16"/>
      <c r="G593" s="16"/>
      <c r="H593" s="16"/>
      <c r="I593" s="16"/>
    </row>
    <row r="594" spans="2:9" s="4" customFormat="1" x14ac:dyDescent="0.2">
      <c r="B594" s="16"/>
      <c r="C594" s="16"/>
      <c r="D594" s="16"/>
      <c r="E594" s="16"/>
      <c r="F594" s="16"/>
      <c r="G594" s="16"/>
      <c r="H594" s="16"/>
      <c r="I594" s="16"/>
    </row>
    <row r="595" spans="2:9" s="4" customFormat="1" x14ac:dyDescent="0.2">
      <c r="B595" s="16"/>
      <c r="C595" s="16"/>
      <c r="D595" s="16"/>
      <c r="E595" s="16"/>
      <c r="F595" s="16"/>
      <c r="G595" s="16"/>
      <c r="H595" s="16"/>
      <c r="I595" s="16"/>
    </row>
    <row r="596" spans="2:9" s="4" customFormat="1" x14ac:dyDescent="0.2">
      <c r="B596" s="16"/>
      <c r="C596" s="16"/>
      <c r="D596" s="16"/>
      <c r="E596" s="16"/>
      <c r="F596" s="16"/>
      <c r="G596" s="16"/>
      <c r="H596" s="16"/>
      <c r="I596" s="16"/>
    </row>
    <row r="597" spans="2:9" s="4" customFormat="1" x14ac:dyDescent="0.2">
      <c r="B597" s="16"/>
      <c r="C597" s="16"/>
      <c r="D597" s="16"/>
      <c r="E597" s="16"/>
      <c r="F597" s="16"/>
      <c r="G597" s="16"/>
      <c r="H597" s="16"/>
      <c r="I597" s="16"/>
    </row>
    <row r="598" spans="2:9" s="4" customFormat="1" x14ac:dyDescent="0.2">
      <c r="B598" s="16"/>
      <c r="C598" s="16"/>
      <c r="D598" s="16"/>
      <c r="E598" s="16"/>
      <c r="F598" s="16"/>
      <c r="G598" s="16"/>
      <c r="H598" s="16"/>
      <c r="I598" s="16"/>
    </row>
    <row r="599" spans="2:9" s="4" customFormat="1" x14ac:dyDescent="0.2">
      <c r="B599" s="16"/>
      <c r="C599" s="16"/>
      <c r="D599" s="16"/>
      <c r="E599" s="16"/>
      <c r="F599" s="16"/>
      <c r="G599" s="16"/>
      <c r="H599" s="16"/>
      <c r="I599" s="16"/>
    </row>
    <row r="600" spans="2:9" s="4" customFormat="1" x14ac:dyDescent="0.2">
      <c r="B600" s="16"/>
      <c r="C600" s="16"/>
      <c r="D600" s="16"/>
      <c r="E600" s="16"/>
      <c r="F600" s="16"/>
      <c r="G600" s="16"/>
      <c r="H600" s="16"/>
      <c r="I600" s="16"/>
    </row>
    <row r="601" spans="2:9" s="4" customFormat="1" x14ac:dyDescent="0.2">
      <c r="B601" s="16"/>
      <c r="C601" s="16"/>
      <c r="D601" s="16"/>
      <c r="E601" s="16"/>
      <c r="F601" s="16"/>
      <c r="G601" s="16"/>
      <c r="H601" s="16"/>
      <c r="I601" s="16"/>
    </row>
    <row r="602" spans="2:9" s="4" customFormat="1" x14ac:dyDescent="0.2">
      <c r="B602" s="16"/>
      <c r="C602" s="16"/>
      <c r="D602" s="16"/>
      <c r="E602" s="16"/>
      <c r="F602" s="16"/>
      <c r="G602" s="16"/>
      <c r="H602" s="16"/>
      <c r="I602" s="16"/>
    </row>
    <row r="603" spans="2:9" s="4" customFormat="1" x14ac:dyDescent="0.2">
      <c r="B603" s="16"/>
      <c r="C603" s="16"/>
      <c r="D603" s="16"/>
      <c r="E603" s="16"/>
      <c r="F603" s="16"/>
      <c r="G603" s="16"/>
      <c r="H603" s="16"/>
      <c r="I603" s="16"/>
    </row>
    <row r="604" spans="2:9" s="4" customFormat="1" x14ac:dyDescent="0.2">
      <c r="B604" s="16"/>
      <c r="C604" s="16"/>
      <c r="D604" s="16"/>
      <c r="E604" s="16"/>
      <c r="F604" s="16"/>
      <c r="G604" s="16"/>
      <c r="H604" s="16"/>
      <c r="I604" s="16"/>
    </row>
    <row r="605" spans="2:9" s="4" customFormat="1" x14ac:dyDescent="0.2">
      <c r="B605" s="16"/>
      <c r="C605" s="16"/>
      <c r="D605" s="16"/>
      <c r="E605" s="16"/>
      <c r="F605" s="16"/>
      <c r="G605" s="16"/>
      <c r="H605" s="16"/>
      <c r="I605" s="16"/>
    </row>
    <row r="606" spans="2:9" s="4" customFormat="1" x14ac:dyDescent="0.2">
      <c r="B606" s="16"/>
      <c r="C606" s="16"/>
      <c r="D606" s="16"/>
      <c r="E606" s="16"/>
      <c r="F606" s="16"/>
      <c r="G606" s="16"/>
      <c r="H606" s="16"/>
      <c r="I606" s="16"/>
    </row>
    <row r="607" spans="2:9" s="4" customFormat="1" x14ac:dyDescent="0.2">
      <c r="B607" s="16"/>
      <c r="C607" s="16"/>
      <c r="D607" s="16"/>
      <c r="E607" s="16"/>
      <c r="F607" s="16"/>
      <c r="G607" s="16"/>
      <c r="H607" s="16"/>
      <c r="I607" s="16"/>
    </row>
    <row r="608" spans="2:9" s="4" customFormat="1" x14ac:dyDescent="0.2">
      <c r="B608" s="16"/>
      <c r="C608" s="16"/>
      <c r="D608" s="16"/>
      <c r="E608" s="16"/>
      <c r="F608" s="16"/>
      <c r="G608" s="16"/>
      <c r="H608" s="16"/>
      <c r="I608" s="16"/>
    </row>
    <row r="609" spans="2:9" s="4" customFormat="1" x14ac:dyDescent="0.2">
      <c r="B609" s="16"/>
      <c r="C609" s="16"/>
      <c r="D609" s="16"/>
      <c r="E609" s="16"/>
      <c r="F609" s="16"/>
      <c r="G609" s="16"/>
      <c r="H609" s="16"/>
      <c r="I609" s="16"/>
    </row>
    <row r="610" spans="2:9" s="4" customFormat="1" x14ac:dyDescent="0.2">
      <c r="B610" s="16"/>
      <c r="C610" s="16"/>
      <c r="D610" s="16"/>
      <c r="E610" s="16"/>
      <c r="F610" s="16"/>
      <c r="G610" s="16"/>
      <c r="H610" s="16"/>
      <c r="I610" s="16"/>
    </row>
    <row r="611" spans="2:9" s="4" customFormat="1" x14ac:dyDescent="0.2">
      <c r="B611" s="16"/>
      <c r="C611" s="16"/>
      <c r="D611" s="16"/>
      <c r="E611" s="16"/>
      <c r="F611" s="16"/>
      <c r="G611" s="16"/>
      <c r="H611" s="16"/>
      <c r="I611" s="16"/>
    </row>
    <row r="612" spans="2:9" s="4" customFormat="1" x14ac:dyDescent="0.2">
      <c r="B612" s="16"/>
      <c r="C612" s="16"/>
      <c r="D612" s="16"/>
      <c r="E612" s="16"/>
      <c r="F612" s="16"/>
      <c r="G612" s="16"/>
      <c r="H612" s="16"/>
      <c r="I612" s="16"/>
    </row>
    <row r="613" spans="2:9" s="4" customFormat="1" x14ac:dyDescent="0.2">
      <c r="B613" s="16"/>
      <c r="C613" s="16"/>
      <c r="D613" s="16"/>
      <c r="E613" s="16"/>
      <c r="F613" s="16"/>
      <c r="G613" s="16"/>
      <c r="H613" s="16"/>
      <c r="I613" s="16"/>
    </row>
    <row r="614" spans="2:9" s="4" customFormat="1" x14ac:dyDescent="0.2">
      <c r="B614" s="16"/>
      <c r="C614" s="16"/>
      <c r="D614" s="16"/>
      <c r="E614" s="16"/>
      <c r="F614" s="16"/>
      <c r="G614" s="16"/>
      <c r="H614" s="16"/>
      <c r="I614" s="16"/>
    </row>
    <row r="615" spans="2:9" s="4" customFormat="1" x14ac:dyDescent="0.2">
      <c r="B615" s="16"/>
      <c r="C615" s="16"/>
      <c r="D615" s="16"/>
      <c r="E615" s="16"/>
      <c r="F615" s="16"/>
      <c r="G615" s="16"/>
      <c r="H615" s="16"/>
      <c r="I615" s="16"/>
    </row>
    <row r="616" spans="2:9" s="4" customFormat="1" x14ac:dyDescent="0.2">
      <c r="B616" s="16"/>
      <c r="C616" s="16"/>
      <c r="D616" s="16"/>
      <c r="E616" s="16"/>
      <c r="F616" s="16"/>
      <c r="G616" s="16"/>
      <c r="H616" s="16"/>
      <c r="I616" s="16"/>
    </row>
    <row r="617" spans="2:9" s="4" customFormat="1" x14ac:dyDescent="0.2">
      <c r="B617" s="16"/>
      <c r="C617" s="16"/>
      <c r="D617" s="16"/>
      <c r="E617" s="16"/>
      <c r="F617" s="16"/>
      <c r="G617" s="16"/>
      <c r="H617" s="16"/>
      <c r="I617" s="16"/>
    </row>
    <row r="618" spans="2:9" s="4" customFormat="1" x14ac:dyDescent="0.2">
      <c r="B618" s="16"/>
      <c r="C618" s="16"/>
      <c r="D618" s="16"/>
      <c r="E618" s="16"/>
      <c r="F618" s="16"/>
      <c r="G618" s="16"/>
      <c r="H618" s="16"/>
      <c r="I618" s="16"/>
    </row>
    <row r="619" spans="2:9" s="4" customFormat="1" x14ac:dyDescent="0.2">
      <c r="B619" s="16"/>
      <c r="C619" s="16"/>
      <c r="D619" s="16"/>
      <c r="E619" s="16"/>
      <c r="F619" s="16"/>
      <c r="G619" s="16"/>
      <c r="H619" s="16"/>
      <c r="I619" s="16"/>
    </row>
    <row r="620" spans="2:9" s="4" customFormat="1" x14ac:dyDescent="0.2">
      <c r="B620" s="16"/>
      <c r="C620" s="16"/>
      <c r="D620" s="16"/>
      <c r="E620" s="16"/>
      <c r="F620" s="16"/>
      <c r="G620" s="16"/>
      <c r="H620" s="16"/>
      <c r="I620" s="16"/>
    </row>
    <row r="621" spans="2:9" s="4" customFormat="1" x14ac:dyDescent="0.2">
      <c r="B621" s="16"/>
      <c r="C621" s="16"/>
      <c r="D621" s="16"/>
      <c r="E621" s="16"/>
      <c r="F621" s="16"/>
      <c r="G621" s="16"/>
      <c r="H621" s="16"/>
      <c r="I621" s="16"/>
    </row>
    <row r="622" spans="2:9" s="4" customFormat="1" x14ac:dyDescent="0.2">
      <c r="B622" s="16"/>
      <c r="C622" s="16"/>
      <c r="D622" s="16"/>
      <c r="E622" s="16"/>
      <c r="F622" s="16"/>
      <c r="G622" s="16"/>
      <c r="H622" s="16"/>
      <c r="I622" s="16"/>
    </row>
    <row r="623" spans="2:9" s="4" customFormat="1" x14ac:dyDescent="0.2">
      <c r="B623" s="16"/>
      <c r="C623" s="16"/>
      <c r="D623" s="16"/>
      <c r="E623" s="16"/>
      <c r="F623" s="16"/>
      <c r="G623" s="16"/>
      <c r="H623" s="16"/>
      <c r="I623" s="16"/>
    </row>
    <row r="624" spans="2:9" s="4" customFormat="1" x14ac:dyDescent="0.2">
      <c r="B624" s="16"/>
      <c r="C624" s="16"/>
      <c r="D624" s="16"/>
      <c r="E624" s="16"/>
      <c r="F624" s="16"/>
      <c r="G624" s="16"/>
      <c r="H624" s="16"/>
      <c r="I624" s="16"/>
    </row>
    <row r="625" spans="2:9" s="4" customFormat="1" x14ac:dyDescent="0.2">
      <c r="B625" s="16"/>
      <c r="C625" s="16"/>
      <c r="D625" s="16"/>
      <c r="E625" s="16"/>
      <c r="F625" s="16"/>
      <c r="G625" s="16"/>
      <c r="H625" s="16"/>
      <c r="I625" s="16"/>
    </row>
    <row r="626" spans="2:9" s="4" customFormat="1" x14ac:dyDescent="0.2">
      <c r="B626" s="16"/>
      <c r="C626" s="16"/>
      <c r="D626" s="16"/>
      <c r="E626" s="16"/>
      <c r="F626" s="16"/>
      <c r="G626" s="16"/>
      <c r="H626" s="16"/>
      <c r="I626" s="16"/>
    </row>
    <row r="627" spans="2:9" s="4" customFormat="1" x14ac:dyDescent="0.2">
      <c r="B627" s="16"/>
      <c r="C627" s="16"/>
      <c r="D627" s="16"/>
      <c r="E627" s="16"/>
      <c r="F627" s="16"/>
      <c r="G627" s="16"/>
      <c r="H627" s="16"/>
      <c r="I627" s="16"/>
    </row>
    <row r="628" spans="2:9" s="4" customFormat="1" x14ac:dyDescent="0.2">
      <c r="B628" s="16"/>
      <c r="C628" s="16"/>
      <c r="D628" s="16"/>
      <c r="E628" s="16"/>
      <c r="F628" s="16"/>
      <c r="G628" s="16"/>
      <c r="H628" s="16"/>
      <c r="I628" s="16"/>
    </row>
    <row r="629" spans="2:9" s="4" customFormat="1" x14ac:dyDescent="0.2">
      <c r="B629" s="16"/>
      <c r="C629" s="16"/>
      <c r="D629" s="16"/>
      <c r="E629" s="16"/>
      <c r="F629" s="16"/>
      <c r="G629" s="16"/>
      <c r="H629" s="16"/>
      <c r="I629" s="16"/>
    </row>
    <row r="630" spans="2:9" s="4" customFormat="1" x14ac:dyDescent="0.2">
      <c r="B630" s="16"/>
      <c r="C630" s="16"/>
      <c r="D630" s="16"/>
      <c r="E630" s="16"/>
      <c r="F630" s="16"/>
      <c r="G630" s="16"/>
      <c r="H630" s="16"/>
      <c r="I630" s="16"/>
    </row>
    <row r="631" spans="2:9" s="4" customFormat="1" x14ac:dyDescent="0.2">
      <c r="B631" s="16"/>
      <c r="C631" s="16"/>
      <c r="D631" s="16"/>
      <c r="E631" s="16"/>
      <c r="F631" s="16"/>
      <c r="G631" s="16"/>
      <c r="H631" s="16"/>
      <c r="I631" s="16"/>
    </row>
    <row r="632" spans="2:9" s="4" customFormat="1" x14ac:dyDescent="0.2">
      <c r="B632" s="16"/>
      <c r="C632" s="16"/>
      <c r="D632" s="16"/>
      <c r="E632" s="16"/>
      <c r="F632" s="16"/>
      <c r="G632" s="16"/>
      <c r="H632" s="16"/>
      <c r="I632" s="16"/>
    </row>
    <row r="633" spans="2:9" s="4" customFormat="1" x14ac:dyDescent="0.2">
      <c r="B633" s="16"/>
      <c r="C633" s="16"/>
      <c r="D633" s="16"/>
      <c r="E633" s="16"/>
      <c r="F633" s="16"/>
      <c r="G633" s="16"/>
      <c r="H633" s="16"/>
      <c r="I633" s="16"/>
    </row>
    <row r="634" spans="2:9" s="4" customFormat="1" x14ac:dyDescent="0.2">
      <c r="B634" s="16"/>
      <c r="C634" s="16"/>
      <c r="D634" s="16"/>
      <c r="E634" s="16"/>
      <c r="F634" s="16"/>
      <c r="G634" s="16"/>
      <c r="H634" s="16"/>
      <c r="I634" s="16"/>
    </row>
    <row r="635" spans="2:9" s="4" customFormat="1" x14ac:dyDescent="0.2">
      <c r="B635" s="16"/>
      <c r="C635" s="16"/>
      <c r="D635" s="16"/>
      <c r="E635" s="16"/>
      <c r="F635" s="16"/>
      <c r="G635" s="16"/>
      <c r="H635" s="16"/>
      <c r="I635" s="16"/>
    </row>
    <row r="636" spans="2:9" s="4" customFormat="1" x14ac:dyDescent="0.2">
      <c r="B636" s="16"/>
      <c r="C636" s="16"/>
      <c r="D636" s="16"/>
      <c r="E636" s="16"/>
      <c r="F636" s="16"/>
      <c r="G636" s="16"/>
      <c r="H636" s="16"/>
      <c r="I636" s="16"/>
    </row>
    <row r="637" spans="2:9" s="4" customFormat="1" x14ac:dyDescent="0.2">
      <c r="B637" s="16"/>
      <c r="C637" s="16"/>
      <c r="D637" s="16"/>
      <c r="E637" s="16"/>
      <c r="F637" s="16"/>
      <c r="G637" s="16"/>
      <c r="H637" s="16"/>
      <c r="I637" s="16"/>
    </row>
    <row r="638" spans="2:9" s="4" customFormat="1" x14ac:dyDescent="0.2">
      <c r="B638" s="16"/>
      <c r="C638" s="16"/>
      <c r="D638" s="16"/>
      <c r="E638" s="16"/>
      <c r="F638" s="16"/>
      <c r="G638" s="16"/>
      <c r="H638" s="16"/>
      <c r="I638" s="16"/>
    </row>
    <row r="639" spans="2:9" s="4" customFormat="1" x14ac:dyDescent="0.2">
      <c r="B639" s="16"/>
      <c r="C639" s="16"/>
      <c r="D639" s="16"/>
      <c r="E639" s="16"/>
      <c r="F639" s="16"/>
      <c r="G639" s="16"/>
      <c r="H639" s="16"/>
      <c r="I639" s="16"/>
    </row>
    <row r="640" spans="2:9" s="4" customFormat="1" x14ac:dyDescent="0.2">
      <c r="B640" s="16"/>
      <c r="C640" s="16"/>
      <c r="D640" s="16"/>
      <c r="E640" s="16"/>
      <c r="F640" s="16"/>
      <c r="G640" s="16"/>
      <c r="H640" s="16"/>
      <c r="I640" s="16"/>
    </row>
    <row r="641" spans="2:9" s="4" customFormat="1" x14ac:dyDescent="0.2">
      <c r="B641" s="16"/>
      <c r="C641" s="16"/>
      <c r="D641" s="16"/>
      <c r="E641" s="16"/>
      <c r="F641" s="16"/>
      <c r="G641" s="16"/>
      <c r="H641" s="16"/>
      <c r="I641" s="16"/>
    </row>
    <row r="642" spans="2:9" s="4" customFormat="1" x14ac:dyDescent="0.2">
      <c r="B642" s="16"/>
      <c r="C642" s="16"/>
      <c r="D642" s="16"/>
      <c r="E642" s="16"/>
      <c r="F642" s="16"/>
      <c r="G642" s="16"/>
      <c r="H642" s="16"/>
      <c r="I642" s="16"/>
    </row>
    <row r="643" spans="2:9" s="4" customFormat="1" x14ac:dyDescent="0.2">
      <c r="B643" s="16"/>
      <c r="C643" s="16"/>
      <c r="D643" s="16"/>
      <c r="E643" s="16"/>
      <c r="F643" s="16"/>
      <c r="G643" s="16"/>
      <c r="H643" s="16"/>
      <c r="I643" s="16"/>
    </row>
    <row r="644" spans="2:9" s="4" customFormat="1" x14ac:dyDescent="0.2">
      <c r="B644" s="16"/>
      <c r="C644" s="16"/>
      <c r="D644" s="16"/>
      <c r="E644" s="16"/>
      <c r="F644" s="16"/>
      <c r="G644" s="16"/>
      <c r="H644" s="16"/>
      <c r="I644" s="16"/>
    </row>
    <row r="645" spans="2:9" s="4" customFormat="1" x14ac:dyDescent="0.2">
      <c r="B645" s="16"/>
      <c r="C645" s="16"/>
      <c r="D645" s="16"/>
      <c r="E645" s="16"/>
      <c r="F645" s="16"/>
      <c r="G645" s="16"/>
      <c r="H645" s="16"/>
      <c r="I645" s="16"/>
    </row>
    <row r="646" spans="2:9" s="4" customFormat="1" x14ac:dyDescent="0.2">
      <c r="B646" s="16"/>
      <c r="C646" s="16"/>
      <c r="D646" s="16"/>
      <c r="E646" s="16"/>
      <c r="F646" s="16"/>
      <c r="G646" s="16"/>
      <c r="H646" s="16"/>
      <c r="I646" s="16"/>
    </row>
    <row r="647" spans="2:9" s="4" customFormat="1" x14ac:dyDescent="0.2">
      <c r="B647" s="16"/>
      <c r="C647" s="16"/>
      <c r="D647" s="16"/>
      <c r="E647" s="16"/>
      <c r="F647" s="16"/>
      <c r="G647" s="16"/>
      <c r="H647" s="16"/>
      <c r="I647" s="16"/>
    </row>
    <row r="648" spans="2:9" s="4" customFormat="1" x14ac:dyDescent="0.2">
      <c r="B648" s="16"/>
      <c r="C648" s="16"/>
      <c r="D648" s="16"/>
      <c r="E648" s="16"/>
      <c r="F648" s="16"/>
      <c r="G648" s="16"/>
      <c r="H648" s="16"/>
      <c r="I648" s="16"/>
    </row>
    <row r="649" spans="2:9" s="4" customFormat="1" x14ac:dyDescent="0.2">
      <c r="B649" s="16"/>
      <c r="C649" s="16"/>
      <c r="D649" s="16"/>
      <c r="E649" s="16"/>
      <c r="F649" s="16"/>
      <c r="G649" s="16"/>
      <c r="H649" s="16"/>
      <c r="I649" s="16"/>
    </row>
    <row r="650" spans="2:9" s="4" customFormat="1" x14ac:dyDescent="0.2">
      <c r="B650" s="16"/>
      <c r="C650" s="16"/>
      <c r="D650" s="16"/>
      <c r="E650" s="16"/>
      <c r="F650" s="16"/>
      <c r="G650" s="16"/>
      <c r="H650" s="16"/>
      <c r="I650" s="16"/>
    </row>
    <row r="651" spans="2:9" s="4" customFormat="1" x14ac:dyDescent="0.2">
      <c r="B651" s="16"/>
      <c r="C651" s="16"/>
      <c r="D651" s="16"/>
      <c r="E651" s="16"/>
      <c r="F651" s="16"/>
      <c r="G651" s="16"/>
      <c r="H651" s="16"/>
      <c r="I651" s="16"/>
    </row>
    <row r="652" spans="2:9" s="4" customFormat="1" x14ac:dyDescent="0.2">
      <c r="B652" s="16"/>
      <c r="C652" s="16"/>
      <c r="D652" s="16"/>
      <c r="E652" s="16"/>
      <c r="F652" s="16"/>
      <c r="G652" s="16"/>
      <c r="H652" s="16"/>
      <c r="I652" s="16"/>
    </row>
    <row r="653" spans="2:9" s="4" customFormat="1" x14ac:dyDescent="0.2">
      <c r="B653" s="16"/>
      <c r="C653" s="16"/>
      <c r="D653" s="16"/>
      <c r="E653" s="16"/>
      <c r="F653" s="16"/>
      <c r="G653" s="16"/>
      <c r="H653" s="16"/>
      <c r="I653" s="16"/>
    </row>
    <row r="654" spans="2:9" s="4" customFormat="1" x14ac:dyDescent="0.2">
      <c r="B654" s="16"/>
      <c r="C654" s="16"/>
      <c r="D654" s="16"/>
      <c r="E654" s="16"/>
      <c r="F654" s="16"/>
      <c r="G654" s="16"/>
      <c r="H654" s="16"/>
      <c r="I654" s="16"/>
    </row>
    <row r="655" spans="2:9" s="4" customFormat="1" x14ac:dyDescent="0.2">
      <c r="B655" s="16"/>
      <c r="C655" s="16"/>
      <c r="D655" s="16"/>
      <c r="E655" s="16"/>
      <c r="F655" s="16"/>
      <c r="G655" s="16"/>
      <c r="H655" s="16"/>
      <c r="I655" s="16"/>
    </row>
    <row r="656" spans="2:9" s="4" customFormat="1" x14ac:dyDescent="0.2">
      <c r="B656" s="16"/>
      <c r="C656" s="16"/>
      <c r="D656" s="16"/>
      <c r="E656" s="16"/>
      <c r="F656" s="16"/>
      <c r="G656" s="16"/>
      <c r="H656" s="16"/>
      <c r="I656" s="16"/>
    </row>
    <row r="657" spans="2:9" s="4" customFormat="1" x14ac:dyDescent="0.2">
      <c r="B657" s="16"/>
      <c r="C657" s="16"/>
      <c r="D657" s="16"/>
      <c r="E657" s="16"/>
      <c r="F657" s="16"/>
      <c r="G657" s="16"/>
      <c r="H657" s="16"/>
      <c r="I657" s="16"/>
    </row>
    <row r="658" spans="2:9" s="4" customFormat="1" x14ac:dyDescent="0.2">
      <c r="B658" s="16"/>
      <c r="C658" s="16"/>
      <c r="D658" s="16"/>
      <c r="E658" s="16"/>
      <c r="F658" s="16"/>
      <c r="G658" s="16"/>
      <c r="H658" s="16"/>
      <c r="I658" s="16"/>
    </row>
    <row r="659" spans="2:9" s="4" customFormat="1" x14ac:dyDescent="0.2">
      <c r="B659" s="16"/>
      <c r="C659" s="16"/>
      <c r="D659" s="16"/>
      <c r="E659" s="16"/>
      <c r="F659" s="16"/>
      <c r="G659" s="16"/>
      <c r="H659" s="16"/>
      <c r="I659" s="16"/>
    </row>
    <row r="660" spans="2:9" s="4" customFormat="1" x14ac:dyDescent="0.2">
      <c r="B660" s="16"/>
      <c r="C660" s="16"/>
      <c r="D660" s="16"/>
      <c r="E660" s="16"/>
      <c r="F660" s="16"/>
      <c r="G660" s="16"/>
      <c r="H660" s="16"/>
      <c r="I660" s="16"/>
    </row>
    <row r="661" spans="2:9" s="4" customFormat="1" x14ac:dyDescent="0.2">
      <c r="B661" s="16"/>
      <c r="C661" s="16"/>
      <c r="D661" s="16"/>
      <c r="E661" s="16"/>
      <c r="F661" s="16"/>
      <c r="G661" s="16"/>
      <c r="H661" s="16"/>
      <c r="I661" s="16"/>
    </row>
    <row r="662" spans="2:9" s="4" customFormat="1" x14ac:dyDescent="0.2">
      <c r="B662" s="16"/>
      <c r="C662" s="16"/>
      <c r="D662" s="16"/>
      <c r="E662" s="16"/>
      <c r="F662" s="16"/>
      <c r="G662" s="16"/>
      <c r="H662" s="16"/>
      <c r="I662" s="16"/>
    </row>
    <row r="663" spans="2:9" s="4" customFormat="1" x14ac:dyDescent="0.2">
      <c r="B663" s="16"/>
      <c r="C663" s="16"/>
      <c r="D663" s="16"/>
      <c r="E663" s="16"/>
      <c r="F663" s="16"/>
      <c r="G663" s="16"/>
      <c r="H663" s="16"/>
      <c r="I663" s="16"/>
    </row>
    <row r="664" spans="2:9" s="4" customFormat="1" x14ac:dyDescent="0.2">
      <c r="B664" s="16"/>
      <c r="C664" s="16"/>
      <c r="D664" s="16"/>
      <c r="E664" s="16"/>
      <c r="F664" s="16"/>
      <c r="G664" s="16"/>
      <c r="H664" s="16"/>
      <c r="I664" s="16"/>
    </row>
    <row r="665" spans="2:9" s="4" customFormat="1" x14ac:dyDescent="0.2">
      <c r="B665" s="16"/>
      <c r="C665" s="16"/>
      <c r="D665" s="16"/>
      <c r="E665" s="16"/>
      <c r="F665" s="16"/>
      <c r="G665" s="16"/>
      <c r="H665" s="16"/>
      <c r="I665" s="16"/>
    </row>
    <row r="666" spans="2:9" s="4" customFormat="1" x14ac:dyDescent="0.2">
      <c r="B666" s="16"/>
      <c r="C666" s="16"/>
      <c r="D666" s="16"/>
      <c r="E666" s="16"/>
      <c r="F666" s="16"/>
      <c r="G666" s="16"/>
      <c r="H666" s="16"/>
      <c r="I666" s="16"/>
    </row>
    <row r="667" spans="2:9" s="4" customFormat="1" x14ac:dyDescent="0.2">
      <c r="B667" s="16"/>
      <c r="C667" s="16"/>
      <c r="D667" s="16"/>
      <c r="E667" s="16"/>
      <c r="F667" s="16"/>
      <c r="G667" s="16"/>
      <c r="H667" s="16"/>
      <c r="I667" s="16"/>
    </row>
    <row r="668" spans="2:9" s="4" customFormat="1" x14ac:dyDescent="0.2">
      <c r="B668" s="16"/>
      <c r="C668" s="16"/>
      <c r="D668" s="16"/>
      <c r="E668" s="16"/>
      <c r="F668" s="16"/>
      <c r="G668" s="16"/>
      <c r="H668" s="16"/>
      <c r="I668" s="16"/>
    </row>
    <row r="669" spans="2:9" s="4" customFormat="1" x14ac:dyDescent="0.2">
      <c r="B669" s="16"/>
      <c r="C669" s="16"/>
      <c r="D669" s="16"/>
      <c r="E669" s="16"/>
      <c r="F669" s="16"/>
      <c r="G669" s="16"/>
      <c r="H669" s="16"/>
      <c r="I669" s="16"/>
    </row>
    <row r="670" spans="2:9" s="4" customFormat="1" x14ac:dyDescent="0.2">
      <c r="B670" s="16"/>
      <c r="C670" s="16"/>
      <c r="D670" s="16"/>
      <c r="E670" s="16"/>
      <c r="F670" s="16"/>
      <c r="G670" s="16"/>
      <c r="H670" s="16"/>
      <c r="I670" s="16"/>
    </row>
    <row r="671" spans="2:9" s="4" customFormat="1" x14ac:dyDescent="0.2">
      <c r="B671" s="16"/>
      <c r="C671" s="16"/>
      <c r="D671" s="16"/>
      <c r="E671" s="16"/>
      <c r="F671" s="16"/>
      <c r="G671" s="16"/>
      <c r="H671" s="16"/>
      <c r="I671" s="16"/>
    </row>
    <row r="672" spans="2:9" s="4" customFormat="1" x14ac:dyDescent="0.2">
      <c r="B672" s="16"/>
      <c r="C672" s="16"/>
      <c r="D672" s="16"/>
      <c r="E672" s="16"/>
      <c r="F672" s="16"/>
      <c r="G672" s="16"/>
      <c r="H672" s="16"/>
      <c r="I672" s="16"/>
    </row>
    <row r="673" spans="2:9" s="4" customFormat="1" x14ac:dyDescent="0.2">
      <c r="B673" s="16"/>
      <c r="C673" s="16"/>
      <c r="D673" s="16"/>
      <c r="E673" s="16"/>
      <c r="F673" s="16"/>
      <c r="G673" s="16"/>
      <c r="H673" s="16"/>
      <c r="I673" s="16"/>
    </row>
    <row r="674" spans="2:9" s="4" customFormat="1" x14ac:dyDescent="0.2">
      <c r="B674" s="16"/>
      <c r="C674" s="16"/>
      <c r="D674" s="16"/>
      <c r="E674" s="16"/>
      <c r="F674" s="16"/>
      <c r="G674" s="16"/>
      <c r="H674" s="16"/>
      <c r="I674" s="16"/>
    </row>
    <row r="675" spans="2:9" s="4" customFormat="1" x14ac:dyDescent="0.2">
      <c r="B675" s="16"/>
      <c r="C675" s="16"/>
      <c r="D675" s="16"/>
      <c r="E675" s="16"/>
      <c r="F675" s="16"/>
      <c r="G675" s="16"/>
      <c r="H675" s="16"/>
      <c r="I675" s="16"/>
    </row>
    <row r="676" spans="2:9" s="4" customFormat="1" x14ac:dyDescent="0.2">
      <c r="B676" s="16"/>
      <c r="C676" s="16"/>
      <c r="D676" s="16"/>
      <c r="E676" s="16"/>
      <c r="F676" s="16"/>
      <c r="G676" s="16"/>
      <c r="H676" s="16"/>
      <c r="I676" s="16"/>
    </row>
    <row r="677" spans="2:9" s="4" customFormat="1" x14ac:dyDescent="0.2">
      <c r="B677" s="16"/>
      <c r="C677" s="16"/>
      <c r="D677" s="16"/>
      <c r="E677" s="16"/>
      <c r="F677" s="16"/>
      <c r="G677" s="16"/>
      <c r="H677" s="16"/>
      <c r="I677" s="16"/>
    </row>
    <row r="678" spans="2:9" s="4" customFormat="1" x14ac:dyDescent="0.2">
      <c r="B678" s="16"/>
      <c r="C678" s="16"/>
      <c r="D678" s="16"/>
      <c r="E678" s="16"/>
      <c r="F678" s="16"/>
      <c r="G678" s="16"/>
      <c r="H678" s="16"/>
      <c r="I678" s="16"/>
    </row>
    <row r="679" spans="2:9" s="4" customFormat="1" x14ac:dyDescent="0.2">
      <c r="B679" s="16"/>
      <c r="C679" s="16"/>
      <c r="D679" s="16"/>
      <c r="E679" s="16"/>
      <c r="F679" s="16"/>
      <c r="G679" s="16"/>
      <c r="H679" s="16"/>
      <c r="I679" s="16"/>
    </row>
    <row r="680" spans="2:9" s="4" customFormat="1" x14ac:dyDescent="0.2">
      <c r="B680" s="16"/>
      <c r="C680" s="16"/>
      <c r="D680" s="16"/>
      <c r="E680" s="16"/>
      <c r="F680" s="16"/>
      <c r="G680" s="16"/>
      <c r="H680" s="16"/>
      <c r="I680" s="16"/>
    </row>
    <row r="681" spans="2:9" s="4" customFormat="1" x14ac:dyDescent="0.2">
      <c r="B681" s="16"/>
      <c r="C681" s="16"/>
      <c r="D681" s="16"/>
      <c r="E681" s="16"/>
      <c r="F681" s="16"/>
      <c r="G681" s="16"/>
      <c r="H681" s="16"/>
      <c r="I681" s="16"/>
    </row>
    <row r="682" spans="2:9" s="4" customFormat="1" x14ac:dyDescent="0.2">
      <c r="B682" s="16"/>
      <c r="C682" s="16"/>
      <c r="D682" s="16"/>
      <c r="E682" s="16"/>
      <c r="F682" s="16"/>
      <c r="G682" s="16"/>
      <c r="H682" s="16"/>
      <c r="I682" s="16"/>
    </row>
    <row r="683" spans="2:9" s="4" customFormat="1" x14ac:dyDescent="0.2">
      <c r="B683" s="16"/>
      <c r="C683" s="16"/>
      <c r="D683" s="16"/>
      <c r="E683" s="16"/>
      <c r="F683" s="16"/>
      <c r="G683" s="16"/>
      <c r="H683" s="16"/>
      <c r="I683" s="16"/>
    </row>
    <row r="684" spans="2:9" s="4" customFormat="1" x14ac:dyDescent="0.2">
      <c r="B684" s="16"/>
      <c r="C684" s="16"/>
      <c r="D684" s="16"/>
      <c r="E684" s="16"/>
      <c r="F684" s="16"/>
      <c r="G684" s="16"/>
      <c r="H684" s="16"/>
      <c r="I684" s="16"/>
    </row>
    <row r="685" spans="2:9" s="4" customFormat="1" x14ac:dyDescent="0.2">
      <c r="B685" s="16"/>
      <c r="C685" s="16"/>
      <c r="D685" s="16"/>
      <c r="E685" s="16"/>
      <c r="F685" s="16"/>
      <c r="G685" s="16"/>
      <c r="H685" s="16"/>
      <c r="I685" s="16"/>
    </row>
    <row r="686" spans="2:9" s="4" customFormat="1" x14ac:dyDescent="0.2">
      <c r="B686" s="16"/>
      <c r="C686" s="16"/>
      <c r="D686" s="16"/>
      <c r="E686" s="16"/>
      <c r="F686" s="16"/>
      <c r="G686" s="16"/>
      <c r="H686" s="16"/>
      <c r="I686" s="16"/>
    </row>
    <row r="687" spans="2:9" s="4" customFormat="1" x14ac:dyDescent="0.2">
      <c r="B687" s="16"/>
      <c r="C687" s="16"/>
      <c r="D687" s="16"/>
      <c r="E687" s="16"/>
      <c r="F687" s="16"/>
      <c r="G687" s="16"/>
      <c r="H687" s="16"/>
      <c r="I687" s="16"/>
    </row>
    <row r="688" spans="2:9" s="4" customFormat="1" x14ac:dyDescent="0.2">
      <c r="B688" s="16"/>
      <c r="C688" s="16"/>
      <c r="D688" s="16"/>
      <c r="E688" s="16"/>
      <c r="F688" s="16"/>
      <c r="G688" s="16"/>
      <c r="H688" s="16"/>
      <c r="I688" s="16"/>
    </row>
    <row r="689" spans="2:9" s="4" customFormat="1" x14ac:dyDescent="0.2">
      <c r="B689" s="16"/>
      <c r="C689" s="16"/>
      <c r="D689" s="16"/>
      <c r="E689" s="16"/>
      <c r="F689" s="16"/>
      <c r="G689" s="16"/>
      <c r="H689" s="16"/>
      <c r="I689" s="16"/>
    </row>
    <row r="690" spans="2:9" s="4" customFormat="1" x14ac:dyDescent="0.2">
      <c r="B690" s="16"/>
      <c r="C690" s="16"/>
      <c r="D690" s="16"/>
      <c r="E690" s="16"/>
      <c r="F690" s="16"/>
      <c r="G690" s="16"/>
      <c r="H690" s="16"/>
      <c r="I690" s="16"/>
    </row>
    <row r="691" spans="2:9" s="4" customFormat="1" x14ac:dyDescent="0.2">
      <c r="B691" s="16"/>
      <c r="C691" s="16"/>
      <c r="D691" s="16"/>
      <c r="E691" s="16"/>
      <c r="F691" s="16"/>
      <c r="G691" s="16"/>
      <c r="H691" s="16"/>
      <c r="I691" s="16"/>
    </row>
    <row r="692" spans="2:9" s="4" customFormat="1" x14ac:dyDescent="0.2">
      <c r="B692" s="16"/>
      <c r="C692" s="16"/>
      <c r="D692" s="16"/>
      <c r="E692" s="16"/>
      <c r="F692" s="16"/>
      <c r="G692" s="16"/>
      <c r="H692" s="16"/>
      <c r="I692" s="16"/>
    </row>
    <row r="693" spans="2:9" s="4" customFormat="1" x14ac:dyDescent="0.2">
      <c r="B693" s="16"/>
      <c r="C693" s="16"/>
      <c r="D693" s="16"/>
      <c r="E693" s="16"/>
      <c r="F693" s="16"/>
      <c r="G693" s="16"/>
      <c r="H693" s="16"/>
      <c r="I693" s="16"/>
    </row>
    <row r="694" spans="2:9" s="4" customFormat="1" x14ac:dyDescent="0.2">
      <c r="B694" s="16"/>
      <c r="C694" s="16"/>
      <c r="D694" s="16"/>
      <c r="E694" s="16"/>
      <c r="F694" s="16"/>
      <c r="G694" s="16"/>
      <c r="H694" s="16"/>
      <c r="I694" s="16"/>
    </row>
    <row r="695" spans="2:9" s="4" customFormat="1" x14ac:dyDescent="0.2">
      <c r="B695" s="16"/>
      <c r="C695" s="16"/>
      <c r="D695" s="16"/>
      <c r="E695" s="16"/>
      <c r="F695" s="16"/>
      <c r="G695" s="16"/>
      <c r="H695" s="16"/>
      <c r="I695" s="16"/>
    </row>
    <row r="696" spans="2:9" s="4" customFormat="1" x14ac:dyDescent="0.2">
      <c r="B696" s="16"/>
      <c r="C696" s="16"/>
      <c r="D696" s="16"/>
      <c r="E696" s="16"/>
      <c r="F696" s="16"/>
      <c r="G696" s="16"/>
      <c r="H696" s="16"/>
      <c r="I696" s="16"/>
    </row>
    <row r="697" spans="2:9" s="4" customFormat="1" x14ac:dyDescent="0.2">
      <c r="B697" s="16"/>
      <c r="C697" s="16"/>
      <c r="D697" s="16"/>
      <c r="E697" s="16"/>
      <c r="F697" s="16"/>
      <c r="G697" s="16"/>
      <c r="H697" s="16"/>
      <c r="I697" s="16"/>
    </row>
    <row r="698" spans="2:9" s="4" customFormat="1" x14ac:dyDescent="0.2">
      <c r="B698" s="16"/>
      <c r="C698" s="16"/>
      <c r="D698" s="16"/>
      <c r="E698" s="16"/>
      <c r="F698" s="16"/>
      <c r="G698" s="16"/>
      <c r="H698" s="16"/>
      <c r="I698" s="16"/>
    </row>
    <row r="699" spans="2:9" s="4" customFormat="1" x14ac:dyDescent="0.2">
      <c r="B699" s="16"/>
      <c r="C699" s="16"/>
      <c r="D699" s="16"/>
      <c r="E699" s="16"/>
      <c r="F699" s="16"/>
      <c r="G699" s="16"/>
      <c r="H699" s="16"/>
      <c r="I699" s="16"/>
    </row>
    <row r="700" spans="2:9" s="4" customFormat="1" x14ac:dyDescent="0.2">
      <c r="B700" s="16"/>
      <c r="C700" s="16"/>
      <c r="D700" s="16"/>
      <c r="E700" s="16"/>
      <c r="F700" s="16"/>
      <c r="G700" s="16"/>
      <c r="H700" s="16"/>
      <c r="I700" s="16"/>
    </row>
    <row r="701" spans="2:9" s="4" customFormat="1" x14ac:dyDescent="0.2">
      <c r="B701" s="16"/>
      <c r="C701" s="16"/>
      <c r="D701" s="16"/>
      <c r="E701" s="16"/>
      <c r="F701" s="16"/>
      <c r="G701" s="16"/>
      <c r="H701" s="16"/>
      <c r="I701" s="16"/>
    </row>
    <row r="702" spans="2:9" s="4" customFormat="1" x14ac:dyDescent="0.2">
      <c r="B702" s="16"/>
      <c r="C702" s="16"/>
      <c r="D702" s="16"/>
      <c r="E702" s="16"/>
      <c r="F702" s="16"/>
      <c r="G702" s="16"/>
      <c r="H702" s="16"/>
      <c r="I702" s="16"/>
    </row>
    <row r="703" spans="2:9" s="4" customFormat="1" x14ac:dyDescent="0.2">
      <c r="B703" s="16"/>
      <c r="C703" s="16"/>
      <c r="D703" s="16"/>
      <c r="E703" s="16"/>
      <c r="F703" s="16"/>
      <c r="G703" s="16"/>
      <c r="H703" s="16"/>
      <c r="I703" s="16"/>
    </row>
    <row r="704" spans="2:9" s="4" customFormat="1" x14ac:dyDescent="0.2">
      <c r="B704" s="16"/>
      <c r="C704" s="16"/>
      <c r="D704" s="16"/>
      <c r="E704" s="16"/>
      <c r="F704" s="16"/>
      <c r="G704" s="16"/>
      <c r="H704" s="16"/>
      <c r="I704" s="16"/>
    </row>
    <row r="705" spans="2:9" s="4" customFormat="1" x14ac:dyDescent="0.2">
      <c r="B705" s="16"/>
      <c r="C705" s="16"/>
      <c r="D705" s="16"/>
      <c r="E705" s="16"/>
      <c r="F705" s="16"/>
      <c r="G705" s="16"/>
      <c r="H705" s="16"/>
      <c r="I705" s="16"/>
    </row>
    <row r="706" spans="2:9" s="4" customFormat="1" x14ac:dyDescent="0.2">
      <c r="B706" s="16"/>
      <c r="C706" s="16"/>
      <c r="D706" s="16"/>
      <c r="E706" s="16"/>
      <c r="F706" s="16"/>
      <c r="G706" s="16"/>
      <c r="H706" s="16"/>
      <c r="I706" s="16"/>
    </row>
    <row r="707" spans="2:9" s="4" customFormat="1" x14ac:dyDescent="0.2">
      <c r="B707" s="16"/>
      <c r="C707" s="16"/>
      <c r="D707" s="16"/>
      <c r="E707" s="16"/>
      <c r="F707" s="16"/>
      <c r="G707" s="16"/>
      <c r="H707" s="16"/>
      <c r="I707" s="16"/>
    </row>
    <row r="708" spans="2:9" s="4" customFormat="1" x14ac:dyDescent="0.2">
      <c r="B708" s="16"/>
      <c r="C708" s="16"/>
      <c r="D708" s="16"/>
      <c r="E708" s="16"/>
      <c r="F708" s="16"/>
      <c r="G708" s="16"/>
      <c r="H708" s="16"/>
      <c r="I708" s="16"/>
    </row>
    <row r="709" spans="2:9" s="4" customFormat="1" x14ac:dyDescent="0.2">
      <c r="B709" s="16"/>
      <c r="C709" s="16"/>
      <c r="D709" s="16"/>
      <c r="E709" s="16"/>
      <c r="F709" s="16"/>
      <c r="G709" s="16"/>
      <c r="H709" s="16"/>
      <c r="I709" s="16"/>
    </row>
    <row r="710" spans="2:9" s="4" customFormat="1" x14ac:dyDescent="0.2">
      <c r="B710" s="16"/>
      <c r="C710" s="16"/>
      <c r="D710" s="16"/>
      <c r="E710" s="16"/>
      <c r="F710" s="16"/>
      <c r="G710" s="16"/>
      <c r="H710" s="16"/>
      <c r="I710" s="16"/>
    </row>
    <row r="711" spans="2:9" s="4" customFormat="1" x14ac:dyDescent="0.2">
      <c r="B711" s="16"/>
      <c r="C711" s="16"/>
      <c r="D711" s="16"/>
      <c r="E711" s="16"/>
      <c r="F711" s="16"/>
      <c r="G711" s="16"/>
      <c r="H711" s="16"/>
      <c r="I711" s="16"/>
    </row>
    <row r="712" spans="2:9" s="4" customFormat="1" x14ac:dyDescent="0.2">
      <c r="B712" s="16"/>
      <c r="C712" s="16"/>
      <c r="D712" s="16"/>
      <c r="E712" s="16"/>
      <c r="F712" s="16"/>
      <c r="G712" s="16"/>
      <c r="H712" s="16"/>
      <c r="I712" s="16"/>
    </row>
    <row r="713" spans="2:9" s="4" customFormat="1" x14ac:dyDescent="0.2">
      <c r="B713" s="16"/>
      <c r="C713" s="16"/>
      <c r="D713" s="16"/>
      <c r="E713" s="16"/>
      <c r="F713" s="16"/>
      <c r="G713" s="16"/>
      <c r="H713" s="16"/>
      <c r="I713" s="16"/>
    </row>
    <row r="714" spans="2:9" s="4" customFormat="1" x14ac:dyDescent="0.2">
      <c r="B714" s="16"/>
      <c r="C714" s="16"/>
      <c r="D714" s="16"/>
      <c r="E714" s="16"/>
      <c r="F714" s="16"/>
      <c r="G714" s="16"/>
      <c r="H714" s="16"/>
      <c r="I714" s="16"/>
    </row>
    <row r="715" spans="2:9" s="4" customFormat="1" x14ac:dyDescent="0.2">
      <c r="B715" s="16"/>
      <c r="C715" s="16"/>
      <c r="D715" s="16"/>
      <c r="E715" s="16"/>
      <c r="F715" s="16"/>
      <c r="G715" s="16"/>
      <c r="H715" s="16"/>
      <c r="I715" s="16"/>
    </row>
    <row r="716" spans="2:9" s="4" customFormat="1" x14ac:dyDescent="0.2">
      <c r="B716" s="16"/>
      <c r="C716" s="16"/>
      <c r="D716" s="16"/>
      <c r="E716" s="16"/>
      <c r="F716" s="16"/>
      <c r="G716" s="16"/>
      <c r="H716" s="16"/>
      <c r="I716" s="16"/>
    </row>
    <row r="717" spans="2:9" s="4" customFormat="1" x14ac:dyDescent="0.2">
      <c r="B717" s="16"/>
      <c r="C717" s="16"/>
      <c r="D717" s="16"/>
      <c r="E717" s="16"/>
      <c r="F717" s="16"/>
      <c r="G717" s="16"/>
      <c r="H717" s="16"/>
      <c r="I717" s="16"/>
    </row>
    <row r="718" spans="2:9" s="4" customFormat="1" x14ac:dyDescent="0.2">
      <c r="B718" s="16"/>
      <c r="C718" s="16"/>
      <c r="D718" s="16"/>
      <c r="E718" s="16"/>
      <c r="F718" s="16"/>
      <c r="G718" s="16"/>
      <c r="H718" s="16"/>
      <c r="I718" s="16"/>
    </row>
    <row r="719" spans="2:9" s="4" customFormat="1" x14ac:dyDescent="0.2">
      <c r="B719" s="16"/>
      <c r="C719" s="16"/>
      <c r="D719" s="16"/>
      <c r="E719" s="16"/>
      <c r="F719" s="16"/>
      <c r="G719" s="16"/>
      <c r="H719" s="16"/>
      <c r="I719" s="16"/>
    </row>
    <row r="720" spans="2:9" s="4" customFormat="1" x14ac:dyDescent="0.2">
      <c r="B720" s="16"/>
      <c r="C720" s="16"/>
      <c r="D720" s="16"/>
      <c r="E720" s="16"/>
      <c r="F720" s="16"/>
      <c r="G720" s="16"/>
      <c r="H720" s="16"/>
      <c r="I720" s="16"/>
    </row>
    <row r="721" spans="2:9" s="4" customFormat="1" x14ac:dyDescent="0.2">
      <c r="B721" s="16"/>
      <c r="C721" s="16"/>
      <c r="D721" s="16"/>
      <c r="E721" s="16"/>
      <c r="F721" s="16"/>
      <c r="G721" s="16"/>
      <c r="H721" s="16"/>
      <c r="I721" s="16"/>
    </row>
    <row r="722" spans="2:9" s="4" customFormat="1" x14ac:dyDescent="0.2">
      <c r="B722" s="16"/>
      <c r="C722" s="16"/>
      <c r="D722" s="16"/>
      <c r="E722" s="16"/>
      <c r="F722" s="16"/>
      <c r="G722" s="16"/>
      <c r="H722" s="16"/>
      <c r="I722" s="16"/>
    </row>
    <row r="723" spans="2:9" s="4" customFormat="1" x14ac:dyDescent="0.2">
      <c r="B723" s="16"/>
      <c r="C723" s="16"/>
      <c r="D723" s="16"/>
      <c r="E723" s="16"/>
      <c r="F723" s="16"/>
      <c r="G723" s="16"/>
      <c r="H723" s="16"/>
      <c r="I723" s="16"/>
    </row>
    <row r="724" spans="2:9" s="4" customFormat="1" x14ac:dyDescent="0.2">
      <c r="B724" s="16"/>
      <c r="C724" s="16"/>
      <c r="D724" s="16"/>
      <c r="E724" s="16"/>
      <c r="F724" s="16"/>
      <c r="G724" s="16"/>
      <c r="H724" s="16"/>
      <c r="I724" s="16"/>
    </row>
    <row r="725" spans="2:9" s="4" customFormat="1" x14ac:dyDescent="0.2">
      <c r="B725" s="16"/>
      <c r="C725" s="16"/>
      <c r="D725" s="16"/>
      <c r="E725" s="16"/>
      <c r="F725" s="16"/>
      <c r="G725" s="16"/>
      <c r="H725" s="16"/>
      <c r="I725" s="16"/>
    </row>
    <row r="726" spans="2:9" s="4" customFormat="1" x14ac:dyDescent="0.2">
      <c r="B726" s="16"/>
      <c r="C726" s="16"/>
      <c r="D726" s="16"/>
      <c r="E726" s="16"/>
      <c r="F726" s="16"/>
      <c r="G726" s="16"/>
      <c r="H726" s="16"/>
      <c r="I726" s="16"/>
    </row>
    <row r="727" spans="2:9" s="4" customFormat="1" x14ac:dyDescent="0.2">
      <c r="B727" s="16"/>
      <c r="C727" s="16"/>
      <c r="D727" s="16"/>
      <c r="E727" s="16"/>
      <c r="F727" s="16"/>
      <c r="G727" s="16"/>
      <c r="H727" s="16"/>
      <c r="I727" s="16"/>
    </row>
    <row r="728" spans="2:9" s="4" customFormat="1" x14ac:dyDescent="0.2">
      <c r="B728" s="16"/>
      <c r="C728" s="16"/>
      <c r="D728" s="16"/>
      <c r="E728" s="16"/>
      <c r="F728" s="16"/>
      <c r="G728" s="16"/>
      <c r="H728" s="16"/>
      <c r="I728" s="16"/>
    </row>
    <row r="729" spans="2:9" s="4" customFormat="1" x14ac:dyDescent="0.2">
      <c r="B729" s="16"/>
      <c r="C729" s="16"/>
      <c r="D729" s="16"/>
      <c r="E729" s="16"/>
      <c r="F729" s="16"/>
      <c r="G729" s="16"/>
      <c r="H729" s="16"/>
      <c r="I729" s="16"/>
    </row>
    <row r="730" spans="2:9" s="4" customFormat="1" x14ac:dyDescent="0.2">
      <c r="B730" s="16"/>
      <c r="C730" s="16"/>
      <c r="D730" s="16"/>
      <c r="E730" s="16"/>
      <c r="F730" s="16"/>
      <c r="G730" s="16"/>
      <c r="H730" s="16"/>
      <c r="I730" s="16"/>
    </row>
    <row r="731" spans="2:9" s="4" customFormat="1" x14ac:dyDescent="0.2">
      <c r="B731" s="16"/>
      <c r="C731" s="16"/>
      <c r="D731" s="16"/>
      <c r="E731" s="16"/>
      <c r="F731" s="16"/>
      <c r="G731" s="16"/>
      <c r="H731" s="16"/>
      <c r="I731" s="16"/>
    </row>
    <row r="732" spans="2:9" s="4" customFormat="1" x14ac:dyDescent="0.2">
      <c r="B732" s="16"/>
      <c r="C732" s="16"/>
      <c r="D732" s="16"/>
      <c r="E732" s="16"/>
      <c r="F732" s="16"/>
      <c r="G732" s="16"/>
      <c r="H732" s="16"/>
      <c r="I732" s="16"/>
    </row>
    <row r="733" spans="2:9" s="4" customFormat="1" x14ac:dyDescent="0.2">
      <c r="B733" s="16"/>
      <c r="C733" s="16"/>
      <c r="D733" s="16"/>
      <c r="E733" s="16"/>
      <c r="F733" s="16"/>
      <c r="G733" s="16"/>
      <c r="H733" s="16"/>
      <c r="I733" s="16"/>
    </row>
    <row r="734" spans="2:9" s="4" customFormat="1" x14ac:dyDescent="0.2">
      <c r="B734" s="16"/>
      <c r="C734" s="16"/>
      <c r="D734" s="16"/>
      <c r="E734" s="16"/>
      <c r="F734" s="16"/>
      <c r="G734" s="16"/>
      <c r="H734" s="16"/>
      <c r="I734" s="16"/>
    </row>
    <row r="735" spans="2:9" s="4" customFormat="1" x14ac:dyDescent="0.2">
      <c r="B735" s="16"/>
      <c r="C735" s="16"/>
      <c r="D735" s="16"/>
      <c r="E735" s="16"/>
      <c r="F735" s="16"/>
      <c r="G735" s="16"/>
      <c r="H735" s="16"/>
      <c r="I735" s="16"/>
    </row>
    <row r="736" spans="2:9" s="4" customFormat="1" x14ac:dyDescent="0.2">
      <c r="B736" s="16"/>
      <c r="C736" s="16"/>
      <c r="D736" s="16"/>
      <c r="E736" s="16"/>
      <c r="F736" s="16"/>
      <c r="G736" s="16"/>
      <c r="H736" s="16"/>
      <c r="I736" s="16"/>
    </row>
    <row r="737" spans="2:9" s="4" customFormat="1" x14ac:dyDescent="0.2">
      <c r="B737" s="16"/>
      <c r="C737" s="16"/>
      <c r="D737" s="16"/>
      <c r="E737" s="16"/>
      <c r="F737" s="16"/>
      <c r="G737" s="16"/>
      <c r="H737" s="16"/>
      <c r="I737" s="16"/>
    </row>
    <row r="738" spans="2:9" s="4" customFormat="1" x14ac:dyDescent="0.2">
      <c r="B738" s="16"/>
      <c r="C738" s="16"/>
      <c r="D738" s="16"/>
      <c r="E738" s="16"/>
      <c r="F738" s="16"/>
      <c r="G738" s="16"/>
      <c r="H738" s="16"/>
      <c r="I738" s="16"/>
    </row>
    <row r="739" spans="2:9" s="4" customFormat="1" x14ac:dyDescent="0.2">
      <c r="B739" s="16"/>
      <c r="C739" s="16"/>
      <c r="D739" s="16"/>
      <c r="E739" s="16"/>
      <c r="F739" s="16"/>
      <c r="G739" s="16"/>
      <c r="H739" s="16"/>
      <c r="I739" s="16"/>
    </row>
    <row r="740" spans="2:9" s="4" customFormat="1" x14ac:dyDescent="0.2">
      <c r="B740" s="16"/>
      <c r="C740" s="16"/>
      <c r="D740" s="16"/>
      <c r="E740" s="16"/>
      <c r="F740" s="16"/>
      <c r="G740" s="16"/>
      <c r="H740" s="16"/>
      <c r="I740" s="16"/>
    </row>
    <row r="741" spans="2:9" s="4" customFormat="1" x14ac:dyDescent="0.2">
      <c r="B741" s="16"/>
      <c r="C741" s="16"/>
      <c r="D741" s="16"/>
      <c r="E741" s="16"/>
      <c r="F741" s="16"/>
      <c r="G741" s="16"/>
      <c r="H741" s="16"/>
      <c r="I741" s="16"/>
    </row>
    <row r="742" spans="2:9" s="4" customFormat="1" x14ac:dyDescent="0.2">
      <c r="B742" s="16"/>
      <c r="C742" s="16"/>
      <c r="D742" s="16"/>
      <c r="E742" s="16"/>
      <c r="F742" s="16"/>
      <c r="G742" s="16"/>
      <c r="H742" s="16"/>
      <c r="I742" s="16"/>
    </row>
    <row r="743" spans="2:9" s="4" customFormat="1" x14ac:dyDescent="0.2">
      <c r="B743" s="16"/>
      <c r="C743" s="16"/>
      <c r="D743" s="16"/>
      <c r="E743" s="16"/>
      <c r="F743" s="16"/>
      <c r="G743" s="16"/>
      <c r="H743" s="16"/>
      <c r="I743" s="16"/>
    </row>
    <row r="744" spans="2:9" s="4" customFormat="1" x14ac:dyDescent="0.2">
      <c r="B744" s="16"/>
      <c r="C744" s="16"/>
      <c r="D744" s="16"/>
      <c r="E744" s="16"/>
      <c r="F744" s="16"/>
      <c r="G744" s="16"/>
      <c r="H744" s="16"/>
      <c r="I744" s="16"/>
    </row>
    <row r="745" spans="2:9" s="4" customFormat="1" x14ac:dyDescent="0.2">
      <c r="B745" s="16"/>
      <c r="C745" s="16"/>
      <c r="D745" s="16"/>
      <c r="E745" s="16"/>
      <c r="F745" s="16"/>
      <c r="G745" s="16"/>
      <c r="H745" s="16"/>
      <c r="I745" s="16"/>
    </row>
    <row r="746" spans="2:9" s="4" customFormat="1" x14ac:dyDescent="0.2">
      <c r="B746" s="16"/>
      <c r="C746" s="16"/>
      <c r="D746" s="16"/>
      <c r="E746" s="16"/>
      <c r="F746" s="16"/>
      <c r="G746" s="16"/>
      <c r="H746" s="16"/>
      <c r="I746" s="16"/>
    </row>
    <row r="747" spans="2:9" s="4" customFormat="1" x14ac:dyDescent="0.2">
      <c r="B747" s="16"/>
      <c r="C747" s="16"/>
      <c r="D747" s="16"/>
      <c r="E747" s="16"/>
      <c r="F747" s="16"/>
      <c r="G747" s="16"/>
      <c r="H747" s="16"/>
      <c r="I747" s="16"/>
    </row>
    <row r="748" spans="2:9" s="4" customFormat="1" x14ac:dyDescent="0.2">
      <c r="B748" s="16"/>
      <c r="C748" s="16"/>
      <c r="D748" s="16"/>
      <c r="E748" s="16"/>
      <c r="F748" s="16"/>
      <c r="G748" s="16"/>
      <c r="H748" s="16"/>
      <c r="I748" s="16"/>
    </row>
    <row r="749" spans="2:9" s="4" customFormat="1" x14ac:dyDescent="0.2">
      <c r="B749" s="16"/>
      <c r="C749" s="16"/>
      <c r="D749" s="16"/>
      <c r="E749" s="16"/>
      <c r="F749" s="16"/>
      <c r="G749" s="16"/>
      <c r="H749" s="16"/>
      <c r="I749" s="16"/>
    </row>
    <row r="750" spans="2:9" s="4" customFormat="1" x14ac:dyDescent="0.2">
      <c r="B750" s="16"/>
      <c r="C750" s="16"/>
      <c r="D750" s="16"/>
      <c r="E750" s="16"/>
      <c r="F750" s="16"/>
      <c r="G750" s="16"/>
      <c r="H750" s="16"/>
      <c r="I750" s="16"/>
    </row>
    <row r="751" spans="2:9" s="4" customFormat="1" x14ac:dyDescent="0.2">
      <c r="B751" s="16"/>
      <c r="C751" s="16"/>
      <c r="D751" s="16"/>
      <c r="E751" s="16"/>
      <c r="F751" s="16"/>
      <c r="G751" s="16"/>
      <c r="H751" s="16"/>
      <c r="I751" s="16"/>
    </row>
    <row r="752" spans="2:9" s="4" customFormat="1" x14ac:dyDescent="0.2">
      <c r="B752" s="16"/>
      <c r="C752" s="16"/>
      <c r="D752" s="16"/>
      <c r="E752" s="16"/>
      <c r="F752" s="16"/>
      <c r="G752" s="16"/>
      <c r="H752" s="16"/>
      <c r="I752" s="16"/>
    </row>
    <row r="753" spans="2:9" s="4" customFormat="1" x14ac:dyDescent="0.2">
      <c r="B753" s="16"/>
      <c r="C753" s="16"/>
      <c r="D753" s="16"/>
      <c r="E753" s="16"/>
      <c r="F753" s="16"/>
      <c r="G753" s="16"/>
      <c r="H753" s="16"/>
      <c r="I753" s="16"/>
    </row>
    <row r="754" spans="2:9" s="4" customFormat="1" x14ac:dyDescent="0.2">
      <c r="B754" s="16"/>
      <c r="C754" s="16"/>
      <c r="D754" s="16"/>
      <c r="E754" s="16"/>
      <c r="F754" s="16"/>
      <c r="G754" s="16"/>
      <c r="H754" s="16"/>
      <c r="I754" s="16"/>
    </row>
    <row r="755" spans="2:9" s="4" customFormat="1" x14ac:dyDescent="0.2">
      <c r="B755" s="16"/>
      <c r="C755" s="16"/>
      <c r="D755" s="16"/>
      <c r="E755" s="16"/>
      <c r="F755" s="16"/>
      <c r="G755" s="16"/>
      <c r="H755" s="16"/>
      <c r="I755" s="16"/>
    </row>
    <row r="756" spans="2:9" s="4" customFormat="1" x14ac:dyDescent="0.2">
      <c r="B756" s="16"/>
      <c r="C756" s="16"/>
      <c r="D756" s="16"/>
      <c r="E756" s="16"/>
      <c r="F756" s="16"/>
      <c r="G756" s="16"/>
      <c r="H756" s="16"/>
      <c r="I756" s="16"/>
    </row>
    <row r="757" spans="2:9" s="4" customFormat="1" x14ac:dyDescent="0.2">
      <c r="B757" s="16"/>
      <c r="C757" s="16"/>
      <c r="D757" s="16"/>
      <c r="E757" s="16"/>
      <c r="F757" s="16"/>
      <c r="G757" s="16"/>
      <c r="H757" s="16"/>
      <c r="I757" s="16"/>
    </row>
    <row r="758" spans="2:9" s="4" customFormat="1" x14ac:dyDescent="0.2">
      <c r="B758" s="16"/>
      <c r="C758" s="16"/>
      <c r="D758" s="16"/>
      <c r="E758" s="16"/>
      <c r="F758" s="16"/>
      <c r="G758" s="16"/>
      <c r="H758" s="16"/>
      <c r="I758" s="16"/>
    </row>
    <row r="759" spans="2:9" s="4" customFormat="1" x14ac:dyDescent="0.2">
      <c r="B759" s="16"/>
      <c r="C759" s="16"/>
      <c r="D759" s="16"/>
      <c r="E759" s="16"/>
      <c r="F759" s="16"/>
      <c r="G759" s="16"/>
      <c r="H759" s="16"/>
      <c r="I759" s="16"/>
    </row>
    <row r="760" spans="2:9" s="4" customFormat="1" x14ac:dyDescent="0.2">
      <c r="B760" s="16"/>
      <c r="C760" s="16"/>
      <c r="D760" s="16"/>
      <c r="E760" s="16"/>
      <c r="F760" s="16"/>
      <c r="G760" s="16"/>
      <c r="H760" s="16"/>
      <c r="I760" s="16"/>
    </row>
    <row r="761" spans="2:9" s="4" customFormat="1" x14ac:dyDescent="0.2">
      <c r="B761" s="16"/>
      <c r="C761" s="16"/>
      <c r="D761" s="16"/>
      <c r="E761" s="16"/>
      <c r="F761" s="16"/>
      <c r="G761" s="16"/>
      <c r="H761" s="16"/>
      <c r="I761" s="16"/>
    </row>
    <row r="762" spans="2:9" s="4" customFormat="1" x14ac:dyDescent="0.2">
      <c r="B762" s="16"/>
      <c r="C762" s="16"/>
      <c r="D762" s="16"/>
      <c r="E762" s="16"/>
      <c r="F762" s="16"/>
      <c r="G762" s="16"/>
      <c r="H762" s="16"/>
      <c r="I762" s="16"/>
    </row>
    <row r="763" spans="2:9" s="4" customFormat="1" x14ac:dyDescent="0.2">
      <c r="B763" s="16"/>
      <c r="C763" s="16"/>
      <c r="D763" s="16"/>
      <c r="E763" s="16"/>
      <c r="F763" s="16"/>
      <c r="G763" s="16"/>
      <c r="H763" s="16"/>
      <c r="I763" s="16"/>
    </row>
    <row r="764" spans="2:9" s="4" customFormat="1" x14ac:dyDescent="0.2">
      <c r="B764" s="16"/>
      <c r="C764" s="16"/>
      <c r="D764" s="16"/>
      <c r="E764" s="16"/>
      <c r="F764" s="16"/>
      <c r="G764" s="16"/>
      <c r="H764" s="16"/>
      <c r="I764" s="16"/>
    </row>
    <row r="765" spans="2:9" s="4" customFormat="1" x14ac:dyDescent="0.2">
      <c r="B765" s="16"/>
      <c r="C765" s="16"/>
      <c r="D765" s="16"/>
      <c r="E765" s="16"/>
      <c r="F765" s="16"/>
      <c r="G765" s="16"/>
      <c r="H765" s="16"/>
      <c r="I765" s="16"/>
    </row>
    <row r="766" spans="2:9" s="4" customFormat="1" x14ac:dyDescent="0.2">
      <c r="B766" s="16"/>
      <c r="C766" s="16"/>
      <c r="D766" s="16"/>
      <c r="E766" s="16"/>
      <c r="F766" s="16"/>
      <c r="G766" s="16"/>
      <c r="H766" s="16"/>
      <c r="I766" s="16"/>
    </row>
    <row r="767" spans="2:9" s="4" customFormat="1" x14ac:dyDescent="0.2">
      <c r="B767" s="16"/>
      <c r="C767" s="16"/>
      <c r="D767" s="16"/>
      <c r="E767" s="16"/>
      <c r="F767" s="16"/>
      <c r="G767" s="16"/>
      <c r="H767" s="16"/>
      <c r="I767" s="16"/>
    </row>
    <row r="768" spans="2:9" s="4" customFormat="1" x14ac:dyDescent="0.2">
      <c r="B768" s="16"/>
      <c r="C768" s="16"/>
      <c r="D768" s="16"/>
      <c r="E768" s="16"/>
      <c r="F768" s="16"/>
      <c r="G768" s="16"/>
      <c r="H768" s="16"/>
      <c r="I768" s="16"/>
    </row>
    <row r="769" spans="2:9" s="4" customFormat="1" x14ac:dyDescent="0.2">
      <c r="B769" s="16"/>
      <c r="C769" s="16"/>
      <c r="D769" s="16"/>
      <c r="E769" s="16"/>
      <c r="F769" s="16"/>
      <c r="G769" s="16"/>
      <c r="H769" s="16"/>
      <c r="I769" s="16"/>
    </row>
    <row r="770" spans="2:9" s="4" customFormat="1" x14ac:dyDescent="0.2">
      <c r="B770" s="16"/>
      <c r="C770" s="16"/>
      <c r="D770" s="16"/>
      <c r="E770" s="16"/>
      <c r="F770" s="16"/>
      <c r="G770" s="16"/>
      <c r="H770" s="16"/>
      <c r="I770" s="16"/>
    </row>
    <row r="771" spans="2:9" s="4" customFormat="1" x14ac:dyDescent="0.2">
      <c r="B771" s="16"/>
      <c r="C771" s="16"/>
      <c r="D771" s="16"/>
      <c r="E771" s="16"/>
      <c r="F771" s="16"/>
      <c r="G771" s="16"/>
      <c r="H771" s="16"/>
      <c r="I771" s="16"/>
    </row>
    <row r="772" spans="2:9" s="4" customFormat="1" x14ac:dyDescent="0.2">
      <c r="B772" s="16"/>
      <c r="C772" s="16"/>
      <c r="D772" s="16"/>
      <c r="E772" s="16"/>
      <c r="F772" s="16"/>
      <c r="G772" s="16"/>
      <c r="H772" s="16"/>
      <c r="I772" s="16"/>
    </row>
    <row r="773" spans="2:9" s="4" customFormat="1" x14ac:dyDescent="0.2">
      <c r="B773" s="16"/>
      <c r="C773" s="16"/>
      <c r="D773" s="16"/>
      <c r="E773" s="16"/>
      <c r="F773" s="16"/>
      <c r="G773" s="16"/>
      <c r="H773" s="16"/>
      <c r="I773" s="16"/>
    </row>
    <row r="774" spans="2:9" s="4" customFormat="1" x14ac:dyDescent="0.2">
      <c r="B774" s="16"/>
      <c r="C774" s="16"/>
      <c r="D774" s="16"/>
      <c r="E774" s="16"/>
      <c r="F774" s="16"/>
      <c r="G774" s="16"/>
      <c r="H774" s="16"/>
      <c r="I774" s="16"/>
    </row>
    <row r="775" spans="2:9" s="4" customFormat="1" x14ac:dyDescent="0.2">
      <c r="B775" s="16"/>
      <c r="C775" s="16"/>
      <c r="D775" s="16"/>
      <c r="E775" s="16"/>
      <c r="F775" s="16"/>
      <c r="G775" s="16"/>
      <c r="H775" s="16"/>
      <c r="I775" s="16"/>
    </row>
    <row r="776" spans="2:9" s="4" customFormat="1" x14ac:dyDescent="0.2">
      <c r="B776" s="16"/>
      <c r="C776" s="16"/>
      <c r="D776" s="16"/>
      <c r="E776" s="16"/>
      <c r="F776" s="16"/>
      <c r="G776" s="16"/>
      <c r="H776" s="16"/>
      <c r="I776" s="16"/>
    </row>
    <row r="777" spans="2:9" s="4" customFormat="1" x14ac:dyDescent="0.2">
      <c r="B777" s="16"/>
      <c r="C777" s="16"/>
      <c r="D777" s="16"/>
      <c r="E777" s="16"/>
      <c r="F777" s="16"/>
      <c r="G777" s="16"/>
      <c r="H777" s="16"/>
      <c r="I777" s="16"/>
    </row>
    <row r="778" spans="2:9" s="4" customFormat="1" x14ac:dyDescent="0.2">
      <c r="B778" s="16"/>
      <c r="C778" s="16"/>
      <c r="D778" s="16"/>
      <c r="E778" s="16"/>
      <c r="F778" s="16"/>
      <c r="G778" s="16"/>
      <c r="H778" s="16"/>
      <c r="I778" s="16"/>
    </row>
    <row r="779" spans="2:9" s="4" customFormat="1" x14ac:dyDescent="0.2">
      <c r="B779" s="16"/>
      <c r="C779" s="16"/>
      <c r="D779" s="16"/>
      <c r="E779" s="16"/>
      <c r="F779" s="16"/>
      <c r="G779" s="16"/>
      <c r="H779" s="16"/>
      <c r="I779" s="16"/>
    </row>
    <row r="780" spans="2:9" s="4" customFormat="1" x14ac:dyDescent="0.2">
      <c r="B780" s="16"/>
      <c r="C780" s="16"/>
      <c r="D780" s="16"/>
      <c r="E780" s="16"/>
      <c r="F780" s="16"/>
      <c r="G780" s="16"/>
      <c r="H780" s="16"/>
      <c r="I780" s="16"/>
    </row>
    <row r="781" spans="2:9" s="4" customFormat="1" x14ac:dyDescent="0.2">
      <c r="B781" s="16"/>
      <c r="C781" s="16"/>
      <c r="D781" s="16"/>
      <c r="E781" s="16"/>
      <c r="F781" s="16"/>
      <c r="G781" s="16"/>
      <c r="H781" s="16"/>
      <c r="I781" s="16"/>
    </row>
    <row r="782" spans="2:9" s="4" customFormat="1" x14ac:dyDescent="0.2">
      <c r="B782" s="16"/>
      <c r="C782" s="16"/>
      <c r="D782" s="16"/>
      <c r="E782" s="16"/>
      <c r="F782" s="16"/>
      <c r="G782" s="16"/>
      <c r="H782" s="16"/>
      <c r="I782" s="16"/>
    </row>
    <row r="783" spans="2:9" s="4" customFormat="1" x14ac:dyDescent="0.2">
      <c r="B783" s="16"/>
      <c r="C783" s="16"/>
      <c r="D783" s="16"/>
      <c r="E783" s="16"/>
      <c r="F783" s="16"/>
      <c r="G783" s="16"/>
      <c r="H783" s="16"/>
      <c r="I783" s="16"/>
    </row>
    <row r="784" spans="2:9" s="4" customFormat="1" x14ac:dyDescent="0.2">
      <c r="B784" s="16"/>
      <c r="C784" s="16"/>
      <c r="D784" s="16"/>
      <c r="E784" s="16"/>
      <c r="F784" s="16"/>
      <c r="G784" s="16"/>
      <c r="H784" s="16"/>
      <c r="I784" s="16"/>
    </row>
    <row r="785" spans="2:9" s="4" customFormat="1" x14ac:dyDescent="0.2">
      <c r="B785" s="16"/>
      <c r="C785" s="16"/>
      <c r="D785" s="16"/>
      <c r="E785" s="16"/>
      <c r="F785" s="16"/>
      <c r="G785" s="16"/>
      <c r="H785" s="16"/>
      <c r="I785" s="16"/>
    </row>
    <row r="786" spans="2:9" s="4" customFormat="1" x14ac:dyDescent="0.2">
      <c r="B786" s="16"/>
      <c r="C786" s="16"/>
      <c r="D786" s="16"/>
      <c r="E786" s="16"/>
      <c r="F786" s="16"/>
      <c r="G786" s="16"/>
      <c r="H786" s="16"/>
      <c r="I786" s="16"/>
    </row>
    <row r="787" spans="2:9" s="4" customFormat="1" x14ac:dyDescent="0.2">
      <c r="B787" s="16"/>
      <c r="C787" s="16"/>
      <c r="D787" s="16"/>
      <c r="E787" s="16"/>
      <c r="F787" s="16"/>
      <c r="G787" s="16"/>
      <c r="H787" s="16"/>
      <c r="I787" s="16"/>
    </row>
    <row r="788" spans="2:9" s="4" customFormat="1" x14ac:dyDescent="0.2">
      <c r="B788" s="16"/>
      <c r="C788" s="16"/>
      <c r="D788" s="16"/>
      <c r="E788" s="16"/>
      <c r="F788" s="16"/>
      <c r="G788" s="16"/>
      <c r="H788" s="16"/>
      <c r="I788" s="16"/>
    </row>
    <row r="789" spans="2:9" s="4" customFormat="1" x14ac:dyDescent="0.2">
      <c r="B789" s="16"/>
      <c r="C789" s="16"/>
      <c r="D789" s="16"/>
      <c r="E789" s="16"/>
      <c r="F789" s="16"/>
      <c r="G789" s="16"/>
      <c r="H789" s="16"/>
      <c r="I789" s="16"/>
    </row>
    <row r="790" spans="2:9" s="4" customFormat="1" x14ac:dyDescent="0.2">
      <c r="B790" s="16"/>
      <c r="C790" s="16"/>
      <c r="D790" s="16"/>
      <c r="E790" s="16"/>
      <c r="F790" s="16"/>
      <c r="G790" s="16"/>
      <c r="H790" s="16"/>
      <c r="I790" s="16"/>
    </row>
    <row r="791" spans="2:9" s="4" customFormat="1" x14ac:dyDescent="0.2">
      <c r="B791" s="16"/>
      <c r="C791" s="16"/>
      <c r="D791" s="16"/>
      <c r="E791" s="16"/>
      <c r="F791" s="16"/>
      <c r="G791" s="16"/>
      <c r="H791" s="16"/>
      <c r="I791" s="16"/>
    </row>
    <row r="792" spans="2:9" s="4" customFormat="1" x14ac:dyDescent="0.2">
      <c r="B792" s="16"/>
      <c r="C792" s="16"/>
      <c r="D792" s="16"/>
      <c r="E792" s="16"/>
      <c r="F792" s="16"/>
      <c r="G792" s="16"/>
      <c r="H792" s="16"/>
      <c r="I792" s="16"/>
    </row>
    <row r="793" spans="2:9" s="4" customFormat="1" x14ac:dyDescent="0.2">
      <c r="B793" s="16"/>
      <c r="C793" s="16"/>
      <c r="D793" s="16"/>
      <c r="E793" s="16"/>
      <c r="F793" s="16"/>
      <c r="G793" s="16"/>
      <c r="H793" s="16"/>
      <c r="I793" s="16"/>
    </row>
    <row r="794" spans="2:9" s="4" customFormat="1" x14ac:dyDescent="0.2">
      <c r="B794" s="16"/>
      <c r="C794" s="16"/>
      <c r="D794" s="16"/>
      <c r="E794" s="16"/>
      <c r="F794" s="16"/>
      <c r="G794" s="16"/>
      <c r="H794" s="16"/>
      <c r="I794" s="16"/>
    </row>
    <row r="795" spans="2:9" s="4" customFormat="1" x14ac:dyDescent="0.2">
      <c r="B795" s="16"/>
      <c r="C795" s="16"/>
      <c r="D795" s="16"/>
      <c r="E795" s="16"/>
      <c r="F795" s="16"/>
      <c r="G795" s="16"/>
      <c r="H795" s="16"/>
      <c r="I795" s="16"/>
    </row>
    <row r="796" spans="2:9" s="4" customFormat="1" x14ac:dyDescent="0.2">
      <c r="B796" s="16"/>
      <c r="C796" s="16"/>
      <c r="D796" s="16"/>
      <c r="E796" s="16"/>
      <c r="F796" s="16"/>
      <c r="G796" s="16"/>
      <c r="H796" s="16"/>
      <c r="I796" s="16"/>
    </row>
    <row r="797" spans="2:9" s="4" customFormat="1" x14ac:dyDescent="0.2">
      <c r="B797" s="16"/>
      <c r="C797" s="16"/>
      <c r="D797" s="16"/>
      <c r="E797" s="16"/>
      <c r="F797" s="16"/>
      <c r="G797" s="16"/>
      <c r="H797" s="16"/>
      <c r="I797" s="16"/>
    </row>
    <row r="798" spans="2:9" s="4" customFormat="1" x14ac:dyDescent="0.2">
      <c r="B798" s="16"/>
      <c r="C798" s="16"/>
      <c r="D798" s="16"/>
      <c r="E798" s="16"/>
      <c r="F798" s="16"/>
      <c r="G798" s="16"/>
      <c r="H798" s="16"/>
      <c r="I798" s="16"/>
    </row>
    <row r="799" spans="2:9" s="4" customFormat="1" x14ac:dyDescent="0.2">
      <c r="B799" s="16"/>
      <c r="C799" s="16"/>
      <c r="D799" s="16"/>
      <c r="E799" s="16"/>
      <c r="F799" s="16"/>
      <c r="G799" s="16"/>
      <c r="H799" s="16"/>
      <c r="I799" s="16"/>
    </row>
    <row r="800" spans="2:9" s="4" customFormat="1" x14ac:dyDescent="0.2">
      <c r="B800" s="16"/>
      <c r="C800" s="16"/>
      <c r="D800" s="16"/>
      <c r="E800" s="16"/>
      <c r="F800" s="16"/>
      <c r="G800" s="16"/>
      <c r="H800" s="16"/>
      <c r="I800" s="16"/>
    </row>
    <row r="801" spans="2:9" s="4" customFormat="1" x14ac:dyDescent="0.2">
      <c r="B801" s="16"/>
      <c r="C801" s="16"/>
      <c r="D801" s="16"/>
      <c r="E801" s="16"/>
      <c r="F801" s="16"/>
      <c r="G801" s="16"/>
      <c r="H801" s="16"/>
      <c r="I801" s="16"/>
    </row>
    <row r="802" spans="2:9" s="4" customFormat="1" x14ac:dyDescent="0.2">
      <c r="B802" s="16"/>
      <c r="C802" s="16"/>
      <c r="D802" s="16"/>
      <c r="E802" s="16"/>
      <c r="F802" s="16"/>
      <c r="G802" s="16"/>
      <c r="H802" s="16"/>
      <c r="I802" s="16"/>
    </row>
    <row r="803" spans="2:9" s="4" customFormat="1" x14ac:dyDescent="0.2">
      <c r="B803" s="16"/>
      <c r="C803" s="16"/>
      <c r="D803" s="16"/>
      <c r="E803" s="16"/>
      <c r="F803" s="16"/>
      <c r="G803" s="16"/>
      <c r="H803" s="16"/>
      <c r="I803" s="16"/>
    </row>
    <row r="804" spans="2:9" s="4" customFormat="1" x14ac:dyDescent="0.2">
      <c r="B804" s="16"/>
      <c r="C804" s="16"/>
      <c r="D804" s="16"/>
      <c r="E804" s="16"/>
      <c r="F804" s="16"/>
      <c r="G804" s="16"/>
      <c r="H804" s="16"/>
      <c r="I804" s="16"/>
    </row>
    <row r="805" spans="2:9" s="4" customFormat="1" x14ac:dyDescent="0.2">
      <c r="B805" s="16"/>
      <c r="C805" s="16"/>
      <c r="D805" s="16"/>
      <c r="E805" s="16"/>
      <c r="F805" s="16"/>
      <c r="G805" s="16"/>
      <c r="H805" s="16"/>
      <c r="I805" s="16"/>
    </row>
    <row r="806" spans="2:9" s="4" customFormat="1" x14ac:dyDescent="0.2">
      <c r="B806" s="16"/>
      <c r="C806" s="16"/>
      <c r="D806" s="16"/>
      <c r="E806" s="16"/>
      <c r="F806" s="16"/>
      <c r="G806" s="16"/>
      <c r="H806" s="16"/>
      <c r="I806" s="16"/>
    </row>
    <row r="807" spans="2:9" s="4" customFormat="1" x14ac:dyDescent="0.2">
      <c r="B807" s="16"/>
      <c r="C807" s="16"/>
      <c r="D807" s="16"/>
      <c r="E807" s="16"/>
      <c r="F807" s="16"/>
      <c r="G807" s="16"/>
      <c r="H807" s="16"/>
      <c r="I807" s="16"/>
    </row>
    <row r="808" spans="2:9" s="4" customFormat="1" x14ac:dyDescent="0.2">
      <c r="B808" s="16"/>
      <c r="C808" s="16"/>
      <c r="D808" s="16"/>
      <c r="E808" s="16"/>
      <c r="F808" s="16"/>
      <c r="G808" s="16"/>
      <c r="H808" s="16"/>
      <c r="I808" s="16"/>
    </row>
    <row r="809" spans="2:9" s="4" customFormat="1" x14ac:dyDescent="0.2">
      <c r="B809" s="16"/>
      <c r="C809" s="16"/>
      <c r="D809" s="16"/>
      <c r="E809" s="16"/>
      <c r="F809" s="16"/>
      <c r="G809" s="16"/>
      <c r="H809" s="16"/>
      <c r="I809" s="16"/>
    </row>
    <row r="810" spans="2:9" s="4" customFormat="1" x14ac:dyDescent="0.2">
      <c r="B810" s="16"/>
      <c r="C810" s="16"/>
      <c r="D810" s="16"/>
      <c r="E810" s="16"/>
      <c r="F810" s="16"/>
      <c r="G810" s="16"/>
      <c r="H810" s="16"/>
      <c r="I810" s="16"/>
    </row>
    <row r="811" spans="2:9" s="4" customFormat="1" x14ac:dyDescent="0.2">
      <c r="B811" s="16"/>
      <c r="C811" s="16"/>
      <c r="D811" s="16"/>
      <c r="E811" s="16"/>
      <c r="F811" s="16"/>
      <c r="G811" s="16"/>
      <c r="H811" s="16"/>
      <c r="I811" s="16"/>
    </row>
    <row r="812" spans="2:9" s="4" customFormat="1" x14ac:dyDescent="0.2">
      <c r="B812" s="16"/>
      <c r="C812" s="16"/>
      <c r="D812" s="16"/>
      <c r="E812" s="16"/>
      <c r="F812" s="16"/>
      <c r="G812" s="16"/>
      <c r="H812" s="16"/>
      <c r="I812" s="16"/>
    </row>
    <row r="813" spans="2:9" s="4" customFormat="1" x14ac:dyDescent="0.2">
      <c r="B813" s="16"/>
      <c r="C813" s="16"/>
      <c r="D813" s="16"/>
      <c r="E813" s="16"/>
      <c r="F813" s="16"/>
      <c r="G813" s="16"/>
      <c r="H813" s="16"/>
      <c r="I813" s="16"/>
    </row>
    <row r="814" spans="2:9" s="4" customFormat="1" x14ac:dyDescent="0.2">
      <c r="B814" s="16"/>
      <c r="C814" s="16"/>
      <c r="D814" s="16"/>
      <c r="E814" s="16"/>
      <c r="F814" s="16"/>
      <c r="G814" s="16"/>
      <c r="H814" s="16"/>
      <c r="I814" s="16"/>
    </row>
    <row r="815" spans="2:9" s="4" customFormat="1" x14ac:dyDescent="0.2">
      <c r="B815" s="16"/>
      <c r="C815" s="16"/>
      <c r="D815" s="16"/>
      <c r="E815" s="16"/>
      <c r="F815" s="16"/>
      <c r="G815" s="16"/>
      <c r="H815" s="16"/>
      <c r="I815" s="16"/>
    </row>
    <row r="816" spans="2:9" s="4" customFormat="1" x14ac:dyDescent="0.2">
      <c r="B816" s="16"/>
      <c r="C816" s="16"/>
      <c r="D816" s="16"/>
      <c r="E816" s="16"/>
      <c r="F816" s="16"/>
      <c r="G816" s="16"/>
      <c r="H816" s="16"/>
      <c r="I816" s="16"/>
    </row>
    <row r="817" spans="2:9" s="4" customFormat="1" x14ac:dyDescent="0.2">
      <c r="B817" s="16"/>
      <c r="C817" s="16"/>
      <c r="D817" s="16"/>
      <c r="E817" s="16"/>
      <c r="F817" s="16"/>
      <c r="G817" s="16"/>
      <c r="H817" s="16"/>
      <c r="I817" s="16"/>
    </row>
    <row r="818" spans="2:9" s="4" customFormat="1" x14ac:dyDescent="0.2">
      <c r="B818" s="16"/>
      <c r="C818" s="16"/>
      <c r="D818" s="16"/>
      <c r="E818" s="16"/>
      <c r="F818" s="16"/>
      <c r="G818" s="16"/>
      <c r="H818" s="16"/>
      <c r="I818" s="16"/>
    </row>
    <row r="819" spans="2:9" s="4" customFormat="1" x14ac:dyDescent="0.2">
      <c r="B819" s="16"/>
      <c r="C819" s="16"/>
      <c r="D819" s="16"/>
      <c r="E819" s="16"/>
      <c r="F819" s="16"/>
      <c r="G819" s="16"/>
      <c r="H819" s="16"/>
      <c r="I819" s="16"/>
    </row>
    <row r="820" spans="2:9" s="4" customFormat="1" x14ac:dyDescent="0.2">
      <c r="B820" s="16"/>
      <c r="C820" s="16"/>
      <c r="D820" s="16"/>
      <c r="E820" s="16"/>
      <c r="F820" s="16"/>
      <c r="G820" s="16"/>
      <c r="H820" s="16"/>
      <c r="I820" s="16"/>
    </row>
    <row r="821" spans="2:9" s="4" customFormat="1" x14ac:dyDescent="0.2">
      <c r="B821" s="16"/>
      <c r="C821" s="16"/>
      <c r="D821" s="16"/>
      <c r="E821" s="16"/>
      <c r="F821" s="16"/>
      <c r="G821" s="16"/>
      <c r="H821" s="16"/>
      <c r="I821" s="16"/>
    </row>
    <row r="822" spans="2:9" s="4" customFormat="1" x14ac:dyDescent="0.2">
      <c r="B822" s="16"/>
      <c r="C822" s="16"/>
      <c r="D822" s="16"/>
      <c r="E822" s="16"/>
      <c r="F822" s="16"/>
      <c r="G822" s="16"/>
      <c r="H822" s="16"/>
      <c r="I822" s="16"/>
    </row>
    <row r="823" spans="2:9" s="4" customFormat="1" x14ac:dyDescent="0.2">
      <c r="B823" s="16"/>
      <c r="C823" s="16"/>
      <c r="D823" s="16"/>
      <c r="E823" s="16"/>
      <c r="F823" s="16"/>
      <c r="G823" s="16"/>
      <c r="H823" s="16"/>
      <c r="I823" s="16"/>
    </row>
    <row r="824" spans="2:9" s="4" customFormat="1" x14ac:dyDescent="0.2">
      <c r="B824" s="16"/>
      <c r="C824" s="16"/>
      <c r="D824" s="16"/>
      <c r="E824" s="16"/>
      <c r="F824" s="16"/>
      <c r="G824" s="16"/>
      <c r="H824" s="16"/>
      <c r="I824" s="16"/>
    </row>
    <row r="825" spans="2:9" s="4" customFormat="1" x14ac:dyDescent="0.2">
      <c r="B825" s="16"/>
      <c r="C825" s="16"/>
      <c r="D825" s="16"/>
      <c r="E825" s="16"/>
      <c r="F825" s="16"/>
      <c r="G825" s="16"/>
      <c r="H825" s="16"/>
      <c r="I825" s="16"/>
    </row>
    <row r="826" spans="2:9" s="4" customFormat="1" x14ac:dyDescent="0.2">
      <c r="B826" s="16"/>
      <c r="C826" s="16"/>
      <c r="D826" s="16"/>
      <c r="E826" s="16"/>
      <c r="F826" s="16"/>
      <c r="G826" s="16"/>
      <c r="H826" s="16"/>
      <c r="I826" s="16"/>
    </row>
    <row r="827" spans="2:9" s="4" customFormat="1" x14ac:dyDescent="0.2">
      <c r="B827" s="16"/>
      <c r="C827" s="16"/>
      <c r="D827" s="16"/>
      <c r="E827" s="16"/>
      <c r="F827" s="16"/>
      <c r="G827" s="16"/>
      <c r="H827" s="16"/>
      <c r="I827" s="16"/>
    </row>
    <row r="828" spans="2:9" s="4" customFormat="1" x14ac:dyDescent="0.2">
      <c r="B828" s="16"/>
      <c r="C828" s="16"/>
      <c r="D828" s="16"/>
      <c r="E828" s="16"/>
      <c r="F828" s="16"/>
      <c r="G828" s="16"/>
      <c r="H828" s="16"/>
      <c r="I828" s="16"/>
    </row>
    <row r="829" spans="2:9" s="4" customFormat="1" x14ac:dyDescent="0.2">
      <c r="B829" s="16"/>
      <c r="C829" s="16"/>
      <c r="D829" s="16"/>
      <c r="E829" s="16"/>
      <c r="F829" s="16"/>
      <c r="G829" s="16"/>
      <c r="H829" s="16"/>
      <c r="I829" s="16"/>
    </row>
    <row r="830" spans="2:9" s="4" customFormat="1" x14ac:dyDescent="0.2">
      <c r="B830" s="16"/>
      <c r="C830" s="16"/>
      <c r="D830" s="16"/>
      <c r="E830" s="16"/>
      <c r="F830" s="16"/>
      <c r="G830" s="16"/>
      <c r="H830" s="16"/>
      <c r="I830" s="16"/>
    </row>
    <row r="831" spans="2:9" s="4" customFormat="1" x14ac:dyDescent="0.2">
      <c r="B831" s="16"/>
      <c r="C831" s="16"/>
      <c r="D831" s="16"/>
      <c r="E831" s="16"/>
      <c r="F831" s="16"/>
      <c r="G831" s="16"/>
      <c r="H831" s="16"/>
      <c r="I831" s="16"/>
    </row>
    <row r="832" spans="2:9" s="4" customFormat="1" x14ac:dyDescent="0.2">
      <c r="B832" s="16"/>
      <c r="C832" s="16"/>
      <c r="D832" s="16"/>
      <c r="E832" s="16"/>
      <c r="F832" s="16"/>
      <c r="G832" s="16"/>
      <c r="H832" s="16"/>
      <c r="I832" s="16"/>
    </row>
    <row r="833" spans="2:9" s="4" customFormat="1" x14ac:dyDescent="0.2">
      <c r="B833" s="16"/>
      <c r="C833" s="16"/>
      <c r="D833" s="16"/>
      <c r="E833" s="16"/>
      <c r="F833" s="16"/>
      <c r="G833" s="16"/>
      <c r="H833" s="16"/>
      <c r="I833" s="16"/>
    </row>
    <row r="834" spans="2:9" s="4" customFormat="1" x14ac:dyDescent="0.2">
      <c r="B834" s="16"/>
      <c r="C834" s="16"/>
      <c r="D834" s="16"/>
      <c r="E834" s="16"/>
      <c r="F834" s="16"/>
      <c r="G834" s="16"/>
      <c r="H834" s="16"/>
      <c r="I834" s="16"/>
    </row>
    <row r="835" spans="2:9" s="4" customFormat="1" x14ac:dyDescent="0.2">
      <c r="B835" s="16"/>
      <c r="C835" s="16"/>
      <c r="D835" s="16"/>
      <c r="E835" s="16"/>
      <c r="F835" s="16"/>
      <c r="G835" s="16"/>
      <c r="H835" s="16"/>
      <c r="I835" s="16"/>
    </row>
    <row r="836" spans="2:9" s="4" customFormat="1" x14ac:dyDescent="0.2">
      <c r="B836" s="16"/>
      <c r="C836" s="16"/>
      <c r="D836" s="16"/>
      <c r="E836" s="16"/>
      <c r="F836" s="16"/>
      <c r="G836" s="16"/>
      <c r="H836" s="16"/>
      <c r="I836" s="16"/>
    </row>
    <row r="837" spans="2:9" s="4" customFormat="1" x14ac:dyDescent="0.2">
      <c r="B837" s="16"/>
      <c r="C837" s="16"/>
      <c r="D837" s="16"/>
      <c r="E837" s="16"/>
      <c r="F837" s="16"/>
      <c r="G837" s="16"/>
      <c r="H837" s="16"/>
      <c r="I837" s="16"/>
    </row>
    <row r="838" spans="2:9" s="4" customFormat="1" x14ac:dyDescent="0.2">
      <c r="B838" s="16"/>
      <c r="C838" s="16"/>
      <c r="D838" s="16"/>
      <c r="E838" s="16"/>
      <c r="F838" s="16"/>
      <c r="G838" s="16"/>
      <c r="H838" s="16"/>
      <c r="I838" s="16"/>
    </row>
    <row r="839" spans="2:9" s="4" customFormat="1" x14ac:dyDescent="0.2">
      <c r="B839" s="16"/>
      <c r="C839" s="16"/>
      <c r="D839" s="16"/>
      <c r="E839" s="16"/>
      <c r="F839" s="16"/>
      <c r="G839" s="16"/>
      <c r="H839" s="16"/>
      <c r="I839" s="16"/>
    </row>
    <row r="840" spans="2:9" s="4" customFormat="1" x14ac:dyDescent="0.2">
      <c r="B840" s="16"/>
      <c r="C840" s="16"/>
      <c r="D840" s="16"/>
      <c r="E840" s="16"/>
      <c r="F840" s="16"/>
      <c r="G840" s="16"/>
      <c r="H840" s="16"/>
      <c r="I840" s="16"/>
    </row>
    <row r="841" spans="2:9" s="4" customFormat="1" x14ac:dyDescent="0.2">
      <c r="B841" s="16"/>
      <c r="C841" s="16"/>
      <c r="D841" s="16"/>
      <c r="E841" s="16"/>
      <c r="F841" s="16"/>
      <c r="G841" s="16"/>
      <c r="H841" s="16"/>
      <c r="I841" s="16"/>
    </row>
    <row r="842" spans="2:9" s="4" customFormat="1" x14ac:dyDescent="0.2">
      <c r="B842" s="16"/>
      <c r="C842" s="16"/>
      <c r="D842" s="16"/>
      <c r="E842" s="16"/>
      <c r="F842" s="16"/>
      <c r="G842" s="16"/>
      <c r="H842" s="16"/>
      <c r="I842" s="16"/>
    </row>
    <row r="843" spans="2:9" s="4" customFormat="1" x14ac:dyDescent="0.2">
      <c r="B843" s="16"/>
      <c r="C843" s="16"/>
      <c r="D843" s="16"/>
      <c r="E843" s="16"/>
      <c r="F843" s="16"/>
      <c r="G843" s="16"/>
      <c r="H843" s="16"/>
      <c r="I843" s="16"/>
    </row>
    <row r="844" spans="2:9" s="4" customFormat="1" x14ac:dyDescent="0.2">
      <c r="B844" s="16"/>
      <c r="C844" s="16"/>
      <c r="D844" s="16"/>
      <c r="E844" s="16"/>
      <c r="F844" s="16"/>
      <c r="G844" s="16"/>
      <c r="H844" s="16"/>
      <c r="I844" s="16"/>
    </row>
    <row r="845" spans="2:9" s="4" customFormat="1" x14ac:dyDescent="0.2">
      <c r="B845" s="16"/>
      <c r="C845" s="16"/>
      <c r="D845" s="16"/>
      <c r="E845" s="16"/>
      <c r="F845" s="16"/>
      <c r="G845" s="16"/>
      <c r="H845" s="16"/>
      <c r="I845" s="16"/>
    </row>
    <row r="846" spans="2:9" s="4" customFormat="1" x14ac:dyDescent="0.2">
      <c r="B846" s="16"/>
      <c r="C846" s="16"/>
      <c r="D846" s="16"/>
      <c r="E846" s="16"/>
      <c r="F846" s="16"/>
      <c r="G846" s="16"/>
      <c r="H846" s="16"/>
      <c r="I846" s="16"/>
    </row>
    <row r="847" spans="2:9" s="4" customFormat="1" x14ac:dyDescent="0.2">
      <c r="B847" s="16"/>
      <c r="C847" s="16"/>
      <c r="D847" s="16"/>
      <c r="E847" s="16"/>
      <c r="F847" s="16"/>
      <c r="G847" s="16"/>
      <c r="H847" s="16"/>
      <c r="I847" s="16"/>
    </row>
    <row r="848" spans="2:9" s="4" customFormat="1" x14ac:dyDescent="0.2">
      <c r="B848" s="16"/>
      <c r="C848" s="16"/>
      <c r="D848" s="16"/>
      <c r="E848" s="16"/>
      <c r="F848" s="16"/>
      <c r="G848" s="16"/>
      <c r="H848" s="16"/>
      <c r="I848" s="16"/>
    </row>
    <row r="849" spans="2:9" s="4" customFormat="1" x14ac:dyDescent="0.2">
      <c r="B849" s="16"/>
      <c r="C849" s="16"/>
      <c r="D849" s="16"/>
      <c r="E849" s="16"/>
      <c r="F849" s="16"/>
      <c r="G849" s="16"/>
      <c r="H849" s="16"/>
      <c r="I849" s="16"/>
    </row>
    <row r="850" spans="2:9" s="4" customFormat="1" x14ac:dyDescent="0.2">
      <c r="B850" s="16"/>
      <c r="C850" s="16"/>
      <c r="D850" s="16"/>
      <c r="E850" s="16"/>
      <c r="F850" s="16"/>
      <c r="G850" s="16"/>
      <c r="H850" s="16"/>
      <c r="I850" s="16"/>
    </row>
    <row r="851" spans="2:9" s="4" customFormat="1" x14ac:dyDescent="0.2">
      <c r="B851" s="16"/>
      <c r="C851" s="16"/>
      <c r="D851" s="16"/>
      <c r="E851" s="16"/>
      <c r="F851" s="16"/>
      <c r="G851" s="16"/>
      <c r="H851" s="16"/>
      <c r="I851" s="16"/>
    </row>
    <row r="852" spans="2:9" s="4" customFormat="1" x14ac:dyDescent="0.2">
      <c r="B852" s="16"/>
      <c r="C852" s="16"/>
      <c r="D852" s="16"/>
      <c r="E852" s="16"/>
      <c r="F852" s="16"/>
      <c r="G852" s="16"/>
      <c r="H852" s="16"/>
      <c r="I852" s="16"/>
    </row>
    <row r="853" spans="2:9" s="4" customFormat="1" x14ac:dyDescent="0.2">
      <c r="B853" s="16"/>
      <c r="C853" s="16"/>
      <c r="D853" s="16"/>
      <c r="E853" s="16"/>
      <c r="F853" s="16"/>
      <c r="G853" s="16"/>
      <c r="H853" s="16"/>
      <c r="I853" s="16"/>
    </row>
    <row r="854" spans="2:9" s="4" customFormat="1" x14ac:dyDescent="0.2">
      <c r="B854" s="16"/>
      <c r="C854" s="16"/>
      <c r="D854" s="16"/>
      <c r="E854" s="16"/>
      <c r="F854" s="16"/>
      <c r="G854" s="16"/>
      <c r="H854" s="16"/>
      <c r="I854" s="16"/>
    </row>
    <row r="855" spans="2:9" s="4" customFormat="1" x14ac:dyDescent="0.2">
      <c r="B855" s="16"/>
      <c r="C855" s="16"/>
      <c r="D855" s="16"/>
      <c r="E855" s="16"/>
      <c r="F855" s="16"/>
      <c r="G855" s="16"/>
      <c r="H855" s="16"/>
      <c r="I855" s="16"/>
    </row>
    <row r="856" spans="2:9" s="4" customFormat="1" x14ac:dyDescent="0.2">
      <c r="B856" s="16"/>
      <c r="C856" s="16"/>
      <c r="D856" s="16"/>
      <c r="E856" s="16"/>
      <c r="F856" s="16"/>
      <c r="G856" s="16"/>
      <c r="H856" s="16"/>
      <c r="I856" s="16"/>
    </row>
    <row r="857" spans="2:9" s="4" customFormat="1" x14ac:dyDescent="0.2">
      <c r="B857" s="16"/>
      <c r="C857" s="16"/>
      <c r="D857" s="16"/>
      <c r="E857" s="16"/>
      <c r="F857" s="16"/>
      <c r="G857" s="16"/>
      <c r="H857" s="16"/>
      <c r="I857" s="16"/>
    </row>
    <row r="858" spans="2:9" s="4" customFormat="1" x14ac:dyDescent="0.2">
      <c r="B858" s="16"/>
      <c r="C858" s="16"/>
      <c r="D858" s="16"/>
      <c r="E858" s="16"/>
      <c r="F858" s="16"/>
      <c r="G858" s="16"/>
      <c r="H858" s="16"/>
      <c r="I858" s="16"/>
    </row>
    <row r="859" spans="2:9" s="4" customFormat="1" x14ac:dyDescent="0.2">
      <c r="B859" s="16"/>
      <c r="C859" s="16"/>
      <c r="D859" s="16"/>
      <c r="E859" s="16"/>
      <c r="F859" s="16"/>
      <c r="G859" s="16"/>
      <c r="H859" s="16"/>
      <c r="I859" s="16"/>
    </row>
    <row r="860" spans="2:9" s="4" customFormat="1" x14ac:dyDescent="0.2">
      <c r="B860" s="16"/>
      <c r="C860" s="16"/>
      <c r="D860" s="16"/>
      <c r="E860" s="16"/>
      <c r="F860" s="16"/>
      <c r="G860" s="16"/>
      <c r="H860" s="16"/>
      <c r="I860" s="16"/>
    </row>
    <row r="861" spans="2:9" s="4" customFormat="1" x14ac:dyDescent="0.2">
      <c r="B861" s="16"/>
      <c r="C861" s="16"/>
      <c r="D861" s="16"/>
      <c r="E861" s="16"/>
      <c r="F861" s="16"/>
      <c r="G861" s="16"/>
      <c r="H861" s="16"/>
      <c r="I861" s="16"/>
    </row>
    <row r="862" spans="2:9" s="4" customFormat="1" x14ac:dyDescent="0.2">
      <c r="B862" s="16"/>
      <c r="C862" s="16"/>
      <c r="D862" s="16"/>
      <c r="E862" s="16"/>
      <c r="F862" s="16"/>
      <c r="G862" s="16"/>
      <c r="H862" s="16"/>
      <c r="I862" s="16"/>
    </row>
    <row r="863" spans="2:9" s="4" customFormat="1" x14ac:dyDescent="0.2">
      <c r="B863" s="16"/>
      <c r="C863" s="16"/>
      <c r="D863" s="16"/>
      <c r="E863" s="16"/>
      <c r="F863" s="16"/>
      <c r="G863" s="16"/>
      <c r="H863" s="16"/>
      <c r="I863" s="16"/>
    </row>
    <row r="864" spans="2:9" s="4" customFormat="1" x14ac:dyDescent="0.2">
      <c r="B864" s="16"/>
      <c r="C864" s="16"/>
      <c r="D864" s="16"/>
      <c r="E864" s="16"/>
      <c r="F864" s="16"/>
      <c r="G864" s="16"/>
      <c r="H864" s="16"/>
      <c r="I864" s="16"/>
    </row>
    <row r="865" spans="2:9" s="4" customFormat="1" x14ac:dyDescent="0.2">
      <c r="B865" s="16"/>
      <c r="C865" s="16"/>
      <c r="D865" s="16"/>
      <c r="E865" s="16"/>
      <c r="F865" s="16"/>
      <c r="G865" s="16"/>
      <c r="H865" s="16"/>
      <c r="I865" s="16"/>
    </row>
    <row r="866" spans="2:9" s="4" customFormat="1" x14ac:dyDescent="0.2">
      <c r="B866" s="16"/>
      <c r="C866" s="16"/>
      <c r="D866" s="16"/>
      <c r="E866" s="16"/>
      <c r="F866" s="16"/>
      <c r="G866" s="16"/>
      <c r="H866" s="16"/>
      <c r="I866" s="16"/>
    </row>
    <row r="867" spans="2:9" s="4" customFormat="1" x14ac:dyDescent="0.2">
      <c r="B867" s="16"/>
      <c r="C867" s="16"/>
      <c r="D867" s="16"/>
      <c r="E867" s="16"/>
      <c r="F867" s="16"/>
      <c r="G867" s="16"/>
      <c r="H867" s="16"/>
      <c r="I867" s="16"/>
    </row>
    <row r="868" spans="2:9" s="4" customFormat="1" x14ac:dyDescent="0.2">
      <c r="B868" s="16"/>
      <c r="C868" s="16"/>
      <c r="D868" s="16"/>
      <c r="E868" s="16"/>
      <c r="F868" s="16"/>
      <c r="G868" s="16"/>
      <c r="H868" s="16"/>
      <c r="I868" s="16"/>
    </row>
    <row r="869" spans="2:9" s="4" customFormat="1" x14ac:dyDescent="0.2">
      <c r="B869" s="16"/>
      <c r="C869" s="16"/>
      <c r="D869" s="16"/>
      <c r="E869" s="16"/>
      <c r="F869" s="16"/>
      <c r="G869" s="16"/>
      <c r="H869" s="16"/>
      <c r="I869" s="16"/>
    </row>
    <row r="870" spans="2:9" s="4" customFormat="1" x14ac:dyDescent="0.2">
      <c r="B870" s="16"/>
      <c r="C870" s="16"/>
      <c r="D870" s="16"/>
      <c r="E870" s="16"/>
      <c r="F870" s="16"/>
      <c r="G870" s="16"/>
      <c r="H870" s="16"/>
      <c r="I870" s="16"/>
    </row>
    <row r="871" spans="2:9" s="4" customFormat="1" x14ac:dyDescent="0.2">
      <c r="B871" s="16"/>
      <c r="C871" s="16"/>
      <c r="D871" s="16"/>
      <c r="E871" s="16"/>
      <c r="F871" s="16"/>
      <c r="G871" s="16"/>
      <c r="H871" s="16"/>
      <c r="I871" s="16"/>
    </row>
    <row r="872" spans="2:9" s="4" customFormat="1" x14ac:dyDescent="0.2">
      <c r="B872" s="16"/>
      <c r="C872" s="16"/>
      <c r="D872" s="16"/>
      <c r="E872" s="16"/>
      <c r="F872" s="16"/>
      <c r="G872" s="16"/>
      <c r="H872" s="16"/>
      <c r="I872" s="16"/>
    </row>
    <row r="873" spans="2:9" s="4" customFormat="1" x14ac:dyDescent="0.2">
      <c r="B873" s="16"/>
      <c r="C873" s="16"/>
      <c r="D873" s="16"/>
      <c r="E873" s="16"/>
      <c r="F873" s="16"/>
      <c r="G873" s="16"/>
      <c r="H873" s="16"/>
      <c r="I873" s="16"/>
    </row>
    <row r="874" spans="2:9" s="4" customFormat="1" x14ac:dyDescent="0.2">
      <c r="B874" s="16"/>
      <c r="C874" s="16"/>
      <c r="D874" s="16"/>
      <c r="E874" s="16"/>
      <c r="F874" s="16"/>
      <c r="G874" s="16"/>
      <c r="H874" s="16"/>
      <c r="I874" s="16"/>
    </row>
    <row r="875" spans="2:9" s="4" customFormat="1" x14ac:dyDescent="0.2">
      <c r="B875" s="16"/>
      <c r="C875" s="16"/>
      <c r="D875" s="16"/>
      <c r="E875" s="16"/>
      <c r="F875" s="16"/>
      <c r="G875" s="16"/>
      <c r="H875" s="16"/>
      <c r="I875" s="16"/>
    </row>
    <row r="876" spans="2:9" s="4" customFormat="1" x14ac:dyDescent="0.2">
      <c r="B876" s="16"/>
      <c r="C876" s="16"/>
      <c r="D876" s="16"/>
      <c r="E876" s="16"/>
      <c r="F876" s="16"/>
      <c r="G876" s="16"/>
      <c r="H876" s="16"/>
      <c r="I876" s="16"/>
    </row>
    <row r="877" spans="2:9" s="4" customFormat="1" x14ac:dyDescent="0.2">
      <c r="B877" s="16"/>
      <c r="C877" s="16"/>
      <c r="D877" s="16"/>
      <c r="E877" s="16"/>
      <c r="F877" s="16"/>
      <c r="G877" s="16"/>
      <c r="H877" s="16"/>
      <c r="I877" s="16"/>
    </row>
    <row r="878" spans="2:9" s="4" customFormat="1" x14ac:dyDescent="0.2">
      <c r="B878" s="16"/>
      <c r="C878" s="16"/>
      <c r="D878" s="16"/>
      <c r="E878" s="16"/>
      <c r="F878" s="16"/>
      <c r="G878" s="16"/>
      <c r="H878" s="16"/>
      <c r="I878" s="16"/>
    </row>
    <row r="879" spans="2:9" s="4" customFormat="1" x14ac:dyDescent="0.2">
      <c r="B879" s="16"/>
      <c r="C879" s="16"/>
      <c r="D879" s="16"/>
      <c r="E879" s="16"/>
      <c r="F879" s="16"/>
      <c r="G879" s="16"/>
      <c r="H879" s="16"/>
      <c r="I879" s="16"/>
    </row>
    <row r="880" spans="2:9" s="4" customFormat="1" x14ac:dyDescent="0.2">
      <c r="B880" s="16"/>
      <c r="C880" s="16"/>
      <c r="D880" s="16"/>
      <c r="E880" s="16"/>
      <c r="F880" s="16"/>
      <c r="G880" s="16"/>
      <c r="H880" s="16"/>
      <c r="I880" s="16"/>
    </row>
    <row r="881" spans="2:9" s="4" customFormat="1" x14ac:dyDescent="0.2">
      <c r="B881" s="16"/>
      <c r="C881" s="16"/>
      <c r="D881" s="16"/>
      <c r="E881" s="16"/>
      <c r="F881" s="16"/>
      <c r="G881" s="16"/>
      <c r="H881" s="16"/>
      <c r="I881" s="16"/>
    </row>
    <row r="882" spans="2:9" s="4" customFormat="1" x14ac:dyDescent="0.2">
      <c r="B882" s="16"/>
      <c r="C882" s="16"/>
      <c r="D882" s="16"/>
      <c r="E882" s="16"/>
      <c r="F882" s="16"/>
      <c r="G882" s="16"/>
      <c r="H882" s="16"/>
      <c r="I882" s="16"/>
    </row>
    <row r="883" spans="2:9" s="4" customFormat="1" x14ac:dyDescent="0.2">
      <c r="B883" s="16"/>
      <c r="C883" s="16"/>
      <c r="D883" s="16"/>
      <c r="E883" s="16"/>
      <c r="F883" s="16"/>
      <c r="G883" s="16"/>
      <c r="H883" s="16"/>
      <c r="I883" s="16"/>
    </row>
    <row r="884" spans="2:9" s="4" customFormat="1" x14ac:dyDescent="0.2">
      <c r="B884" s="16"/>
      <c r="C884" s="16"/>
      <c r="D884" s="16"/>
      <c r="E884" s="16"/>
      <c r="F884" s="16"/>
      <c r="G884" s="16"/>
      <c r="H884" s="16"/>
      <c r="I884" s="16"/>
    </row>
    <row r="885" spans="2:9" s="4" customFormat="1" x14ac:dyDescent="0.2">
      <c r="B885" s="16"/>
      <c r="C885" s="16"/>
      <c r="D885" s="16"/>
      <c r="E885" s="16"/>
      <c r="F885" s="16"/>
      <c r="G885" s="16"/>
      <c r="H885" s="16"/>
      <c r="I885" s="16"/>
    </row>
    <row r="886" spans="2:9" s="4" customFormat="1" x14ac:dyDescent="0.2">
      <c r="B886" s="16"/>
      <c r="C886" s="16"/>
      <c r="D886" s="16"/>
      <c r="E886" s="16"/>
      <c r="F886" s="16"/>
      <c r="G886" s="16"/>
      <c r="H886" s="16"/>
      <c r="I886" s="16"/>
    </row>
    <row r="887" spans="2:9" s="4" customFormat="1" x14ac:dyDescent="0.2">
      <c r="B887" s="16"/>
      <c r="C887" s="16"/>
      <c r="D887" s="16"/>
      <c r="E887" s="16"/>
      <c r="F887" s="16"/>
      <c r="G887" s="16"/>
      <c r="H887" s="16"/>
      <c r="I887" s="16"/>
    </row>
    <row r="888" spans="2:9" s="4" customFormat="1" x14ac:dyDescent="0.2">
      <c r="B888" s="16"/>
      <c r="C888" s="16"/>
      <c r="D888" s="16"/>
      <c r="E888" s="16"/>
      <c r="F888" s="16"/>
      <c r="G888" s="16"/>
      <c r="H888" s="16"/>
      <c r="I888" s="16"/>
    </row>
    <row r="889" spans="2:9" s="4" customFormat="1" x14ac:dyDescent="0.2">
      <c r="B889" s="16"/>
      <c r="C889" s="16"/>
      <c r="D889" s="16"/>
      <c r="E889" s="16"/>
      <c r="F889" s="16"/>
      <c r="G889" s="16"/>
      <c r="H889" s="16"/>
      <c r="I889" s="16"/>
    </row>
    <row r="890" spans="2:9" s="4" customFormat="1" x14ac:dyDescent="0.2">
      <c r="B890" s="16"/>
      <c r="C890" s="16"/>
      <c r="D890" s="16"/>
      <c r="E890" s="16"/>
      <c r="F890" s="16"/>
      <c r="G890" s="16"/>
      <c r="H890" s="16"/>
      <c r="I890" s="16"/>
    </row>
    <row r="891" spans="2:9" s="4" customFormat="1" x14ac:dyDescent="0.2">
      <c r="B891" s="16"/>
      <c r="C891" s="16"/>
      <c r="D891" s="16"/>
      <c r="E891" s="16"/>
      <c r="F891" s="16"/>
      <c r="G891" s="16"/>
      <c r="H891" s="16"/>
      <c r="I891" s="16"/>
    </row>
    <row r="892" spans="2:9" s="4" customFormat="1" x14ac:dyDescent="0.2">
      <c r="B892" s="16"/>
      <c r="C892" s="16"/>
      <c r="D892" s="16"/>
      <c r="E892" s="16"/>
      <c r="F892" s="16"/>
      <c r="G892" s="16"/>
      <c r="H892" s="16"/>
      <c r="I892" s="16"/>
    </row>
    <row r="893" spans="2:9" s="4" customFormat="1" x14ac:dyDescent="0.2">
      <c r="B893" s="16"/>
      <c r="C893" s="16"/>
      <c r="D893" s="16"/>
      <c r="E893" s="16"/>
      <c r="F893" s="16"/>
      <c r="G893" s="16"/>
      <c r="H893" s="16"/>
      <c r="I893" s="16"/>
    </row>
    <row r="894" spans="2:9" s="4" customFormat="1" x14ac:dyDescent="0.2">
      <c r="B894" s="16"/>
      <c r="C894" s="16"/>
      <c r="D894" s="16"/>
      <c r="E894" s="16"/>
      <c r="F894" s="16"/>
      <c r="G894" s="16"/>
      <c r="H894" s="16"/>
      <c r="I894" s="16"/>
    </row>
    <row r="895" spans="2:9" s="4" customFormat="1" x14ac:dyDescent="0.2">
      <c r="B895" s="16"/>
      <c r="C895" s="16"/>
      <c r="D895" s="16"/>
      <c r="E895" s="16"/>
      <c r="F895" s="16"/>
      <c r="G895" s="16"/>
      <c r="H895" s="16"/>
      <c r="I895" s="16"/>
    </row>
    <row r="896" spans="2:9" s="4" customFormat="1" x14ac:dyDescent="0.2">
      <c r="B896" s="16"/>
      <c r="C896" s="16"/>
      <c r="D896" s="16"/>
      <c r="E896" s="16"/>
      <c r="F896" s="16"/>
      <c r="G896" s="16"/>
      <c r="H896" s="16"/>
      <c r="I896" s="16"/>
    </row>
    <row r="897" spans="2:9" s="4" customFormat="1" x14ac:dyDescent="0.2">
      <c r="B897" s="16"/>
      <c r="C897" s="16"/>
      <c r="D897" s="16"/>
      <c r="E897" s="16"/>
      <c r="F897" s="16"/>
      <c r="G897" s="16"/>
      <c r="H897" s="16"/>
      <c r="I897" s="16"/>
    </row>
    <row r="898" spans="2:9" s="4" customFormat="1" x14ac:dyDescent="0.2">
      <c r="B898" s="16"/>
      <c r="C898" s="16"/>
      <c r="D898" s="16"/>
      <c r="E898" s="16"/>
      <c r="F898" s="16"/>
      <c r="G898" s="16"/>
      <c r="H898" s="16"/>
      <c r="I898" s="16"/>
    </row>
    <row r="899" spans="2:9" s="4" customFormat="1" x14ac:dyDescent="0.2">
      <c r="B899" s="16"/>
      <c r="C899" s="16"/>
      <c r="D899" s="16"/>
      <c r="E899" s="16"/>
      <c r="F899" s="16"/>
      <c r="G899" s="16"/>
      <c r="H899" s="16"/>
      <c r="I899" s="16"/>
    </row>
    <row r="900" spans="2:9" s="4" customFormat="1" x14ac:dyDescent="0.2">
      <c r="B900" s="16"/>
      <c r="C900" s="16"/>
      <c r="D900" s="16"/>
      <c r="E900" s="16"/>
      <c r="F900" s="16"/>
      <c r="G900" s="16"/>
      <c r="H900" s="16"/>
      <c r="I900" s="16"/>
    </row>
    <row r="901" spans="2:9" s="4" customFormat="1" x14ac:dyDescent="0.2">
      <c r="B901" s="16"/>
      <c r="C901" s="16"/>
      <c r="D901" s="16"/>
      <c r="E901" s="16"/>
      <c r="F901" s="16"/>
      <c r="G901" s="16"/>
      <c r="H901" s="16"/>
      <c r="I901" s="16"/>
    </row>
    <row r="902" spans="2:9" s="4" customFormat="1" x14ac:dyDescent="0.2">
      <c r="B902" s="16"/>
      <c r="C902" s="16"/>
      <c r="D902" s="16"/>
      <c r="E902" s="16"/>
      <c r="F902" s="16"/>
      <c r="G902" s="16"/>
      <c r="H902" s="16"/>
      <c r="I902" s="16"/>
    </row>
    <row r="903" spans="2:9" s="4" customFormat="1" x14ac:dyDescent="0.2">
      <c r="B903" s="16"/>
      <c r="C903" s="16"/>
      <c r="D903" s="16"/>
      <c r="E903" s="16"/>
      <c r="F903" s="16"/>
      <c r="G903" s="16"/>
      <c r="H903" s="16"/>
      <c r="I903" s="16"/>
    </row>
    <row r="904" spans="2:9" s="4" customFormat="1" x14ac:dyDescent="0.2">
      <c r="B904" s="16"/>
      <c r="C904" s="16"/>
      <c r="D904" s="16"/>
      <c r="E904" s="16"/>
      <c r="F904" s="16"/>
      <c r="G904" s="16"/>
      <c r="H904" s="16"/>
      <c r="I904" s="16"/>
    </row>
    <row r="905" spans="2:9" s="4" customFormat="1" x14ac:dyDescent="0.2">
      <c r="B905" s="16"/>
      <c r="C905" s="16"/>
      <c r="D905" s="16"/>
      <c r="E905" s="16"/>
      <c r="F905" s="16"/>
      <c r="G905" s="16"/>
      <c r="H905" s="16"/>
      <c r="I905" s="16"/>
    </row>
    <row r="906" spans="2:9" s="4" customFormat="1" x14ac:dyDescent="0.2">
      <c r="B906" s="16"/>
      <c r="C906" s="16"/>
      <c r="D906" s="16"/>
      <c r="E906" s="16"/>
      <c r="F906" s="16"/>
      <c r="G906" s="16"/>
      <c r="H906" s="16"/>
      <c r="I906" s="16"/>
    </row>
    <row r="907" spans="2:9" s="4" customFormat="1" x14ac:dyDescent="0.2">
      <c r="B907" s="16"/>
      <c r="C907" s="16"/>
      <c r="D907" s="16"/>
      <c r="E907" s="16"/>
      <c r="F907" s="16"/>
      <c r="G907" s="16"/>
      <c r="H907" s="16"/>
      <c r="I907" s="16"/>
    </row>
    <row r="908" spans="2:9" s="4" customFormat="1" x14ac:dyDescent="0.2">
      <c r="B908" s="16"/>
      <c r="C908" s="16"/>
      <c r="D908" s="16"/>
      <c r="E908" s="16"/>
      <c r="F908" s="16"/>
      <c r="G908" s="16"/>
      <c r="H908" s="16"/>
      <c r="I908" s="16"/>
    </row>
    <row r="909" spans="2:9" s="4" customFormat="1" x14ac:dyDescent="0.2">
      <c r="B909" s="16"/>
      <c r="C909" s="16"/>
      <c r="D909" s="16"/>
      <c r="E909" s="16"/>
      <c r="F909" s="16"/>
      <c r="G909" s="16"/>
      <c r="H909" s="16"/>
      <c r="I909" s="16"/>
    </row>
    <row r="910" spans="2:9" s="4" customFormat="1" x14ac:dyDescent="0.2">
      <c r="B910" s="16"/>
      <c r="C910" s="16"/>
      <c r="D910" s="16"/>
      <c r="E910" s="16"/>
      <c r="F910" s="16"/>
      <c r="G910" s="16"/>
      <c r="H910" s="16"/>
      <c r="I910" s="16"/>
    </row>
    <row r="911" spans="2:9" s="4" customFormat="1" x14ac:dyDescent="0.2">
      <c r="B911" s="16"/>
      <c r="C911" s="16"/>
      <c r="D911" s="16"/>
      <c r="E911" s="16"/>
      <c r="F911" s="16"/>
      <c r="G911" s="16"/>
      <c r="H911" s="16"/>
      <c r="I911" s="16"/>
    </row>
    <row r="912" spans="2:9" s="4" customFormat="1" x14ac:dyDescent="0.2">
      <c r="B912" s="16"/>
      <c r="C912" s="16"/>
      <c r="D912" s="16"/>
      <c r="E912" s="16"/>
      <c r="F912" s="16"/>
      <c r="G912" s="16"/>
      <c r="H912" s="16"/>
      <c r="I912" s="16"/>
    </row>
    <row r="913" spans="2:9" s="4" customFormat="1" x14ac:dyDescent="0.2">
      <c r="B913" s="16"/>
      <c r="C913" s="16"/>
      <c r="D913" s="16"/>
      <c r="E913" s="16"/>
      <c r="F913" s="16"/>
      <c r="G913" s="16"/>
      <c r="H913" s="16"/>
      <c r="I913" s="16"/>
    </row>
    <row r="914" spans="2:9" s="4" customFormat="1" x14ac:dyDescent="0.2">
      <c r="B914" s="16"/>
      <c r="C914" s="16"/>
      <c r="D914" s="16"/>
      <c r="E914" s="16"/>
      <c r="F914" s="16"/>
      <c r="G914" s="16"/>
      <c r="H914" s="16"/>
      <c r="I914" s="16"/>
    </row>
    <row r="915" spans="2:9" s="4" customFormat="1" x14ac:dyDescent="0.2">
      <c r="B915" s="16"/>
      <c r="C915" s="16"/>
      <c r="D915" s="16"/>
      <c r="E915" s="16"/>
      <c r="F915" s="16"/>
      <c r="G915" s="16"/>
      <c r="H915" s="16"/>
      <c r="I915" s="16"/>
    </row>
    <row r="916" spans="2:9" s="4" customFormat="1" x14ac:dyDescent="0.2">
      <c r="B916" s="16"/>
      <c r="C916" s="16"/>
      <c r="D916" s="16"/>
      <c r="E916" s="16"/>
      <c r="F916" s="16"/>
      <c r="G916" s="16"/>
      <c r="H916" s="16"/>
      <c r="I916" s="16"/>
    </row>
    <row r="917" spans="2:9" s="4" customFormat="1" x14ac:dyDescent="0.2">
      <c r="B917" s="16"/>
      <c r="C917" s="16"/>
      <c r="D917" s="16"/>
      <c r="E917" s="16"/>
      <c r="F917" s="16"/>
      <c r="G917" s="16"/>
      <c r="H917" s="16"/>
      <c r="I917" s="16"/>
    </row>
    <row r="918" spans="2:9" s="4" customFormat="1" x14ac:dyDescent="0.2">
      <c r="B918" s="16"/>
      <c r="C918" s="16"/>
      <c r="D918" s="16"/>
      <c r="E918" s="16"/>
      <c r="F918" s="16"/>
      <c r="G918" s="16"/>
      <c r="H918" s="16"/>
      <c r="I918" s="16"/>
    </row>
    <row r="919" spans="2:9" s="4" customFormat="1" x14ac:dyDescent="0.2">
      <c r="B919" s="16"/>
      <c r="C919" s="16"/>
      <c r="D919" s="16"/>
      <c r="E919" s="16"/>
      <c r="F919" s="16"/>
      <c r="G919" s="16"/>
      <c r="H919" s="16"/>
      <c r="I919" s="16"/>
    </row>
    <row r="920" spans="2:9" s="4" customFormat="1" x14ac:dyDescent="0.2">
      <c r="B920" s="16"/>
      <c r="C920" s="16"/>
      <c r="D920" s="16"/>
      <c r="E920" s="16"/>
      <c r="F920" s="16"/>
      <c r="G920" s="16"/>
      <c r="H920" s="16"/>
      <c r="I920" s="16"/>
    </row>
    <row r="921" spans="2:9" s="4" customFormat="1" x14ac:dyDescent="0.2">
      <c r="B921" s="16"/>
      <c r="C921" s="16"/>
      <c r="D921" s="16"/>
      <c r="E921" s="16"/>
      <c r="F921" s="16"/>
      <c r="G921" s="16"/>
      <c r="H921" s="16"/>
      <c r="I921" s="16"/>
    </row>
    <row r="922" spans="2:9" s="4" customFormat="1" x14ac:dyDescent="0.2">
      <c r="B922" s="16"/>
      <c r="C922" s="16"/>
      <c r="D922" s="16"/>
      <c r="E922" s="16"/>
      <c r="F922" s="16"/>
      <c r="G922" s="16"/>
      <c r="H922" s="16"/>
      <c r="I922" s="16"/>
    </row>
    <row r="923" spans="2:9" s="4" customFormat="1" x14ac:dyDescent="0.2">
      <c r="B923" s="16"/>
      <c r="C923" s="16"/>
      <c r="D923" s="16"/>
      <c r="E923" s="16"/>
      <c r="F923" s="16"/>
      <c r="G923" s="16"/>
      <c r="H923" s="16"/>
      <c r="I923" s="16"/>
    </row>
    <row r="924" spans="2:9" s="4" customFormat="1" x14ac:dyDescent="0.2">
      <c r="B924" s="16"/>
      <c r="C924" s="16"/>
      <c r="D924" s="16"/>
      <c r="E924" s="16"/>
      <c r="F924" s="16"/>
      <c r="G924" s="16"/>
      <c r="H924" s="16"/>
      <c r="I924" s="16"/>
    </row>
    <row r="925" spans="2:9" s="4" customFormat="1" x14ac:dyDescent="0.2">
      <c r="B925" s="16"/>
      <c r="C925" s="16"/>
      <c r="D925" s="16"/>
      <c r="E925" s="16"/>
      <c r="F925" s="16"/>
      <c r="G925" s="16"/>
      <c r="H925" s="16"/>
      <c r="I925" s="16"/>
    </row>
    <row r="926" spans="2:9" s="4" customFormat="1" x14ac:dyDescent="0.2">
      <c r="B926" s="16"/>
      <c r="C926" s="16"/>
      <c r="D926" s="16"/>
      <c r="E926" s="16"/>
      <c r="F926" s="16"/>
      <c r="G926" s="16"/>
      <c r="H926" s="16"/>
      <c r="I926" s="16"/>
    </row>
    <row r="927" spans="2:9" s="4" customFormat="1" x14ac:dyDescent="0.2">
      <c r="B927" s="16"/>
      <c r="C927" s="16"/>
      <c r="D927" s="16"/>
      <c r="E927" s="16"/>
      <c r="F927" s="16"/>
      <c r="G927" s="16"/>
      <c r="H927" s="16"/>
      <c r="I927" s="16"/>
    </row>
    <row r="928" spans="2:9" s="4" customFormat="1" x14ac:dyDescent="0.2">
      <c r="B928" s="16"/>
      <c r="C928" s="16"/>
      <c r="D928" s="16"/>
      <c r="E928" s="16"/>
      <c r="F928" s="16"/>
      <c r="G928" s="16"/>
      <c r="H928" s="16"/>
      <c r="I928" s="16"/>
    </row>
    <row r="929" spans="2:9" s="4" customFormat="1" x14ac:dyDescent="0.2">
      <c r="B929" s="16"/>
      <c r="C929" s="16"/>
      <c r="D929" s="16"/>
      <c r="E929" s="16"/>
      <c r="F929" s="16"/>
      <c r="G929" s="16"/>
      <c r="H929" s="16"/>
      <c r="I929" s="16"/>
    </row>
    <row r="930" spans="2:9" s="4" customFormat="1" x14ac:dyDescent="0.2">
      <c r="B930" s="16"/>
      <c r="C930" s="16"/>
      <c r="D930" s="16"/>
      <c r="E930" s="16"/>
      <c r="F930" s="16"/>
      <c r="G930" s="16"/>
      <c r="H930" s="16"/>
      <c r="I930" s="16"/>
    </row>
    <row r="931" spans="2:9" s="4" customFormat="1" x14ac:dyDescent="0.2">
      <c r="B931" s="16"/>
      <c r="C931" s="16"/>
      <c r="D931" s="16"/>
      <c r="E931" s="16"/>
      <c r="F931" s="16"/>
      <c r="G931" s="16"/>
      <c r="H931" s="16"/>
      <c r="I931" s="16"/>
    </row>
    <row r="932" spans="2:9" s="4" customFormat="1" x14ac:dyDescent="0.2">
      <c r="B932" s="16"/>
      <c r="C932" s="16"/>
      <c r="D932" s="16"/>
      <c r="E932" s="16"/>
      <c r="F932" s="16"/>
      <c r="G932" s="16"/>
      <c r="H932" s="16"/>
      <c r="I932" s="16"/>
    </row>
    <row r="933" spans="2:9" s="4" customFormat="1" x14ac:dyDescent="0.2">
      <c r="B933" s="16"/>
      <c r="C933" s="16"/>
      <c r="D933" s="16"/>
      <c r="E933" s="16"/>
      <c r="F933" s="16"/>
      <c r="G933" s="16"/>
      <c r="H933" s="16"/>
      <c r="I933" s="16"/>
    </row>
    <row r="934" spans="2:9" s="4" customFormat="1" x14ac:dyDescent="0.2">
      <c r="B934" s="16"/>
      <c r="C934" s="16"/>
      <c r="D934" s="16"/>
      <c r="E934" s="16"/>
      <c r="F934" s="16"/>
      <c r="G934" s="16"/>
      <c r="H934" s="16"/>
      <c r="I934" s="16"/>
    </row>
    <row r="935" spans="2:9" s="4" customFormat="1" x14ac:dyDescent="0.2">
      <c r="B935" s="16"/>
      <c r="C935" s="16"/>
      <c r="D935" s="16"/>
      <c r="E935" s="16"/>
      <c r="F935" s="16"/>
      <c r="G935" s="16"/>
      <c r="H935" s="16"/>
      <c r="I935" s="16"/>
    </row>
    <row r="936" spans="2:9" s="4" customFormat="1" x14ac:dyDescent="0.2">
      <c r="B936" s="16"/>
      <c r="C936" s="16"/>
      <c r="D936" s="16"/>
      <c r="E936" s="16"/>
      <c r="F936" s="16"/>
      <c r="G936" s="16"/>
      <c r="H936" s="16"/>
      <c r="I936" s="16"/>
    </row>
    <row r="937" spans="2:9" s="4" customFormat="1" x14ac:dyDescent="0.2">
      <c r="B937" s="16"/>
      <c r="C937" s="16"/>
      <c r="D937" s="16"/>
      <c r="E937" s="16"/>
      <c r="F937" s="16"/>
      <c r="G937" s="16"/>
      <c r="H937" s="16"/>
      <c r="I937" s="16"/>
    </row>
    <row r="938" spans="2:9" s="4" customFormat="1" x14ac:dyDescent="0.2">
      <c r="B938" s="16"/>
      <c r="C938" s="16"/>
      <c r="D938" s="16"/>
      <c r="E938" s="16"/>
      <c r="F938" s="16"/>
      <c r="G938" s="16"/>
      <c r="H938" s="16"/>
      <c r="I938" s="16"/>
    </row>
    <row r="939" spans="2:9" s="4" customFormat="1" x14ac:dyDescent="0.2">
      <c r="B939" s="16"/>
      <c r="C939" s="16"/>
      <c r="D939" s="16"/>
      <c r="E939" s="16"/>
      <c r="F939" s="16"/>
      <c r="G939" s="16"/>
      <c r="H939" s="16"/>
      <c r="I939" s="16"/>
    </row>
    <row r="940" spans="2:9" s="4" customFormat="1" x14ac:dyDescent="0.2">
      <c r="B940" s="16"/>
      <c r="C940" s="16"/>
      <c r="D940" s="16"/>
      <c r="E940" s="16"/>
      <c r="F940" s="16"/>
      <c r="G940" s="16"/>
      <c r="H940" s="16"/>
      <c r="I940" s="16"/>
    </row>
    <row r="941" spans="2:9" s="4" customFormat="1" x14ac:dyDescent="0.2">
      <c r="B941" s="16"/>
      <c r="C941" s="16"/>
      <c r="D941" s="16"/>
      <c r="E941" s="16"/>
      <c r="F941" s="16"/>
      <c r="G941" s="16"/>
      <c r="H941" s="16"/>
      <c r="I941" s="16"/>
    </row>
    <row r="942" spans="2:9" s="4" customFormat="1" x14ac:dyDescent="0.2">
      <c r="B942" s="16"/>
      <c r="C942" s="16"/>
      <c r="D942" s="16"/>
      <c r="E942" s="16"/>
      <c r="F942" s="16"/>
      <c r="G942" s="16"/>
      <c r="H942" s="16"/>
      <c r="I942" s="16"/>
    </row>
    <row r="943" spans="2:9" s="4" customFormat="1" x14ac:dyDescent="0.2">
      <c r="B943" s="16"/>
      <c r="C943" s="16"/>
      <c r="D943" s="16"/>
      <c r="E943" s="16"/>
      <c r="F943" s="16"/>
      <c r="G943" s="16"/>
      <c r="H943" s="16"/>
      <c r="I943" s="16"/>
    </row>
    <row r="944" spans="2:9" s="4" customFormat="1" x14ac:dyDescent="0.2">
      <c r="B944" s="16"/>
      <c r="C944" s="16"/>
      <c r="D944" s="16"/>
      <c r="E944" s="16"/>
      <c r="F944" s="16"/>
      <c r="G944" s="16"/>
      <c r="H944" s="16"/>
      <c r="I944" s="16"/>
    </row>
    <row r="945" spans="2:9" s="4" customFormat="1" x14ac:dyDescent="0.2">
      <c r="B945" s="16"/>
      <c r="C945" s="16"/>
      <c r="D945" s="16"/>
      <c r="E945" s="16"/>
      <c r="F945" s="16"/>
      <c r="G945" s="16"/>
      <c r="H945" s="16"/>
      <c r="I945" s="16"/>
    </row>
    <row r="946" spans="2:9" s="4" customFormat="1" x14ac:dyDescent="0.2">
      <c r="B946" s="16"/>
      <c r="C946" s="16"/>
      <c r="D946" s="16"/>
      <c r="E946" s="16"/>
      <c r="F946" s="16"/>
      <c r="G946" s="16"/>
      <c r="H946" s="16"/>
      <c r="I946" s="16"/>
    </row>
    <row r="947" spans="2:9" s="4" customFormat="1" x14ac:dyDescent="0.2">
      <c r="B947" s="16"/>
      <c r="C947" s="16"/>
      <c r="D947" s="16"/>
      <c r="E947" s="16"/>
      <c r="F947" s="16"/>
      <c r="G947" s="16"/>
      <c r="H947" s="16"/>
      <c r="I947" s="16"/>
    </row>
    <row r="948" spans="2:9" s="4" customFormat="1" x14ac:dyDescent="0.2">
      <c r="B948" s="16"/>
      <c r="C948" s="16"/>
      <c r="D948" s="16"/>
      <c r="E948" s="16"/>
      <c r="F948" s="16"/>
      <c r="G948" s="16"/>
      <c r="H948" s="16"/>
      <c r="I948" s="16"/>
    </row>
    <row r="949" spans="2:9" s="4" customFormat="1" x14ac:dyDescent="0.2">
      <c r="B949" s="16"/>
      <c r="C949" s="16"/>
      <c r="D949" s="16"/>
      <c r="E949" s="16"/>
      <c r="F949" s="16"/>
      <c r="G949" s="16"/>
      <c r="H949" s="16"/>
      <c r="I949" s="16"/>
    </row>
    <row r="950" spans="2:9" s="4" customFormat="1" x14ac:dyDescent="0.2">
      <c r="B950" s="16"/>
      <c r="C950" s="16"/>
      <c r="D950" s="16"/>
      <c r="E950" s="16"/>
      <c r="F950" s="16"/>
      <c r="G950" s="16"/>
      <c r="H950" s="16"/>
      <c r="I950" s="16"/>
    </row>
    <row r="951" spans="2:9" s="4" customFormat="1" x14ac:dyDescent="0.2">
      <c r="B951" s="16"/>
      <c r="C951" s="16"/>
      <c r="D951" s="16"/>
      <c r="E951" s="16"/>
      <c r="F951" s="16"/>
      <c r="G951" s="16"/>
      <c r="H951" s="16"/>
      <c r="I951" s="16"/>
    </row>
    <row r="952" spans="2:9" s="4" customFormat="1" x14ac:dyDescent="0.2">
      <c r="B952" s="16"/>
      <c r="C952" s="16"/>
      <c r="D952" s="16"/>
      <c r="E952" s="16"/>
      <c r="F952" s="16"/>
      <c r="G952" s="16"/>
      <c r="H952" s="16"/>
      <c r="I952" s="16"/>
    </row>
    <row r="953" spans="2:9" s="4" customFormat="1" x14ac:dyDescent="0.2">
      <c r="B953" s="16"/>
      <c r="C953" s="16"/>
      <c r="D953" s="16"/>
      <c r="E953" s="16"/>
      <c r="F953" s="16"/>
      <c r="G953" s="16"/>
      <c r="H953" s="16"/>
      <c r="I953" s="16"/>
    </row>
    <row r="954" spans="2:9" s="4" customFormat="1" x14ac:dyDescent="0.2">
      <c r="B954" s="16"/>
      <c r="C954" s="16"/>
      <c r="D954" s="16"/>
      <c r="E954" s="16"/>
      <c r="F954" s="16"/>
      <c r="G954" s="16"/>
      <c r="H954" s="16"/>
      <c r="I954" s="16"/>
    </row>
    <row r="955" spans="2:9" s="4" customFormat="1" x14ac:dyDescent="0.2">
      <c r="B955" s="16"/>
      <c r="C955" s="16"/>
      <c r="D955" s="16"/>
      <c r="E955" s="16"/>
      <c r="F955" s="16"/>
      <c r="G955" s="16"/>
      <c r="H955" s="16"/>
      <c r="I955" s="16"/>
    </row>
    <row r="956" spans="2:9" s="4" customFormat="1" x14ac:dyDescent="0.2">
      <c r="B956" s="16"/>
      <c r="C956" s="16"/>
      <c r="D956" s="16"/>
      <c r="E956" s="16"/>
      <c r="F956" s="16"/>
      <c r="G956" s="16"/>
      <c r="H956" s="16"/>
      <c r="I956" s="16"/>
    </row>
    <row r="957" spans="2:9" s="4" customFormat="1" x14ac:dyDescent="0.2">
      <c r="B957" s="16"/>
      <c r="C957" s="16"/>
      <c r="D957" s="16"/>
      <c r="E957" s="16"/>
      <c r="F957" s="16"/>
      <c r="G957" s="16"/>
      <c r="H957" s="16"/>
      <c r="I957" s="16"/>
    </row>
    <row r="958" spans="2:9" s="4" customFormat="1" x14ac:dyDescent="0.2">
      <c r="B958" s="16"/>
      <c r="C958" s="16"/>
      <c r="D958" s="16"/>
      <c r="E958" s="16"/>
      <c r="F958" s="16"/>
      <c r="G958" s="16"/>
      <c r="H958" s="16"/>
      <c r="I958" s="16"/>
    </row>
    <row r="959" spans="2:9" s="4" customFormat="1" x14ac:dyDescent="0.2">
      <c r="B959" s="16"/>
      <c r="C959" s="16"/>
      <c r="D959" s="16"/>
      <c r="E959" s="16"/>
      <c r="F959" s="16"/>
      <c r="G959" s="16"/>
      <c r="H959" s="16"/>
      <c r="I959" s="16"/>
    </row>
    <row r="960" spans="2:9" s="4" customFormat="1" x14ac:dyDescent="0.2">
      <c r="B960" s="16"/>
      <c r="C960" s="16"/>
      <c r="D960" s="16"/>
      <c r="E960" s="16"/>
      <c r="F960" s="16"/>
      <c r="G960" s="16"/>
      <c r="H960" s="16"/>
      <c r="I960" s="16"/>
    </row>
    <row r="961" spans="2:9" s="4" customFormat="1" x14ac:dyDescent="0.2">
      <c r="B961" s="16"/>
      <c r="C961" s="16"/>
      <c r="D961" s="16"/>
      <c r="E961" s="16"/>
      <c r="F961" s="16"/>
      <c r="G961" s="16"/>
      <c r="H961" s="16"/>
      <c r="I961" s="16"/>
    </row>
    <row r="962" spans="2:9" s="4" customFormat="1" x14ac:dyDescent="0.2">
      <c r="B962" s="16"/>
      <c r="C962" s="16"/>
      <c r="D962" s="16"/>
      <c r="E962" s="16"/>
      <c r="F962" s="16"/>
      <c r="G962" s="16"/>
      <c r="H962" s="16"/>
      <c r="I962" s="16"/>
    </row>
    <row r="963" spans="2:9" s="4" customFormat="1" x14ac:dyDescent="0.2">
      <c r="B963" s="16"/>
      <c r="C963" s="16"/>
      <c r="D963" s="16"/>
      <c r="E963" s="16"/>
      <c r="F963" s="16"/>
      <c r="G963" s="16"/>
      <c r="H963" s="16"/>
      <c r="I963" s="16"/>
    </row>
    <row r="964" spans="2:9" s="4" customFormat="1" x14ac:dyDescent="0.2">
      <c r="B964" s="16"/>
      <c r="C964" s="16"/>
      <c r="D964" s="16"/>
      <c r="E964" s="16"/>
      <c r="F964" s="16"/>
      <c r="G964" s="16"/>
      <c r="H964" s="16"/>
      <c r="I964" s="16"/>
    </row>
    <row r="965" spans="2:9" s="4" customFormat="1" x14ac:dyDescent="0.2">
      <c r="B965" s="16"/>
      <c r="C965" s="16"/>
      <c r="D965" s="16"/>
      <c r="E965" s="16"/>
      <c r="F965" s="16"/>
      <c r="G965" s="16"/>
      <c r="H965" s="16"/>
      <c r="I965" s="16"/>
    </row>
    <row r="966" spans="2:9" s="4" customFormat="1" x14ac:dyDescent="0.2">
      <c r="B966" s="16"/>
      <c r="C966" s="16"/>
      <c r="D966" s="16"/>
      <c r="E966" s="16"/>
      <c r="F966" s="16"/>
      <c r="G966" s="16"/>
      <c r="H966" s="16"/>
      <c r="I966" s="16"/>
    </row>
    <row r="967" spans="2:9" s="4" customFormat="1" x14ac:dyDescent="0.2">
      <c r="B967" s="16"/>
      <c r="C967" s="16"/>
      <c r="D967" s="16"/>
      <c r="E967" s="16"/>
      <c r="F967" s="16"/>
      <c r="G967" s="16"/>
      <c r="H967" s="16"/>
      <c r="I967" s="16"/>
    </row>
    <row r="968" spans="2:9" s="4" customFormat="1" x14ac:dyDescent="0.2">
      <c r="B968" s="16"/>
      <c r="C968" s="16"/>
      <c r="D968" s="16"/>
      <c r="E968" s="16"/>
      <c r="F968" s="16"/>
      <c r="G968" s="16"/>
      <c r="H968" s="16"/>
      <c r="I968" s="16"/>
    </row>
    <row r="969" spans="2:9" s="4" customFormat="1" x14ac:dyDescent="0.2">
      <c r="B969" s="16"/>
      <c r="C969" s="16"/>
      <c r="D969" s="16"/>
      <c r="E969" s="16"/>
      <c r="F969" s="16"/>
      <c r="G969" s="16"/>
      <c r="H969" s="16"/>
      <c r="I969" s="16"/>
    </row>
    <row r="970" spans="2:9" s="4" customFormat="1" x14ac:dyDescent="0.2">
      <c r="B970" s="16"/>
      <c r="C970" s="16"/>
      <c r="D970" s="16"/>
      <c r="E970" s="16"/>
      <c r="F970" s="16"/>
      <c r="G970" s="16"/>
      <c r="H970" s="16"/>
      <c r="I970" s="16"/>
    </row>
    <row r="971" spans="2:9" s="4" customFormat="1" x14ac:dyDescent="0.2">
      <c r="B971" s="16"/>
      <c r="C971" s="16"/>
      <c r="D971" s="16"/>
      <c r="E971" s="16"/>
      <c r="F971" s="16"/>
      <c r="G971" s="16"/>
      <c r="H971" s="16"/>
      <c r="I971" s="16"/>
    </row>
    <row r="972" spans="2:9" s="4" customFormat="1" x14ac:dyDescent="0.2">
      <c r="B972" s="16"/>
      <c r="C972" s="16"/>
      <c r="D972" s="16"/>
      <c r="E972" s="16"/>
      <c r="F972" s="16"/>
      <c r="G972" s="16"/>
      <c r="H972" s="16"/>
      <c r="I972" s="16"/>
    </row>
    <row r="973" spans="2:9" s="4" customFormat="1" x14ac:dyDescent="0.2">
      <c r="B973" s="16"/>
      <c r="C973" s="16"/>
      <c r="D973" s="16"/>
      <c r="E973" s="16"/>
      <c r="F973" s="16"/>
      <c r="G973" s="16"/>
      <c r="H973" s="16"/>
      <c r="I973" s="16"/>
    </row>
    <row r="974" spans="2:9" s="4" customFormat="1" x14ac:dyDescent="0.2">
      <c r="B974" s="16"/>
      <c r="C974" s="16"/>
      <c r="D974" s="16"/>
      <c r="E974" s="16"/>
      <c r="F974" s="16"/>
      <c r="G974" s="16"/>
      <c r="H974" s="16"/>
      <c r="I974" s="16"/>
    </row>
    <row r="975" spans="2:9" s="4" customFormat="1" x14ac:dyDescent="0.2">
      <c r="B975" s="16"/>
      <c r="C975" s="16"/>
      <c r="D975" s="16"/>
      <c r="E975" s="16"/>
      <c r="F975" s="16"/>
      <c r="G975" s="16"/>
      <c r="H975" s="16"/>
      <c r="I975" s="16"/>
    </row>
    <row r="976" spans="2:9" s="4" customFormat="1" x14ac:dyDescent="0.2">
      <c r="B976" s="16"/>
      <c r="C976" s="16"/>
      <c r="D976" s="16"/>
      <c r="E976" s="16"/>
      <c r="F976" s="16"/>
      <c r="G976" s="16"/>
      <c r="H976" s="16"/>
      <c r="I976" s="16"/>
    </row>
    <row r="977" spans="2:9" s="4" customFormat="1" x14ac:dyDescent="0.2">
      <c r="B977" s="16"/>
      <c r="C977" s="16"/>
      <c r="D977" s="16"/>
      <c r="E977" s="16"/>
      <c r="F977" s="16"/>
      <c r="G977" s="16"/>
      <c r="H977" s="16"/>
      <c r="I977" s="16"/>
    </row>
    <row r="978" spans="2:9" s="4" customFormat="1" x14ac:dyDescent="0.2">
      <c r="B978" s="16"/>
      <c r="C978" s="16"/>
      <c r="D978" s="16"/>
      <c r="E978" s="16"/>
      <c r="F978" s="16"/>
      <c r="G978" s="16"/>
      <c r="H978" s="16"/>
      <c r="I978" s="16"/>
    </row>
    <row r="979" spans="2:9" s="4" customFormat="1" x14ac:dyDescent="0.2">
      <c r="B979" s="16"/>
      <c r="C979" s="16"/>
      <c r="D979" s="16"/>
      <c r="E979" s="16"/>
      <c r="F979" s="16"/>
      <c r="G979" s="16"/>
      <c r="H979" s="16"/>
      <c r="I979" s="16"/>
    </row>
    <row r="980" spans="2:9" s="4" customFormat="1" x14ac:dyDescent="0.2">
      <c r="B980" s="16"/>
      <c r="C980" s="16"/>
      <c r="D980" s="16"/>
      <c r="E980" s="16"/>
      <c r="F980" s="16"/>
      <c r="G980" s="16"/>
      <c r="H980" s="16"/>
      <c r="I980" s="16"/>
    </row>
    <row r="981" spans="2:9" s="4" customFormat="1" x14ac:dyDescent="0.2">
      <c r="B981" s="16"/>
      <c r="C981" s="16"/>
      <c r="D981" s="16"/>
      <c r="E981" s="16"/>
      <c r="F981" s="16"/>
      <c r="G981" s="16"/>
      <c r="H981" s="16"/>
      <c r="I981" s="16"/>
    </row>
    <row r="982" spans="2:9" s="4" customFormat="1" x14ac:dyDescent="0.2">
      <c r="B982" s="16"/>
      <c r="C982" s="16"/>
      <c r="D982" s="16"/>
      <c r="E982" s="16"/>
      <c r="F982" s="16"/>
      <c r="G982" s="16"/>
      <c r="H982" s="16"/>
      <c r="I982" s="16"/>
    </row>
    <row r="983" spans="2:9" s="4" customFormat="1" x14ac:dyDescent="0.2">
      <c r="B983" s="16"/>
      <c r="C983" s="16"/>
      <c r="D983" s="16"/>
      <c r="E983" s="16"/>
      <c r="F983" s="16"/>
      <c r="G983" s="16"/>
      <c r="H983" s="16"/>
      <c r="I983" s="16"/>
    </row>
    <row r="984" spans="2:9" s="4" customFormat="1" x14ac:dyDescent="0.2">
      <c r="B984" s="16"/>
      <c r="C984" s="16"/>
      <c r="D984" s="16"/>
      <c r="E984" s="16"/>
      <c r="F984" s="16"/>
      <c r="G984" s="16"/>
      <c r="H984" s="16"/>
      <c r="I984" s="16"/>
    </row>
    <row r="985" spans="2:9" s="4" customFormat="1" x14ac:dyDescent="0.2">
      <c r="B985" s="16"/>
      <c r="C985" s="16"/>
      <c r="D985" s="16"/>
      <c r="E985" s="16"/>
      <c r="F985" s="16"/>
      <c r="G985" s="16"/>
      <c r="H985" s="16"/>
      <c r="I985" s="16"/>
    </row>
    <row r="986" spans="2:9" s="4" customFormat="1" x14ac:dyDescent="0.2">
      <c r="B986" s="16"/>
      <c r="C986" s="16"/>
      <c r="D986" s="16"/>
      <c r="E986" s="16"/>
      <c r="F986" s="16"/>
      <c r="G986" s="16"/>
      <c r="H986" s="16"/>
      <c r="I986" s="16"/>
    </row>
    <row r="987" spans="2:9" s="4" customFormat="1" x14ac:dyDescent="0.2">
      <c r="B987" s="16"/>
      <c r="C987" s="16"/>
      <c r="D987" s="16"/>
      <c r="E987" s="16"/>
      <c r="F987" s="16"/>
      <c r="G987" s="16"/>
      <c r="H987" s="16"/>
      <c r="I987" s="16"/>
    </row>
    <row r="988" spans="2:9" s="4" customFormat="1" x14ac:dyDescent="0.2">
      <c r="B988" s="16"/>
      <c r="C988" s="16"/>
      <c r="D988" s="16"/>
      <c r="E988" s="16"/>
      <c r="F988" s="16"/>
      <c r="G988" s="16"/>
      <c r="H988" s="16"/>
      <c r="I988" s="16"/>
    </row>
    <row r="989" spans="2:9" s="4" customFormat="1" x14ac:dyDescent="0.2">
      <c r="B989" s="16"/>
      <c r="C989" s="16"/>
      <c r="D989" s="16"/>
      <c r="E989" s="16"/>
      <c r="F989" s="16"/>
      <c r="G989" s="16"/>
      <c r="H989" s="16"/>
      <c r="I989" s="16"/>
    </row>
    <row r="990" spans="2:9" s="4" customFormat="1" x14ac:dyDescent="0.2">
      <c r="B990" s="16"/>
      <c r="C990" s="16"/>
      <c r="D990" s="16"/>
      <c r="E990" s="16"/>
      <c r="F990" s="16"/>
      <c r="G990" s="16"/>
      <c r="H990" s="16"/>
      <c r="I990" s="16"/>
    </row>
    <row r="991" spans="2:9" s="4" customFormat="1" x14ac:dyDescent="0.2">
      <c r="B991" s="16"/>
      <c r="C991" s="16"/>
      <c r="D991" s="16"/>
      <c r="E991" s="16"/>
      <c r="F991" s="16"/>
      <c r="G991" s="16"/>
      <c r="H991" s="16"/>
      <c r="I991" s="16"/>
    </row>
    <row r="992" spans="2:9" s="4" customFormat="1" x14ac:dyDescent="0.2">
      <c r="B992" s="16"/>
      <c r="C992" s="16"/>
      <c r="D992" s="16"/>
      <c r="E992" s="16"/>
      <c r="F992" s="16"/>
      <c r="G992" s="16"/>
      <c r="H992" s="16"/>
      <c r="I992" s="16"/>
    </row>
    <row r="993" spans="2:9" s="4" customFormat="1" x14ac:dyDescent="0.2">
      <c r="B993" s="16"/>
      <c r="C993" s="16"/>
      <c r="D993" s="16"/>
      <c r="E993" s="16"/>
      <c r="F993" s="16"/>
      <c r="G993" s="16"/>
      <c r="H993" s="16"/>
      <c r="I993" s="16"/>
    </row>
    <row r="994" spans="2:9" s="4" customFormat="1" x14ac:dyDescent="0.2">
      <c r="B994" s="16"/>
      <c r="C994" s="16"/>
      <c r="D994" s="16"/>
      <c r="E994" s="16"/>
      <c r="F994" s="16"/>
      <c r="G994" s="16"/>
      <c r="H994" s="16"/>
      <c r="I994" s="16"/>
    </row>
    <row r="995" spans="2:9" s="4" customFormat="1" x14ac:dyDescent="0.2">
      <c r="B995" s="16"/>
      <c r="C995" s="16"/>
      <c r="D995" s="16"/>
      <c r="E995" s="16"/>
      <c r="F995" s="16"/>
      <c r="G995" s="16"/>
      <c r="H995" s="16"/>
      <c r="I995" s="16"/>
    </row>
    <row r="996" spans="2:9" s="4" customFormat="1" x14ac:dyDescent="0.2">
      <c r="B996" s="16"/>
      <c r="C996" s="16"/>
      <c r="D996" s="16"/>
      <c r="E996" s="16"/>
      <c r="F996" s="16"/>
      <c r="G996" s="16"/>
      <c r="H996" s="16"/>
      <c r="I996" s="16"/>
    </row>
    <row r="997" spans="2:9" s="4" customFormat="1" x14ac:dyDescent="0.2">
      <c r="B997" s="16"/>
      <c r="C997" s="16"/>
      <c r="D997" s="16"/>
      <c r="E997" s="16"/>
      <c r="F997" s="16"/>
      <c r="G997" s="16"/>
      <c r="H997" s="16"/>
      <c r="I997" s="16"/>
    </row>
    <row r="998" spans="2:9" s="4" customFormat="1" x14ac:dyDescent="0.2">
      <c r="B998" s="16"/>
      <c r="C998" s="16"/>
      <c r="D998" s="16"/>
      <c r="E998" s="16"/>
      <c r="F998" s="16"/>
      <c r="G998" s="16"/>
      <c r="H998" s="16"/>
      <c r="I998" s="16"/>
    </row>
    <row r="999" spans="2:9" s="4" customFormat="1" x14ac:dyDescent="0.2">
      <c r="B999" s="16"/>
      <c r="C999" s="16"/>
      <c r="D999" s="16"/>
      <c r="E999" s="16"/>
      <c r="F999" s="16"/>
      <c r="G999" s="16"/>
      <c r="H999" s="16"/>
      <c r="I999" s="16"/>
    </row>
    <row r="1000" spans="2:9" s="4" customFormat="1" x14ac:dyDescent="0.2">
      <c r="B1000" s="16"/>
      <c r="C1000" s="16"/>
      <c r="D1000" s="16"/>
      <c r="E1000" s="16"/>
      <c r="F1000" s="16"/>
      <c r="G1000" s="16"/>
      <c r="H1000" s="16"/>
      <c r="I1000" s="16"/>
    </row>
    <row r="1001" spans="2:9" s="4" customFormat="1" x14ac:dyDescent="0.2">
      <c r="B1001" s="16"/>
      <c r="C1001" s="16"/>
      <c r="D1001" s="16"/>
      <c r="E1001" s="16"/>
      <c r="F1001" s="16"/>
      <c r="G1001" s="16"/>
      <c r="H1001" s="16"/>
      <c r="I1001" s="16"/>
    </row>
    <row r="1002" spans="2:9" s="4" customFormat="1" x14ac:dyDescent="0.2">
      <c r="B1002" s="16"/>
      <c r="C1002" s="16"/>
      <c r="D1002" s="16"/>
      <c r="E1002" s="16"/>
      <c r="F1002" s="16"/>
      <c r="G1002" s="16"/>
      <c r="H1002" s="16"/>
      <c r="I1002" s="16"/>
    </row>
    <row r="1003" spans="2:9" s="4" customFormat="1" x14ac:dyDescent="0.2">
      <c r="B1003" s="16"/>
      <c r="C1003" s="16"/>
      <c r="D1003" s="16"/>
      <c r="E1003" s="16"/>
      <c r="F1003" s="16"/>
      <c r="G1003" s="16"/>
      <c r="H1003" s="16"/>
      <c r="I1003" s="16"/>
    </row>
    <row r="1004" spans="2:9" s="4" customFormat="1" x14ac:dyDescent="0.2">
      <c r="B1004" s="16"/>
      <c r="C1004" s="16"/>
      <c r="D1004" s="16"/>
      <c r="E1004" s="16"/>
      <c r="F1004" s="16"/>
      <c r="G1004" s="16"/>
      <c r="H1004" s="16"/>
      <c r="I1004" s="16"/>
    </row>
    <row r="1005" spans="2:9" s="4" customFormat="1" x14ac:dyDescent="0.2">
      <c r="B1005" s="16"/>
      <c r="C1005" s="16"/>
      <c r="D1005" s="16"/>
      <c r="E1005" s="16"/>
      <c r="F1005" s="16"/>
      <c r="G1005" s="16"/>
      <c r="H1005" s="16"/>
      <c r="I1005" s="16"/>
    </row>
    <row r="1006" spans="2:9" s="4" customFormat="1" x14ac:dyDescent="0.2">
      <c r="B1006" s="16"/>
      <c r="C1006" s="16"/>
      <c r="D1006" s="16"/>
      <c r="E1006" s="16"/>
      <c r="F1006" s="16"/>
      <c r="G1006" s="16"/>
      <c r="H1006" s="16"/>
      <c r="I1006" s="16"/>
    </row>
    <row r="1007" spans="2:9" s="4" customFormat="1" x14ac:dyDescent="0.2">
      <c r="B1007" s="16"/>
      <c r="C1007" s="16"/>
      <c r="D1007" s="16"/>
      <c r="E1007" s="16"/>
      <c r="F1007" s="16"/>
      <c r="G1007" s="16"/>
      <c r="H1007" s="16"/>
      <c r="I1007" s="16"/>
    </row>
    <row r="1008" spans="2:9" s="4" customFormat="1" x14ac:dyDescent="0.2">
      <c r="B1008" s="16"/>
      <c r="C1008" s="16"/>
      <c r="D1008" s="16"/>
      <c r="E1008" s="16"/>
      <c r="F1008" s="16"/>
      <c r="G1008" s="16"/>
      <c r="H1008" s="16"/>
      <c r="I1008" s="16"/>
    </row>
    <row r="1009" spans="2:9" s="4" customFormat="1" x14ac:dyDescent="0.2">
      <c r="B1009" s="16"/>
      <c r="C1009" s="16"/>
      <c r="D1009" s="16"/>
      <c r="E1009" s="16"/>
      <c r="F1009" s="16"/>
      <c r="G1009" s="16"/>
      <c r="H1009" s="16"/>
      <c r="I1009" s="16"/>
    </row>
    <row r="1010" spans="2:9" s="4" customFormat="1" x14ac:dyDescent="0.2">
      <c r="B1010" s="16"/>
      <c r="C1010" s="16"/>
      <c r="D1010" s="16"/>
      <c r="E1010" s="16"/>
      <c r="F1010" s="16"/>
      <c r="G1010" s="16"/>
      <c r="H1010" s="16"/>
      <c r="I1010" s="16"/>
    </row>
    <row r="1011" spans="2:9" s="4" customFormat="1" x14ac:dyDescent="0.2">
      <c r="B1011" s="16"/>
      <c r="C1011" s="16"/>
      <c r="D1011" s="16"/>
      <c r="E1011" s="16"/>
      <c r="F1011" s="16"/>
      <c r="G1011" s="16"/>
      <c r="H1011" s="16"/>
      <c r="I1011" s="16"/>
    </row>
    <row r="1012" spans="2:9" s="4" customFormat="1" x14ac:dyDescent="0.2">
      <c r="B1012" s="16"/>
      <c r="C1012" s="16"/>
      <c r="D1012" s="16"/>
      <c r="E1012" s="16"/>
      <c r="F1012" s="16"/>
      <c r="G1012" s="16"/>
      <c r="H1012" s="16"/>
      <c r="I1012" s="16"/>
    </row>
    <row r="1013" spans="2:9" s="4" customFormat="1" x14ac:dyDescent="0.2">
      <c r="B1013" s="16"/>
      <c r="C1013" s="16"/>
      <c r="D1013" s="16"/>
      <c r="E1013" s="16"/>
      <c r="F1013" s="16"/>
      <c r="G1013" s="16"/>
      <c r="H1013" s="16"/>
      <c r="I1013" s="16"/>
    </row>
    <row r="1014" spans="2:9" s="4" customFormat="1" x14ac:dyDescent="0.2">
      <c r="B1014" s="16"/>
      <c r="C1014" s="16"/>
      <c r="D1014" s="16"/>
      <c r="E1014" s="16"/>
      <c r="F1014" s="16"/>
      <c r="G1014" s="16"/>
      <c r="H1014" s="16"/>
      <c r="I1014" s="16"/>
    </row>
    <row r="1015" spans="2:9" s="4" customFormat="1" x14ac:dyDescent="0.2">
      <c r="B1015" s="16"/>
      <c r="C1015" s="16"/>
      <c r="D1015" s="16"/>
      <c r="E1015" s="16"/>
      <c r="F1015" s="16"/>
      <c r="G1015" s="16"/>
      <c r="H1015" s="16"/>
      <c r="I1015" s="16"/>
    </row>
    <row r="1016" spans="2:9" s="4" customFormat="1" x14ac:dyDescent="0.2">
      <c r="B1016" s="16"/>
      <c r="C1016" s="16"/>
      <c r="D1016" s="16"/>
      <c r="E1016" s="16"/>
      <c r="F1016" s="16"/>
      <c r="G1016" s="16"/>
      <c r="H1016" s="16"/>
      <c r="I1016" s="16"/>
    </row>
    <row r="1017" spans="2:9" s="4" customFormat="1" x14ac:dyDescent="0.2">
      <c r="B1017" s="16"/>
      <c r="C1017" s="16"/>
      <c r="D1017" s="16"/>
      <c r="E1017" s="16"/>
      <c r="F1017" s="16"/>
      <c r="G1017" s="16"/>
      <c r="H1017" s="16"/>
      <c r="I1017" s="16"/>
    </row>
    <row r="1018" spans="2:9" s="4" customFormat="1" x14ac:dyDescent="0.2">
      <c r="B1018" s="16"/>
      <c r="C1018" s="16"/>
      <c r="D1018" s="16"/>
      <c r="E1018" s="16"/>
      <c r="F1018" s="16"/>
      <c r="G1018" s="16"/>
      <c r="H1018" s="16"/>
      <c r="I1018" s="16"/>
    </row>
    <row r="1019" spans="2:9" s="4" customFormat="1" x14ac:dyDescent="0.2">
      <c r="B1019" s="16"/>
      <c r="C1019" s="16"/>
      <c r="D1019" s="16"/>
      <c r="E1019" s="16"/>
      <c r="F1019" s="16"/>
      <c r="G1019" s="16"/>
      <c r="H1019" s="16"/>
      <c r="I1019" s="16"/>
    </row>
    <row r="1020" spans="2:9" s="4" customFormat="1" x14ac:dyDescent="0.2">
      <c r="B1020" s="16"/>
      <c r="C1020" s="16"/>
      <c r="D1020" s="16"/>
      <c r="E1020" s="16"/>
      <c r="F1020" s="16"/>
      <c r="G1020" s="16"/>
      <c r="H1020" s="16"/>
      <c r="I1020" s="16"/>
    </row>
    <row r="1021" spans="2:9" s="4" customFormat="1" x14ac:dyDescent="0.2">
      <c r="B1021" s="16"/>
      <c r="C1021" s="16"/>
      <c r="D1021" s="16"/>
      <c r="E1021" s="16"/>
      <c r="F1021" s="16"/>
      <c r="G1021" s="16"/>
      <c r="H1021" s="16"/>
      <c r="I1021" s="16"/>
    </row>
    <row r="1022" spans="2:9" s="4" customFormat="1" x14ac:dyDescent="0.2">
      <c r="B1022" s="16"/>
      <c r="C1022" s="16"/>
      <c r="D1022" s="16"/>
      <c r="E1022" s="16"/>
      <c r="F1022" s="16"/>
      <c r="G1022" s="16"/>
      <c r="H1022" s="16"/>
      <c r="I1022" s="16"/>
    </row>
    <row r="1023" spans="2:9" s="4" customFormat="1" x14ac:dyDescent="0.2">
      <c r="B1023" s="16"/>
      <c r="C1023" s="16"/>
      <c r="D1023" s="16"/>
      <c r="E1023" s="16"/>
      <c r="F1023" s="16"/>
      <c r="G1023" s="16"/>
      <c r="H1023" s="16"/>
      <c r="I1023" s="16"/>
    </row>
    <row r="1024" spans="2:9" s="4" customFormat="1" x14ac:dyDescent="0.2">
      <c r="B1024" s="16"/>
      <c r="C1024" s="16"/>
      <c r="D1024" s="16"/>
      <c r="E1024" s="16"/>
      <c r="F1024" s="16"/>
      <c r="G1024" s="16"/>
      <c r="H1024" s="16"/>
      <c r="I1024" s="16"/>
    </row>
    <row r="1025" spans="2:9" s="4" customFormat="1" x14ac:dyDescent="0.2">
      <c r="B1025" s="16"/>
      <c r="C1025" s="16"/>
      <c r="D1025" s="16"/>
      <c r="E1025" s="16"/>
      <c r="F1025" s="16"/>
      <c r="G1025" s="16"/>
      <c r="H1025" s="16"/>
      <c r="I1025" s="16"/>
    </row>
    <row r="1026" spans="2:9" s="4" customFormat="1" x14ac:dyDescent="0.2">
      <c r="B1026" s="16"/>
      <c r="C1026" s="16"/>
      <c r="D1026" s="16"/>
      <c r="E1026" s="16"/>
      <c r="F1026" s="16"/>
      <c r="G1026" s="16"/>
      <c r="H1026" s="16"/>
      <c r="I1026" s="16"/>
    </row>
    <row r="1027" spans="2:9" s="4" customFormat="1" x14ac:dyDescent="0.2">
      <c r="B1027" s="16"/>
      <c r="C1027" s="16"/>
      <c r="D1027" s="16"/>
      <c r="E1027" s="16"/>
      <c r="F1027" s="16"/>
      <c r="G1027" s="16"/>
      <c r="H1027" s="16"/>
      <c r="I1027" s="16"/>
    </row>
    <row r="1028" spans="2:9" s="4" customFormat="1" x14ac:dyDescent="0.2">
      <c r="B1028" s="16"/>
      <c r="C1028" s="16"/>
      <c r="D1028" s="16"/>
      <c r="E1028" s="16"/>
      <c r="F1028" s="16"/>
      <c r="G1028" s="16"/>
      <c r="H1028" s="16"/>
      <c r="I1028" s="16"/>
    </row>
    <row r="1029" spans="2:9" s="4" customFormat="1" x14ac:dyDescent="0.2">
      <c r="B1029" s="16"/>
      <c r="C1029" s="16"/>
      <c r="D1029" s="16"/>
      <c r="E1029" s="16"/>
      <c r="F1029" s="16"/>
      <c r="G1029" s="16"/>
      <c r="H1029" s="16"/>
      <c r="I1029" s="16"/>
    </row>
    <row r="1030" spans="2:9" s="4" customFormat="1" x14ac:dyDescent="0.2">
      <c r="B1030" s="16"/>
      <c r="C1030" s="16"/>
      <c r="D1030" s="16"/>
      <c r="E1030" s="16"/>
      <c r="F1030" s="16"/>
      <c r="G1030" s="16"/>
      <c r="H1030" s="16"/>
      <c r="I1030" s="16"/>
    </row>
    <row r="1031" spans="2:9" s="4" customFormat="1" x14ac:dyDescent="0.2">
      <c r="B1031" s="16"/>
      <c r="C1031" s="16"/>
      <c r="D1031" s="16"/>
      <c r="E1031" s="16"/>
      <c r="F1031" s="16"/>
      <c r="G1031" s="16"/>
      <c r="H1031" s="16"/>
      <c r="I1031" s="16"/>
    </row>
    <row r="1032" spans="2:9" s="4" customFormat="1" x14ac:dyDescent="0.2">
      <c r="B1032" s="16"/>
      <c r="C1032" s="16"/>
      <c r="D1032" s="16"/>
      <c r="E1032" s="16"/>
      <c r="F1032" s="16"/>
      <c r="G1032" s="16"/>
      <c r="H1032" s="16"/>
      <c r="I1032" s="16"/>
    </row>
    <row r="1033" spans="2:9" s="4" customFormat="1" x14ac:dyDescent="0.2">
      <c r="B1033" s="16"/>
      <c r="C1033" s="16"/>
      <c r="D1033" s="16"/>
      <c r="E1033" s="16"/>
      <c r="F1033" s="16"/>
      <c r="G1033" s="16"/>
      <c r="H1033" s="16"/>
      <c r="I1033" s="16"/>
    </row>
    <row r="1034" spans="2:9" s="4" customFormat="1" x14ac:dyDescent="0.2">
      <c r="B1034" s="16"/>
      <c r="C1034" s="16"/>
      <c r="D1034" s="16"/>
      <c r="E1034" s="16"/>
      <c r="F1034" s="16"/>
      <c r="G1034" s="16"/>
      <c r="H1034" s="16"/>
      <c r="I1034" s="16"/>
    </row>
    <row r="1035" spans="2:9" s="4" customFormat="1" x14ac:dyDescent="0.2">
      <c r="B1035" s="16"/>
      <c r="C1035" s="16"/>
      <c r="D1035" s="16"/>
      <c r="E1035" s="16"/>
      <c r="F1035" s="16"/>
      <c r="G1035" s="16"/>
      <c r="H1035" s="16"/>
      <c r="I1035" s="16"/>
    </row>
    <row r="1036" spans="2:9" s="4" customFormat="1" x14ac:dyDescent="0.2">
      <c r="B1036" s="16"/>
      <c r="C1036" s="16"/>
      <c r="D1036" s="16"/>
      <c r="E1036" s="16"/>
      <c r="F1036" s="16"/>
      <c r="G1036" s="16"/>
      <c r="H1036" s="16"/>
      <c r="I1036" s="16"/>
    </row>
    <row r="1037" spans="2:9" s="4" customFormat="1" x14ac:dyDescent="0.2">
      <c r="B1037" s="16"/>
      <c r="C1037" s="16"/>
      <c r="D1037" s="16"/>
      <c r="E1037" s="16"/>
      <c r="F1037" s="16"/>
      <c r="G1037" s="16"/>
      <c r="H1037" s="16"/>
      <c r="I1037" s="16"/>
    </row>
    <row r="1038" spans="2:9" s="4" customFormat="1" x14ac:dyDescent="0.2">
      <c r="B1038" s="16"/>
      <c r="C1038" s="16"/>
      <c r="D1038" s="16"/>
      <c r="E1038" s="16"/>
      <c r="F1038" s="16"/>
      <c r="G1038" s="16"/>
      <c r="H1038" s="16"/>
      <c r="I1038" s="16"/>
    </row>
    <row r="1039" spans="2:9" s="4" customFormat="1" x14ac:dyDescent="0.2">
      <c r="B1039" s="16"/>
      <c r="C1039" s="16"/>
      <c r="D1039" s="16"/>
      <c r="E1039" s="16"/>
      <c r="F1039" s="16"/>
      <c r="G1039" s="16"/>
      <c r="H1039" s="16"/>
      <c r="I1039" s="16"/>
    </row>
    <row r="1040" spans="2:9" s="4" customFormat="1" x14ac:dyDescent="0.2">
      <c r="B1040" s="16"/>
      <c r="C1040" s="16"/>
      <c r="D1040" s="16"/>
      <c r="E1040" s="16"/>
      <c r="F1040" s="16"/>
      <c r="G1040" s="16"/>
      <c r="H1040" s="16"/>
      <c r="I1040" s="16"/>
    </row>
    <row r="1041" spans="2:9" s="4" customFormat="1" x14ac:dyDescent="0.2">
      <c r="B1041" s="16"/>
      <c r="C1041" s="16"/>
      <c r="D1041" s="16"/>
      <c r="E1041" s="16"/>
      <c r="F1041" s="16"/>
      <c r="G1041" s="16"/>
      <c r="H1041" s="16"/>
      <c r="I1041" s="16"/>
    </row>
    <row r="1042" spans="2:9" s="4" customFormat="1" x14ac:dyDescent="0.2">
      <c r="B1042" s="16"/>
      <c r="C1042" s="16"/>
      <c r="D1042" s="16"/>
      <c r="E1042" s="16"/>
      <c r="F1042" s="16"/>
      <c r="G1042" s="16"/>
      <c r="H1042" s="16"/>
      <c r="I1042" s="16"/>
    </row>
    <row r="1043" spans="2:9" s="4" customFormat="1" x14ac:dyDescent="0.2">
      <c r="B1043" s="16"/>
      <c r="C1043" s="16"/>
      <c r="D1043" s="16"/>
      <c r="E1043" s="16"/>
      <c r="F1043" s="16"/>
      <c r="G1043" s="16"/>
      <c r="H1043" s="16"/>
      <c r="I1043" s="16"/>
    </row>
    <row r="1044" spans="2:9" s="4" customFormat="1" x14ac:dyDescent="0.2">
      <c r="B1044" s="16"/>
      <c r="C1044" s="16"/>
      <c r="D1044" s="16"/>
      <c r="E1044" s="16"/>
      <c r="F1044" s="16"/>
      <c r="G1044" s="16"/>
      <c r="H1044" s="16"/>
      <c r="I1044" s="16"/>
    </row>
    <row r="1045" spans="2:9" s="4" customFormat="1" x14ac:dyDescent="0.2">
      <c r="B1045" s="16"/>
      <c r="C1045" s="16"/>
      <c r="D1045" s="16"/>
      <c r="E1045" s="16"/>
      <c r="F1045" s="16"/>
      <c r="G1045" s="16"/>
      <c r="H1045" s="16"/>
      <c r="I1045" s="16"/>
    </row>
    <row r="1046" spans="2:9" s="4" customFormat="1" x14ac:dyDescent="0.2">
      <c r="B1046" s="16"/>
      <c r="C1046" s="16"/>
      <c r="D1046" s="16"/>
      <c r="E1046" s="16"/>
      <c r="F1046" s="16"/>
      <c r="G1046" s="16"/>
      <c r="H1046" s="16"/>
      <c r="I1046" s="16"/>
    </row>
    <row r="1047" spans="2:9" s="4" customFormat="1" x14ac:dyDescent="0.2">
      <c r="B1047" s="16"/>
      <c r="C1047" s="16"/>
      <c r="D1047" s="16"/>
      <c r="E1047" s="16"/>
      <c r="F1047" s="16"/>
      <c r="G1047" s="16"/>
      <c r="H1047" s="16"/>
      <c r="I1047" s="16"/>
    </row>
    <row r="1048" spans="2:9" s="4" customFormat="1" x14ac:dyDescent="0.2">
      <c r="B1048" s="16"/>
      <c r="C1048" s="16"/>
      <c r="D1048" s="16"/>
      <c r="E1048" s="16"/>
      <c r="F1048" s="16"/>
      <c r="G1048" s="16"/>
      <c r="H1048" s="16"/>
      <c r="I1048" s="16"/>
    </row>
    <row r="1049" spans="2:9" s="4" customFormat="1" x14ac:dyDescent="0.2">
      <c r="B1049" s="16"/>
      <c r="C1049" s="16"/>
      <c r="D1049" s="16"/>
      <c r="E1049" s="16"/>
      <c r="F1049" s="16"/>
      <c r="G1049" s="16"/>
      <c r="H1049" s="16"/>
      <c r="I1049" s="16"/>
    </row>
    <row r="1050" spans="2:9" s="4" customFormat="1" x14ac:dyDescent="0.2">
      <c r="B1050" s="16"/>
      <c r="C1050" s="16"/>
      <c r="D1050" s="16"/>
      <c r="E1050" s="16"/>
      <c r="F1050" s="16"/>
      <c r="G1050" s="16"/>
      <c r="H1050" s="16"/>
      <c r="I1050" s="16"/>
    </row>
    <row r="1051" spans="2:9" s="4" customFormat="1" x14ac:dyDescent="0.2">
      <c r="B1051" s="16"/>
      <c r="C1051" s="16"/>
      <c r="D1051" s="16"/>
      <c r="E1051" s="16"/>
      <c r="F1051" s="16"/>
      <c r="G1051" s="16"/>
      <c r="H1051" s="16"/>
      <c r="I1051" s="16"/>
    </row>
    <row r="1052" spans="2:9" s="4" customFormat="1" x14ac:dyDescent="0.2">
      <c r="B1052" s="16"/>
      <c r="C1052" s="16"/>
      <c r="D1052" s="16"/>
      <c r="E1052" s="16"/>
      <c r="F1052" s="16"/>
      <c r="G1052" s="16"/>
      <c r="H1052" s="16"/>
      <c r="I1052" s="16"/>
    </row>
    <row r="1053" spans="2:9" s="4" customFormat="1" x14ac:dyDescent="0.2">
      <c r="B1053" s="16"/>
      <c r="C1053" s="16"/>
      <c r="D1053" s="16"/>
      <c r="E1053" s="16"/>
      <c r="F1053" s="16"/>
      <c r="G1053" s="16"/>
      <c r="H1053" s="16"/>
      <c r="I1053" s="16"/>
    </row>
    <row r="1054" spans="2:9" s="4" customFormat="1" x14ac:dyDescent="0.2">
      <c r="B1054" s="16"/>
      <c r="C1054" s="16"/>
      <c r="D1054" s="16"/>
      <c r="E1054" s="16"/>
      <c r="F1054" s="16"/>
      <c r="G1054" s="16"/>
      <c r="H1054" s="16"/>
      <c r="I1054" s="16"/>
    </row>
    <row r="1055" spans="2:9" s="4" customFormat="1" x14ac:dyDescent="0.2">
      <c r="B1055" s="16"/>
      <c r="C1055" s="16"/>
      <c r="D1055" s="16"/>
      <c r="E1055" s="16"/>
      <c r="F1055" s="16"/>
      <c r="G1055" s="16"/>
      <c r="H1055" s="16"/>
      <c r="I1055" s="16"/>
    </row>
    <row r="1056" spans="2:9" s="4" customFormat="1" x14ac:dyDescent="0.2">
      <c r="B1056" s="16"/>
      <c r="C1056" s="16"/>
      <c r="D1056" s="16"/>
      <c r="E1056" s="16"/>
      <c r="F1056" s="16"/>
      <c r="G1056" s="16"/>
      <c r="H1056" s="16"/>
      <c r="I1056" s="16"/>
    </row>
    <row r="1057" spans="2:9" s="4" customFormat="1" x14ac:dyDescent="0.2">
      <c r="B1057" s="16"/>
      <c r="C1057" s="16"/>
      <c r="D1057" s="16"/>
      <c r="E1057" s="16"/>
      <c r="F1057" s="16"/>
      <c r="G1057" s="16"/>
      <c r="H1057" s="16"/>
      <c r="I1057" s="16"/>
    </row>
    <row r="1058" spans="2:9" s="4" customFormat="1" x14ac:dyDescent="0.2">
      <c r="B1058" s="16"/>
      <c r="C1058" s="16"/>
      <c r="D1058" s="16"/>
      <c r="E1058" s="16"/>
      <c r="F1058" s="16"/>
      <c r="G1058" s="16"/>
      <c r="H1058" s="16"/>
      <c r="I1058" s="16"/>
    </row>
    <row r="1059" spans="2:9" s="4" customFormat="1" x14ac:dyDescent="0.2">
      <c r="B1059" s="16"/>
      <c r="C1059" s="16"/>
      <c r="D1059" s="16"/>
      <c r="E1059" s="16"/>
      <c r="F1059" s="16"/>
      <c r="G1059" s="16"/>
      <c r="H1059" s="16"/>
      <c r="I1059" s="16"/>
    </row>
    <row r="1060" spans="2:9" s="4" customFormat="1" x14ac:dyDescent="0.2">
      <c r="B1060" s="16"/>
      <c r="C1060" s="16"/>
      <c r="D1060" s="16"/>
      <c r="E1060" s="16"/>
      <c r="F1060" s="16"/>
      <c r="G1060" s="16"/>
      <c r="H1060" s="16"/>
      <c r="I1060" s="16"/>
    </row>
    <row r="1061" spans="2:9" s="4" customFormat="1" x14ac:dyDescent="0.2">
      <c r="B1061" s="16"/>
      <c r="C1061" s="16"/>
      <c r="D1061" s="16"/>
      <c r="E1061" s="16"/>
      <c r="F1061" s="16"/>
      <c r="G1061" s="16"/>
      <c r="H1061" s="16"/>
      <c r="I1061" s="16"/>
    </row>
    <row r="1062" spans="2:9" s="4" customFormat="1" x14ac:dyDescent="0.2">
      <c r="B1062" s="16"/>
      <c r="C1062" s="16"/>
      <c r="D1062" s="16"/>
      <c r="E1062" s="16"/>
      <c r="F1062" s="16"/>
      <c r="G1062" s="16"/>
      <c r="H1062" s="16"/>
      <c r="I1062" s="16"/>
    </row>
    <row r="1063" spans="2:9" s="4" customFormat="1" x14ac:dyDescent="0.2">
      <c r="B1063" s="16"/>
      <c r="C1063" s="16"/>
      <c r="D1063" s="16"/>
      <c r="E1063" s="16"/>
      <c r="F1063" s="16"/>
      <c r="G1063" s="16"/>
      <c r="H1063" s="16"/>
      <c r="I1063" s="16"/>
    </row>
    <row r="1064" spans="2:9" s="4" customFormat="1" x14ac:dyDescent="0.2">
      <c r="B1064" s="16"/>
      <c r="C1064" s="16"/>
      <c r="D1064" s="16"/>
      <c r="E1064" s="16"/>
      <c r="F1064" s="16"/>
      <c r="G1064" s="16"/>
      <c r="H1064" s="16"/>
      <c r="I1064" s="16"/>
    </row>
    <row r="1065" spans="2:9" s="4" customFormat="1" x14ac:dyDescent="0.2">
      <c r="B1065" s="16"/>
      <c r="C1065" s="16"/>
      <c r="D1065" s="16"/>
      <c r="E1065" s="16"/>
      <c r="F1065" s="16"/>
      <c r="G1065" s="16"/>
      <c r="H1065" s="16"/>
      <c r="I1065" s="16"/>
    </row>
    <row r="1066" spans="2:9" s="4" customFormat="1" x14ac:dyDescent="0.2">
      <c r="B1066" s="16"/>
      <c r="C1066" s="16"/>
      <c r="D1066" s="16"/>
      <c r="E1066" s="16"/>
      <c r="F1066" s="16"/>
      <c r="G1066" s="16"/>
      <c r="H1066" s="16"/>
      <c r="I1066" s="16"/>
    </row>
    <row r="1067" spans="2:9" s="4" customFormat="1" x14ac:dyDescent="0.2">
      <c r="B1067" s="16"/>
      <c r="C1067" s="16"/>
      <c r="D1067" s="16"/>
      <c r="E1067" s="16"/>
      <c r="F1067" s="16"/>
      <c r="G1067" s="16"/>
      <c r="H1067" s="16"/>
      <c r="I1067" s="16"/>
    </row>
    <row r="1068" spans="2:9" s="4" customFormat="1" x14ac:dyDescent="0.2">
      <c r="B1068" s="16"/>
      <c r="C1068" s="16"/>
      <c r="D1068" s="16"/>
      <c r="E1068" s="16"/>
      <c r="F1068" s="16"/>
      <c r="G1068" s="16"/>
      <c r="H1068" s="16"/>
      <c r="I1068" s="16"/>
    </row>
    <row r="1069" spans="2:9" s="4" customFormat="1" x14ac:dyDescent="0.2">
      <c r="B1069" s="16"/>
      <c r="C1069" s="16"/>
      <c r="D1069" s="16"/>
      <c r="E1069" s="16"/>
      <c r="F1069" s="16"/>
      <c r="G1069" s="16"/>
      <c r="H1069" s="16"/>
      <c r="I1069" s="16"/>
    </row>
    <row r="1070" spans="2:9" s="4" customFormat="1" x14ac:dyDescent="0.2">
      <c r="B1070" s="16"/>
      <c r="C1070" s="16"/>
      <c r="D1070" s="16"/>
      <c r="E1070" s="16"/>
      <c r="F1070" s="16"/>
      <c r="G1070" s="16"/>
      <c r="H1070" s="16"/>
      <c r="I1070" s="16"/>
    </row>
    <row r="1071" spans="2:9" s="4" customFormat="1" x14ac:dyDescent="0.2">
      <c r="B1071" s="16"/>
      <c r="C1071" s="16"/>
      <c r="D1071" s="16"/>
      <c r="E1071" s="16"/>
      <c r="F1071" s="16"/>
      <c r="G1071" s="16"/>
      <c r="H1071" s="16"/>
      <c r="I1071" s="16"/>
    </row>
    <row r="1072" spans="2:9" s="4" customFormat="1" x14ac:dyDescent="0.2">
      <c r="B1072" s="16"/>
      <c r="C1072" s="16"/>
      <c r="D1072" s="16"/>
      <c r="E1072" s="16"/>
      <c r="F1072" s="16"/>
      <c r="G1072" s="16"/>
      <c r="H1072" s="16"/>
      <c r="I1072" s="16"/>
    </row>
    <row r="1073" spans="2:9" s="4" customFormat="1" x14ac:dyDescent="0.2">
      <c r="B1073" s="16"/>
      <c r="C1073" s="16"/>
      <c r="D1073" s="16"/>
      <c r="E1073" s="16"/>
      <c r="F1073" s="16"/>
      <c r="G1073" s="16"/>
      <c r="H1073" s="16"/>
      <c r="I1073" s="16"/>
    </row>
    <row r="1074" spans="2:9" s="4" customFormat="1" x14ac:dyDescent="0.2">
      <c r="B1074" s="16"/>
      <c r="C1074" s="16"/>
      <c r="D1074" s="16"/>
      <c r="E1074" s="16"/>
      <c r="F1074" s="16"/>
      <c r="G1074" s="16"/>
      <c r="H1074" s="16"/>
      <c r="I1074" s="16"/>
    </row>
    <row r="1075" spans="2:9" s="4" customFormat="1" x14ac:dyDescent="0.2">
      <c r="B1075" s="16"/>
      <c r="C1075" s="16"/>
      <c r="D1075" s="16"/>
      <c r="E1075" s="16"/>
      <c r="F1075" s="16"/>
      <c r="G1075" s="16"/>
      <c r="H1075" s="16"/>
      <c r="I1075" s="16"/>
    </row>
    <row r="1076" spans="2:9" s="4" customFormat="1" x14ac:dyDescent="0.2">
      <c r="B1076" s="16"/>
      <c r="C1076" s="16"/>
      <c r="D1076" s="16"/>
      <c r="E1076" s="16"/>
      <c r="F1076" s="16"/>
      <c r="G1076" s="16"/>
      <c r="H1076" s="16"/>
      <c r="I1076" s="16"/>
    </row>
    <row r="1077" spans="2:9" s="4" customFormat="1" x14ac:dyDescent="0.2">
      <c r="B1077" s="16"/>
      <c r="C1077" s="16"/>
      <c r="D1077" s="16"/>
      <c r="E1077" s="16"/>
      <c r="F1077" s="16"/>
      <c r="G1077" s="16"/>
      <c r="H1077" s="16"/>
      <c r="I1077" s="16"/>
    </row>
    <row r="1078" spans="2:9" s="4" customFormat="1" x14ac:dyDescent="0.2">
      <c r="B1078" s="16"/>
      <c r="C1078" s="16"/>
      <c r="D1078" s="16"/>
      <c r="E1078" s="16"/>
      <c r="F1078" s="16"/>
      <c r="G1078" s="16"/>
      <c r="H1078" s="16"/>
      <c r="I1078" s="16"/>
    </row>
    <row r="1079" spans="2:9" s="4" customFormat="1" x14ac:dyDescent="0.2">
      <c r="B1079" s="16"/>
      <c r="C1079" s="16"/>
      <c r="D1079" s="16"/>
      <c r="E1079" s="16"/>
      <c r="F1079" s="16"/>
      <c r="G1079" s="16"/>
      <c r="H1079" s="16"/>
      <c r="I1079" s="16"/>
    </row>
    <row r="1080" spans="2:9" s="4" customFormat="1" x14ac:dyDescent="0.2">
      <c r="B1080" s="16"/>
      <c r="C1080" s="16"/>
      <c r="D1080" s="16"/>
      <c r="E1080" s="16"/>
      <c r="F1080" s="16"/>
      <c r="G1080" s="16"/>
      <c r="H1080" s="16"/>
      <c r="I1080" s="16"/>
    </row>
    <row r="1081" spans="2:9" s="4" customFormat="1" x14ac:dyDescent="0.2">
      <c r="B1081" s="16"/>
      <c r="C1081" s="16"/>
      <c r="D1081" s="16"/>
      <c r="E1081" s="16"/>
      <c r="F1081" s="16"/>
      <c r="G1081" s="16"/>
      <c r="H1081" s="16"/>
      <c r="I1081" s="16"/>
    </row>
    <row r="1082" spans="2:9" s="4" customFormat="1" x14ac:dyDescent="0.2">
      <c r="B1082" s="16"/>
      <c r="C1082" s="16"/>
      <c r="D1082" s="16"/>
      <c r="E1082" s="16"/>
      <c r="F1082" s="16"/>
      <c r="G1082" s="16"/>
      <c r="H1082" s="16"/>
      <c r="I1082" s="16"/>
    </row>
    <row r="1083" spans="2:9" s="4" customFormat="1" x14ac:dyDescent="0.2">
      <c r="B1083" s="16"/>
      <c r="C1083" s="16"/>
      <c r="D1083" s="16"/>
      <c r="E1083" s="16"/>
      <c r="F1083" s="16"/>
      <c r="G1083" s="16"/>
      <c r="H1083" s="16"/>
      <c r="I1083" s="16"/>
    </row>
    <row r="1084" spans="2:9" s="4" customFormat="1" x14ac:dyDescent="0.2">
      <c r="B1084" s="16"/>
      <c r="C1084" s="16"/>
      <c r="D1084" s="16"/>
      <c r="E1084" s="16"/>
      <c r="F1084" s="16"/>
      <c r="G1084" s="16"/>
      <c r="H1084" s="16"/>
      <c r="I1084" s="16"/>
    </row>
    <row r="1085" spans="2:9" s="4" customFormat="1" x14ac:dyDescent="0.2">
      <c r="B1085" s="16"/>
      <c r="C1085" s="16"/>
      <c r="D1085" s="16"/>
      <c r="E1085" s="16"/>
      <c r="F1085" s="16"/>
      <c r="G1085" s="16"/>
      <c r="H1085" s="16"/>
      <c r="I1085" s="16"/>
    </row>
    <row r="1086" spans="2:9" s="4" customFormat="1" x14ac:dyDescent="0.2">
      <c r="B1086" s="16"/>
      <c r="C1086" s="16"/>
      <c r="D1086" s="16"/>
      <c r="E1086" s="16"/>
      <c r="F1086" s="16"/>
      <c r="G1086" s="16"/>
      <c r="H1086" s="16"/>
      <c r="I1086" s="16"/>
    </row>
    <row r="1087" spans="2:9" s="4" customFormat="1" x14ac:dyDescent="0.2">
      <c r="B1087" s="16"/>
      <c r="C1087" s="16"/>
      <c r="D1087" s="16"/>
      <c r="E1087" s="16"/>
      <c r="F1087" s="16"/>
      <c r="G1087" s="16"/>
      <c r="H1087" s="16"/>
      <c r="I1087" s="16"/>
    </row>
    <row r="1088" spans="2:9" s="4" customFormat="1" x14ac:dyDescent="0.2">
      <c r="B1088" s="16"/>
      <c r="C1088" s="16"/>
      <c r="D1088" s="16"/>
      <c r="E1088" s="16"/>
      <c r="F1088" s="16"/>
      <c r="G1088" s="16"/>
      <c r="H1088" s="16"/>
      <c r="I1088" s="16"/>
    </row>
    <row r="1089" spans="2:9" s="4" customFormat="1" x14ac:dyDescent="0.2">
      <c r="B1089" s="16"/>
      <c r="C1089" s="16"/>
      <c r="D1089" s="16"/>
      <c r="E1089" s="16"/>
      <c r="F1089" s="16"/>
      <c r="G1089" s="16"/>
      <c r="H1089" s="16"/>
      <c r="I1089" s="16"/>
    </row>
    <row r="1090" spans="2:9" s="4" customFormat="1" x14ac:dyDescent="0.2">
      <c r="B1090" s="16"/>
      <c r="C1090" s="16"/>
      <c r="D1090" s="16"/>
      <c r="E1090" s="16"/>
      <c r="F1090" s="16"/>
      <c r="G1090" s="16"/>
      <c r="H1090" s="16"/>
      <c r="I1090" s="16"/>
    </row>
    <row r="1091" spans="2:9" s="4" customFormat="1" x14ac:dyDescent="0.2">
      <c r="B1091" s="16"/>
      <c r="C1091" s="16"/>
      <c r="D1091" s="16"/>
      <c r="E1091" s="16"/>
      <c r="F1091" s="16"/>
      <c r="G1091" s="16"/>
      <c r="H1091" s="16"/>
      <c r="I1091" s="16"/>
    </row>
    <row r="1092" spans="2:9" s="4" customFormat="1" x14ac:dyDescent="0.2">
      <c r="B1092" s="16"/>
      <c r="C1092" s="16"/>
      <c r="D1092" s="16"/>
      <c r="E1092" s="16"/>
      <c r="F1092" s="16"/>
      <c r="G1092" s="16"/>
      <c r="H1092" s="16"/>
      <c r="I1092" s="16"/>
    </row>
    <row r="1093" spans="2:9" s="4" customFormat="1" x14ac:dyDescent="0.2">
      <c r="B1093" s="16"/>
      <c r="C1093" s="16"/>
      <c r="D1093" s="16"/>
      <c r="E1093" s="16"/>
      <c r="F1093" s="16"/>
      <c r="G1093" s="16"/>
      <c r="H1093" s="16"/>
      <c r="I1093" s="16"/>
    </row>
    <row r="1094" spans="2:9" s="4" customFormat="1" x14ac:dyDescent="0.2">
      <c r="B1094" s="16"/>
      <c r="C1094" s="16"/>
      <c r="D1094" s="16"/>
      <c r="E1094" s="16"/>
      <c r="F1094" s="16"/>
      <c r="G1094" s="16"/>
      <c r="H1094" s="16"/>
      <c r="I1094" s="16"/>
    </row>
    <row r="1095" spans="2:9" s="4" customFormat="1" x14ac:dyDescent="0.2">
      <c r="B1095" s="16"/>
      <c r="C1095" s="16"/>
      <c r="D1095" s="16"/>
      <c r="E1095" s="16"/>
      <c r="F1095" s="16"/>
      <c r="G1095" s="16"/>
      <c r="H1095" s="16"/>
      <c r="I1095" s="16"/>
    </row>
    <row r="1096" spans="2:9" s="4" customFormat="1" x14ac:dyDescent="0.2">
      <c r="B1096" s="16"/>
      <c r="C1096" s="16"/>
      <c r="D1096" s="16"/>
      <c r="E1096" s="16"/>
      <c r="F1096" s="16"/>
      <c r="G1096" s="16"/>
      <c r="H1096" s="16"/>
      <c r="I1096" s="16"/>
    </row>
    <row r="1097" spans="2:9" s="4" customFormat="1" x14ac:dyDescent="0.2">
      <c r="B1097" s="16"/>
      <c r="C1097" s="16"/>
      <c r="D1097" s="16"/>
      <c r="E1097" s="16"/>
      <c r="F1097" s="16"/>
      <c r="G1097" s="16"/>
      <c r="H1097" s="16"/>
      <c r="I1097" s="16"/>
    </row>
    <row r="1098" spans="2:9" s="4" customFormat="1" x14ac:dyDescent="0.2">
      <c r="B1098" s="16"/>
      <c r="C1098" s="16"/>
      <c r="D1098" s="16"/>
      <c r="E1098" s="16"/>
      <c r="F1098" s="16"/>
      <c r="G1098" s="16"/>
      <c r="H1098" s="16"/>
      <c r="I1098" s="16"/>
    </row>
    <row r="1099" spans="2:9" s="4" customFormat="1" x14ac:dyDescent="0.2">
      <c r="B1099" s="16"/>
      <c r="C1099" s="16"/>
      <c r="D1099" s="16"/>
      <c r="E1099" s="16"/>
      <c r="F1099" s="16"/>
      <c r="G1099" s="16"/>
      <c r="H1099" s="16"/>
      <c r="I1099" s="16"/>
    </row>
    <row r="1100" spans="2:9" s="4" customFormat="1" x14ac:dyDescent="0.2">
      <c r="B1100" s="16"/>
      <c r="C1100" s="16"/>
      <c r="D1100" s="16"/>
      <c r="E1100" s="16"/>
      <c r="F1100" s="16"/>
      <c r="G1100" s="16"/>
      <c r="H1100" s="16"/>
      <c r="I1100" s="16"/>
    </row>
    <row r="1101" spans="2:9" s="4" customFormat="1" x14ac:dyDescent="0.2">
      <c r="B1101" s="16"/>
      <c r="C1101" s="16"/>
      <c r="D1101" s="16"/>
      <c r="E1101" s="16"/>
      <c r="F1101" s="16"/>
      <c r="G1101" s="16"/>
      <c r="H1101" s="16"/>
      <c r="I1101" s="16"/>
    </row>
    <row r="1102" spans="2:9" s="4" customFormat="1" x14ac:dyDescent="0.2">
      <c r="B1102" s="16"/>
      <c r="C1102" s="16"/>
      <c r="D1102" s="16"/>
      <c r="E1102" s="16"/>
      <c r="F1102" s="16"/>
      <c r="G1102" s="16"/>
      <c r="H1102" s="16"/>
      <c r="I1102" s="16"/>
    </row>
    <row r="1103" spans="2:9" s="4" customFormat="1" x14ac:dyDescent="0.2">
      <c r="B1103" s="16"/>
      <c r="C1103" s="16"/>
      <c r="D1103" s="16"/>
      <c r="E1103" s="16"/>
      <c r="F1103" s="16"/>
      <c r="G1103" s="16"/>
      <c r="H1103" s="16"/>
      <c r="I1103" s="16"/>
    </row>
    <row r="1104" spans="2:9" s="4" customFormat="1" x14ac:dyDescent="0.2">
      <c r="B1104" s="16"/>
      <c r="C1104" s="16"/>
      <c r="D1104" s="16"/>
      <c r="E1104" s="16"/>
      <c r="F1104" s="16"/>
      <c r="G1104" s="16"/>
      <c r="H1104" s="16"/>
      <c r="I1104" s="16"/>
    </row>
    <row r="1105" spans="2:9" s="4" customFormat="1" x14ac:dyDescent="0.2">
      <c r="B1105" s="16"/>
      <c r="C1105" s="16"/>
      <c r="D1105" s="16"/>
      <c r="E1105" s="16"/>
      <c r="F1105" s="16"/>
      <c r="G1105" s="16"/>
      <c r="H1105" s="16"/>
      <c r="I1105" s="16"/>
    </row>
    <row r="1106" spans="2:9" s="4" customFormat="1" x14ac:dyDescent="0.2">
      <c r="B1106" s="16"/>
      <c r="C1106" s="16"/>
      <c r="D1106" s="16"/>
      <c r="E1106" s="16"/>
      <c r="F1106" s="16"/>
      <c r="G1106" s="16"/>
      <c r="H1106" s="16"/>
      <c r="I1106" s="16"/>
    </row>
    <row r="1107" spans="2:9" s="4" customFormat="1" x14ac:dyDescent="0.2">
      <c r="B1107" s="16"/>
      <c r="C1107" s="16"/>
      <c r="D1107" s="16"/>
      <c r="E1107" s="16"/>
      <c r="F1107" s="16"/>
      <c r="G1107" s="16"/>
      <c r="H1107" s="16"/>
      <c r="I1107" s="16"/>
    </row>
    <row r="1108" spans="2:9" s="4" customFormat="1" x14ac:dyDescent="0.2">
      <c r="B1108" s="16"/>
      <c r="C1108" s="16"/>
      <c r="D1108" s="16"/>
      <c r="E1108" s="16"/>
      <c r="F1108" s="16"/>
      <c r="G1108" s="16"/>
      <c r="H1108" s="16"/>
      <c r="I1108" s="16"/>
    </row>
    <row r="1109" spans="2:9" s="4" customFormat="1" x14ac:dyDescent="0.2">
      <c r="B1109" s="16"/>
      <c r="C1109" s="16"/>
      <c r="D1109" s="16"/>
      <c r="E1109" s="16"/>
      <c r="F1109" s="16"/>
      <c r="G1109" s="16"/>
      <c r="H1109" s="16"/>
      <c r="I1109" s="16"/>
    </row>
    <row r="1110" spans="2:9" s="4" customFormat="1" x14ac:dyDescent="0.2">
      <c r="B1110" s="16"/>
      <c r="C1110" s="16"/>
      <c r="D1110" s="16"/>
      <c r="E1110" s="16"/>
      <c r="F1110" s="16"/>
      <c r="G1110" s="16"/>
      <c r="H1110" s="16"/>
      <c r="I1110" s="16"/>
    </row>
    <row r="1111" spans="2:9" s="4" customFormat="1" x14ac:dyDescent="0.2">
      <c r="B1111" s="16"/>
      <c r="C1111" s="16"/>
      <c r="D1111" s="16"/>
      <c r="E1111" s="16"/>
      <c r="F1111" s="16"/>
      <c r="G1111" s="16"/>
      <c r="H1111" s="16"/>
      <c r="I1111" s="16"/>
    </row>
    <row r="1112" spans="2:9" s="4" customFormat="1" x14ac:dyDescent="0.2">
      <c r="B1112" s="16"/>
      <c r="C1112" s="16"/>
      <c r="D1112" s="16"/>
      <c r="E1112" s="16"/>
      <c r="F1112" s="16"/>
      <c r="G1112" s="16"/>
      <c r="H1112" s="16"/>
      <c r="I1112" s="16"/>
    </row>
    <row r="1113" spans="2:9" s="4" customFormat="1" x14ac:dyDescent="0.2">
      <c r="B1113" s="16"/>
      <c r="C1113" s="16"/>
      <c r="D1113" s="16"/>
      <c r="E1113" s="16"/>
      <c r="F1113" s="16"/>
      <c r="G1113" s="16"/>
      <c r="H1113" s="16"/>
      <c r="I1113" s="16"/>
    </row>
    <row r="1114" spans="2:9" s="4" customFormat="1" x14ac:dyDescent="0.2">
      <c r="B1114" s="16"/>
      <c r="C1114" s="16"/>
      <c r="D1114" s="16"/>
      <c r="E1114" s="16"/>
      <c r="F1114" s="16"/>
      <c r="G1114" s="16"/>
      <c r="H1114" s="16"/>
      <c r="I1114" s="16"/>
    </row>
    <row r="1115" spans="2:9" s="4" customFormat="1" x14ac:dyDescent="0.2">
      <c r="B1115" s="16"/>
      <c r="C1115" s="16"/>
      <c r="D1115" s="16"/>
      <c r="E1115" s="16"/>
      <c r="F1115" s="16"/>
      <c r="G1115" s="16"/>
      <c r="H1115" s="16"/>
      <c r="I1115" s="16"/>
    </row>
    <row r="1116" spans="2:9" s="4" customFormat="1" x14ac:dyDescent="0.2">
      <c r="B1116" s="16"/>
      <c r="C1116" s="16"/>
      <c r="D1116" s="16"/>
      <c r="E1116" s="16"/>
      <c r="F1116" s="16"/>
      <c r="G1116" s="16"/>
      <c r="H1116" s="16"/>
      <c r="I1116" s="16"/>
    </row>
    <row r="1117" spans="2:9" s="4" customFormat="1" x14ac:dyDescent="0.2">
      <c r="B1117" s="16"/>
      <c r="C1117" s="16"/>
      <c r="D1117" s="16"/>
      <c r="E1117" s="16"/>
      <c r="F1117" s="16"/>
      <c r="G1117" s="16"/>
      <c r="H1117" s="16"/>
      <c r="I1117" s="16"/>
    </row>
    <row r="1118" spans="2:9" s="4" customFormat="1" x14ac:dyDescent="0.2">
      <c r="B1118" s="16"/>
      <c r="C1118" s="16"/>
      <c r="D1118" s="16"/>
      <c r="E1118" s="16"/>
      <c r="F1118" s="16"/>
      <c r="G1118" s="16"/>
      <c r="H1118" s="16"/>
      <c r="I1118" s="16"/>
    </row>
    <row r="1119" spans="2:9" s="4" customFormat="1" x14ac:dyDescent="0.2">
      <c r="B1119" s="16"/>
      <c r="C1119" s="16"/>
      <c r="D1119" s="16"/>
      <c r="E1119" s="16"/>
      <c r="F1119" s="16"/>
      <c r="G1119" s="16"/>
      <c r="H1119" s="16"/>
      <c r="I1119" s="16"/>
    </row>
    <row r="1120" spans="2:9" s="4" customFormat="1" x14ac:dyDescent="0.2">
      <c r="B1120" s="16"/>
      <c r="C1120" s="16"/>
      <c r="D1120" s="16"/>
      <c r="E1120" s="16"/>
      <c r="F1120" s="16"/>
      <c r="G1120" s="16"/>
      <c r="H1120" s="16"/>
      <c r="I1120" s="16"/>
    </row>
    <row r="1121" spans="2:9" s="4" customFormat="1" x14ac:dyDescent="0.2">
      <c r="B1121" s="16"/>
      <c r="C1121" s="16"/>
      <c r="D1121" s="16"/>
      <c r="E1121" s="16"/>
      <c r="F1121" s="16"/>
      <c r="G1121" s="16"/>
      <c r="H1121" s="16"/>
      <c r="I1121" s="16"/>
    </row>
    <row r="1122" spans="2:9" s="4" customFormat="1" x14ac:dyDescent="0.2">
      <c r="B1122" s="16"/>
      <c r="C1122" s="16"/>
      <c r="D1122" s="16"/>
      <c r="E1122" s="16"/>
      <c r="F1122" s="16"/>
      <c r="G1122" s="16"/>
      <c r="H1122" s="16"/>
      <c r="I1122" s="16"/>
    </row>
    <row r="1123" spans="2:9" s="4" customFormat="1" x14ac:dyDescent="0.2">
      <c r="B1123" s="16"/>
      <c r="C1123" s="16"/>
      <c r="D1123" s="16"/>
      <c r="E1123" s="16"/>
      <c r="F1123" s="16"/>
      <c r="G1123" s="16"/>
      <c r="H1123" s="16"/>
      <c r="I1123" s="16"/>
    </row>
    <row r="1124" spans="2:9" s="4" customFormat="1" x14ac:dyDescent="0.2">
      <c r="B1124" s="16"/>
      <c r="C1124" s="16"/>
      <c r="D1124" s="16"/>
      <c r="E1124" s="16"/>
      <c r="F1124" s="16"/>
      <c r="G1124" s="16"/>
      <c r="H1124" s="16"/>
      <c r="I1124" s="16"/>
    </row>
    <row r="1125" spans="2:9" s="4" customFormat="1" x14ac:dyDescent="0.2">
      <c r="B1125" s="16"/>
      <c r="C1125" s="16"/>
      <c r="D1125" s="16"/>
      <c r="E1125" s="16"/>
      <c r="F1125" s="16"/>
      <c r="G1125" s="16"/>
      <c r="H1125" s="16"/>
      <c r="I1125" s="16"/>
    </row>
    <row r="1126" spans="2:9" s="4" customFormat="1" x14ac:dyDescent="0.2">
      <c r="B1126" s="16"/>
      <c r="C1126" s="16"/>
      <c r="D1126" s="16"/>
      <c r="E1126" s="16"/>
      <c r="F1126" s="16"/>
      <c r="G1126" s="16"/>
      <c r="H1126" s="16"/>
      <c r="I1126" s="16"/>
    </row>
    <row r="1127" spans="2:9" s="4" customFormat="1" x14ac:dyDescent="0.2">
      <c r="B1127" s="16"/>
      <c r="C1127" s="16"/>
      <c r="D1127" s="16"/>
      <c r="E1127" s="16"/>
      <c r="F1127" s="16"/>
      <c r="G1127" s="16"/>
      <c r="H1127" s="16"/>
      <c r="I1127" s="16"/>
    </row>
    <row r="1128" spans="2:9" s="4" customFormat="1" x14ac:dyDescent="0.2">
      <c r="B1128" s="16"/>
      <c r="C1128" s="16"/>
      <c r="D1128" s="16"/>
      <c r="E1128" s="16"/>
      <c r="F1128" s="16"/>
      <c r="G1128" s="16"/>
      <c r="H1128" s="16"/>
      <c r="I1128" s="16"/>
    </row>
    <row r="1129" spans="2:9" s="4" customFormat="1" x14ac:dyDescent="0.2">
      <c r="B1129" s="16"/>
      <c r="C1129" s="16"/>
      <c r="D1129" s="16"/>
      <c r="E1129" s="16"/>
      <c r="F1129" s="16"/>
      <c r="G1129" s="16"/>
      <c r="H1129" s="16"/>
      <c r="I1129" s="16"/>
    </row>
    <row r="1130" spans="2:9" s="4" customFormat="1" x14ac:dyDescent="0.2">
      <c r="B1130" s="16"/>
      <c r="C1130" s="16"/>
      <c r="D1130" s="16"/>
      <c r="E1130" s="16"/>
      <c r="F1130" s="16"/>
      <c r="G1130" s="16"/>
      <c r="H1130" s="16"/>
      <c r="I1130" s="16"/>
    </row>
    <row r="1131" spans="2:9" s="4" customFormat="1" x14ac:dyDescent="0.2">
      <c r="B1131" s="16"/>
      <c r="C1131" s="16"/>
      <c r="D1131" s="16"/>
      <c r="E1131" s="16"/>
      <c r="F1131" s="16"/>
      <c r="G1131" s="16"/>
      <c r="H1131" s="16"/>
      <c r="I1131" s="16"/>
    </row>
    <row r="1132" spans="2:9" s="4" customFormat="1" x14ac:dyDescent="0.2">
      <c r="B1132" s="16"/>
      <c r="C1132" s="16"/>
      <c r="D1132" s="16"/>
      <c r="E1132" s="16"/>
      <c r="F1132" s="16"/>
      <c r="G1132" s="16"/>
      <c r="H1132" s="16"/>
      <c r="I1132" s="16"/>
    </row>
    <row r="1133" spans="2:9" s="4" customFormat="1" x14ac:dyDescent="0.2">
      <c r="B1133" s="16"/>
      <c r="C1133" s="16"/>
      <c r="D1133" s="16"/>
      <c r="E1133" s="16"/>
      <c r="F1133" s="16"/>
      <c r="G1133" s="16"/>
      <c r="H1133" s="16"/>
      <c r="I1133" s="16"/>
    </row>
    <row r="1134" spans="2:9" s="4" customFormat="1" x14ac:dyDescent="0.2">
      <c r="B1134" s="16"/>
      <c r="C1134" s="16"/>
      <c r="D1134" s="16"/>
      <c r="E1134" s="16"/>
      <c r="F1134" s="16"/>
      <c r="G1134" s="16"/>
      <c r="H1134" s="16"/>
      <c r="I1134" s="16"/>
    </row>
    <row r="1135" spans="2:9" s="4" customFormat="1" x14ac:dyDescent="0.2">
      <c r="B1135" s="16"/>
      <c r="C1135" s="16"/>
      <c r="D1135" s="16"/>
      <c r="E1135" s="16"/>
      <c r="F1135" s="16"/>
      <c r="G1135" s="16"/>
      <c r="H1135" s="16"/>
      <c r="I1135" s="16"/>
    </row>
    <row r="1136" spans="2:9" s="4" customFormat="1" x14ac:dyDescent="0.2">
      <c r="B1136" s="16"/>
      <c r="C1136" s="16"/>
      <c r="D1136" s="16"/>
      <c r="E1136" s="16"/>
      <c r="F1136" s="16"/>
      <c r="G1136" s="16"/>
      <c r="H1136" s="16"/>
      <c r="I1136" s="16"/>
    </row>
    <row r="1137" spans="2:9" s="4" customFormat="1" x14ac:dyDescent="0.2">
      <c r="B1137" s="16"/>
      <c r="C1137" s="16"/>
      <c r="D1137" s="16"/>
      <c r="E1137" s="16"/>
      <c r="F1137" s="16"/>
      <c r="G1137" s="16"/>
      <c r="H1137" s="16"/>
      <c r="I1137" s="16"/>
    </row>
    <row r="1138" spans="2:9" s="4" customFormat="1" x14ac:dyDescent="0.2">
      <c r="B1138" s="16"/>
      <c r="C1138" s="16"/>
      <c r="D1138" s="16"/>
      <c r="E1138" s="16"/>
      <c r="F1138" s="16"/>
      <c r="G1138" s="16"/>
      <c r="H1138" s="16"/>
      <c r="I1138" s="16"/>
    </row>
    <row r="1139" spans="2:9" s="4" customFormat="1" x14ac:dyDescent="0.2">
      <c r="B1139" s="16"/>
      <c r="C1139" s="16"/>
      <c r="D1139" s="16"/>
      <c r="E1139" s="16"/>
      <c r="F1139" s="16"/>
      <c r="G1139" s="16"/>
      <c r="H1139" s="16"/>
      <c r="I1139" s="16"/>
    </row>
    <row r="1140" spans="2:9" s="4" customFormat="1" x14ac:dyDescent="0.2">
      <c r="B1140" s="16"/>
      <c r="C1140" s="16"/>
      <c r="D1140" s="16"/>
      <c r="E1140" s="16"/>
      <c r="F1140" s="16"/>
      <c r="G1140" s="16"/>
      <c r="H1140" s="16"/>
      <c r="I1140" s="16"/>
    </row>
    <row r="1141" spans="2:9" s="4" customFormat="1" x14ac:dyDescent="0.2">
      <c r="B1141" s="16"/>
      <c r="C1141" s="16"/>
      <c r="D1141" s="16"/>
      <c r="E1141" s="16"/>
      <c r="F1141" s="16"/>
      <c r="G1141" s="16"/>
      <c r="H1141" s="16"/>
      <c r="I1141" s="16"/>
    </row>
    <row r="1142" spans="2:9" s="4" customFormat="1" x14ac:dyDescent="0.2">
      <c r="B1142" s="16"/>
      <c r="C1142" s="16"/>
      <c r="D1142" s="16"/>
      <c r="E1142" s="16"/>
      <c r="F1142" s="16"/>
      <c r="G1142" s="16"/>
      <c r="H1142" s="16"/>
      <c r="I1142" s="16"/>
    </row>
    <row r="1143" spans="2:9" s="4" customFormat="1" x14ac:dyDescent="0.2">
      <c r="B1143" s="16"/>
      <c r="C1143" s="16"/>
      <c r="D1143" s="16"/>
      <c r="E1143" s="16"/>
      <c r="F1143" s="16"/>
      <c r="G1143" s="16"/>
      <c r="H1143" s="16"/>
      <c r="I1143" s="16"/>
    </row>
    <row r="1144" spans="2:9" s="4" customFormat="1" x14ac:dyDescent="0.2">
      <c r="B1144" s="16"/>
      <c r="C1144" s="16"/>
      <c r="D1144" s="16"/>
      <c r="E1144" s="16"/>
      <c r="F1144" s="16"/>
      <c r="G1144" s="16"/>
      <c r="H1144" s="16"/>
      <c r="I1144" s="16"/>
    </row>
    <row r="1145" spans="2:9" s="4" customFormat="1" x14ac:dyDescent="0.2">
      <c r="B1145" s="16"/>
      <c r="C1145" s="16"/>
      <c r="D1145" s="16"/>
      <c r="E1145" s="16"/>
      <c r="F1145" s="16"/>
      <c r="G1145" s="16"/>
      <c r="H1145" s="16"/>
      <c r="I1145" s="16"/>
    </row>
    <row r="1146" spans="2:9" s="4" customFormat="1" x14ac:dyDescent="0.2">
      <c r="B1146" s="16"/>
      <c r="C1146" s="16"/>
      <c r="D1146" s="16"/>
      <c r="E1146" s="16"/>
      <c r="F1146" s="16"/>
      <c r="G1146" s="16"/>
      <c r="H1146" s="16"/>
      <c r="I1146" s="16"/>
    </row>
    <row r="1147" spans="2:9" s="4" customFormat="1" x14ac:dyDescent="0.2">
      <c r="B1147" s="16"/>
      <c r="C1147" s="16"/>
      <c r="D1147" s="16"/>
      <c r="E1147" s="16"/>
      <c r="F1147" s="16"/>
      <c r="G1147" s="16"/>
      <c r="H1147" s="16"/>
      <c r="I1147" s="16"/>
    </row>
    <row r="1148" spans="2:9" s="4" customFormat="1" x14ac:dyDescent="0.2">
      <c r="B1148" s="16"/>
      <c r="C1148" s="16"/>
      <c r="D1148" s="16"/>
      <c r="E1148" s="16"/>
      <c r="F1148" s="16"/>
      <c r="G1148" s="16"/>
      <c r="H1148" s="16"/>
      <c r="I1148" s="16"/>
    </row>
    <row r="1149" spans="2:9" s="4" customFormat="1" x14ac:dyDescent="0.2">
      <c r="B1149" s="16"/>
      <c r="C1149" s="16"/>
      <c r="D1149" s="16"/>
      <c r="E1149" s="16"/>
      <c r="F1149" s="16"/>
      <c r="G1149" s="16"/>
      <c r="H1149" s="16"/>
      <c r="I1149" s="16"/>
    </row>
    <row r="1150" spans="2:9" s="4" customFormat="1" x14ac:dyDescent="0.2">
      <c r="B1150" s="16"/>
      <c r="C1150" s="16"/>
      <c r="D1150" s="16"/>
      <c r="E1150" s="16"/>
      <c r="F1150" s="16"/>
      <c r="G1150" s="16"/>
      <c r="H1150" s="16"/>
      <c r="I1150" s="16"/>
    </row>
    <row r="1151" spans="2:9" s="4" customFormat="1" x14ac:dyDescent="0.2">
      <c r="B1151" s="16"/>
      <c r="C1151" s="16"/>
      <c r="D1151" s="16"/>
      <c r="E1151" s="16"/>
      <c r="F1151" s="16"/>
      <c r="G1151" s="16"/>
      <c r="H1151" s="16"/>
      <c r="I1151" s="16"/>
    </row>
    <row r="1152" spans="2:9" s="4" customFormat="1" x14ac:dyDescent="0.2">
      <c r="B1152" s="16"/>
      <c r="C1152" s="16"/>
      <c r="D1152" s="16"/>
      <c r="E1152" s="16"/>
      <c r="F1152" s="16"/>
      <c r="G1152" s="16"/>
      <c r="H1152" s="16"/>
      <c r="I1152" s="16"/>
    </row>
    <row r="1153" spans="2:9" s="4" customFormat="1" x14ac:dyDescent="0.2">
      <c r="B1153" s="16"/>
      <c r="C1153" s="16"/>
      <c r="D1153" s="16"/>
      <c r="E1153" s="16"/>
      <c r="F1153" s="16"/>
      <c r="G1153" s="16"/>
      <c r="H1153" s="16"/>
      <c r="I1153" s="16"/>
    </row>
    <row r="1154" spans="2:9" s="4" customFormat="1" x14ac:dyDescent="0.2">
      <c r="B1154" s="16"/>
      <c r="C1154" s="16"/>
      <c r="D1154" s="16"/>
      <c r="E1154" s="16"/>
      <c r="F1154" s="16"/>
      <c r="G1154" s="16"/>
      <c r="H1154" s="16"/>
      <c r="I1154" s="16"/>
    </row>
    <row r="1155" spans="2:9" s="4" customFormat="1" x14ac:dyDescent="0.2">
      <c r="B1155" s="16"/>
      <c r="C1155" s="16"/>
      <c r="D1155" s="16"/>
      <c r="E1155" s="16"/>
      <c r="F1155" s="16"/>
      <c r="G1155" s="16"/>
      <c r="H1155" s="16"/>
      <c r="I1155" s="16"/>
    </row>
    <row r="1156" spans="2:9" s="4" customFormat="1" x14ac:dyDescent="0.2">
      <c r="B1156" s="16"/>
      <c r="C1156" s="16"/>
      <c r="D1156" s="16"/>
      <c r="E1156" s="16"/>
      <c r="F1156" s="16"/>
      <c r="G1156" s="16"/>
      <c r="H1156" s="16"/>
      <c r="I1156" s="16"/>
    </row>
    <row r="1157" spans="2:9" s="4" customFormat="1" x14ac:dyDescent="0.2">
      <c r="B1157" s="16"/>
      <c r="C1157" s="16"/>
      <c r="D1157" s="16"/>
      <c r="E1157" s="16"/>
      <c r="F1157" s="16"/>
      <c r="G1157" s="16"/>
      <c r="H1157" s="16"/>
      <c r="I1157" s="16"/>
    </row>
    <row r="1158" spans="2:9" s="4" customFormat="1" x14ac:dyDescent="0.2">
      <c r="B1158" s="16"/>
      <c r="C1158" s="16"/>
      <c r="D1158" s="16"/>
      <c r="E1158" s="16"/>
      <c r="F1158" s="16"/>
      <c r="G1158" s="16"/>
      <c r="H1158" s="16"/>
      <c r="I1158" s="16"/>
    </row>
    <row r="1159" spans="2:9" s="4" customFormat="1" x14ac:dyDescent="0.2">
      <c r="B1159" s="16"/>
      <c r="C1159" s="16"/>
      <c r="D1159" s="16"/>
      <c r="E1159" s="16"/>
      <c r="F1159" s="16"/>
      <c r="G1159" s="16"/>
      <c r="H1159" s="16"/>
      <c r="I1159" s="16"/>
    </row>
    <row r="1160" spans="2:9" s="4" customFormat="1" x14ac:dyDescent="0.2">
      <c r="B1160" s="16"/>
      <c r="C1160" s="16"/>
      <c r="D1160" s="16"/>
      <c r="E1160" s="16"/>
      <c r="F1160" s="16"/>
      <c r="G1160" s="16"/>
      <c r="H1160" s="16"/>
      <c r="I1160" s="16"/>
    </row>
    <row r="1161" spans="2:9" s="4" customFormat="1" x14ac:dyDescent="0.2">
      <c r="B1161" s="16"/>
      <c r="C1161" s="16"/>
      <c r="D1161" s="16"/>
      <c r="E1161" s="16"/>
      <c r="F1161" s="16"/>
      <c r="G1161" s="16"/>
      <c r="H1161" s="16"/>
      <c r="I1161" s="16"/>
    </row>
    <row r="1162" spans="2:9" s="4" customFormat="1" x14ac:dyDescent="0.2">
      <c r="B1162" s="16"/>
      <c r="C1162" s="16"/>
      <c r="D1162" s="16"/>
      <c r="E1162" s="16"/>
      <c r="F1162" s="16"/>
      <c r="G1162" s="16"/>
      <c r="H1162" s="16"/>
      <c r="I1162" s="16"/>
    </row>
    <row r="1163" spans="2:9" s="4" customFormat="1" x14ac:dyDescent="0.2">
      <c r="B1163" s="16"/>
      <c r="C1163" s="16"/>
      <c r="D1163" s="16"/>
      <c r="E1163" s="16"/>
      <c r="F1163" s="16"/>
      <c r="G1163" s="16"/>
      <c r="H1163" s="16"/>
      <c r="I1163" s="16"/>
    </row>
    <row r="1164" spans="2:9" s="4" customFormat="1" x14ac:dyDescent="0.2">
      <c r="B1164" s="16"/>
      <c r="C1164" s="16"/>
      <c r="D1164" s="16"/>
      <c r="E1164" s="16"/>
      <c r="F1164" s="16"/>
      <c r="G1164" s="16"/>
      <c r="H1164" s="16"/>
      <c r="I1164" s="16"/>
    </row>
    <row r="1165" spans="2:9" s="4" customFormat="1" x14ac:dyDescent="0.2">
      <c r="B1165" s="16"/>
      <c r="C1165" s="16"/>
      <c r="D1165" s="16"/>
      <c r="E1165" s="16"/>
      <c r="F1165" s="16"/>
      <c r="G1165" s="16"/>
      <c r="H1165" s="16"/>
      <c r="I1165" s="16"/>
    </row>
    <row r="1166" spans="2:9" s="4" customFormat="1" x14ac:dyDescent="0.2">
      <c r="B1166" s="16"/>
      <c r="C1166" s="16"/>
      <c r="D1166" s="16"/>
      <c r="E1166" s="16"/>
      <c r="F1166" s="16"/>
      <c r="G1166" s="16"/>
      <c r="H1166" s="16"/>
      <c r="I1166" s="16"/>
    </row>
    <row r="1167" spans="2:9" s="4" customFormat="1" x14ac:dyDescent="0.2">
      <c r="B1167" s="16"/>
      <c r="C1167" s="16"/>
      <c r="D1167" s="16"/>
      <c r="E1167" s="16"/>
      <c r="F1167" s="16"/>
      <c r="G1167" s="16"/>
      <c r="H1167" s="16"/>
      <c r="I1167" s="16"/>
    </row>
    <row r="1168" spans="2:9" s="4" customFormat="1" x14ac:dyDescent="0.2">
      <c r="B1168" s="16"/>
      <c r="C1168" s="16"/>
      <c r="D1168" s="16"/>
      <c r="E1168" s="16"/>
      <c r="F1168" s="16"/>
      <c r="G1168" s="16"/>
      <c r="H1168" s="16"/>
      <c r="I1168" s="16"/>
    </row>
    <row r="1169" spans="2:9" s="4" customFormat="1" x14ac:dyDescent="0.2">
      <c r="B1169" s="16"/>
      <c r="C1169" s="16"/>
      <c r="D1169" s="16"/>
      <c r="E1169" s="16"/>
      <c r="F1169" s="16"/>
      <c r="G1169" s="16"/>
      <c r="H1169" s="16"/>
      <c r="I1169" s="16"/>
    </row>
    <row r="1170" spans="2:9" s="4" customFormat="1" x14ac:dyDescent="0.2">
      <c r="B1170" s="16"/>
      <c r="C1170" s="16"/>
      <c r="D1170" s="16"/>
      <c r="E1170" s="16"/>
      <c r="F1170" s="16"/>
      <c r="G1170" s="16"/>
      <c r="H1170" s="16"/>
      <c r="I1170" s="16"/>
    </row>
    <row r="1171" spans="2:9" s="4" customFormat="1" x14ac:dyDescent="0.2">
      <c r="B1171" s="16"/>
      <c r="C1171" s="16"/>
      <c r="D1171" s="16"/>
      <c r="E1171" s="16"/>
      <c r="F1171" s="16"/>
      <c r="G1171" s="16"/>
      <c r="H1171" s="16"/>
      <c r="I1171" s="16"/>
    </row>
    <row r="1172" spans="2:9" s="4" customFormat="1" x14ac:dyDescent="0.2">
      <c r="B1172" s="16"/>
      <c r="C1172" s="16"/>
      <c r="D1172" s="16"/>
      <c r="E1172" s="16"/>
      <c r="F1172" s="16"/>
      <c r="G1172" s="16"/>
      <c r="H1172" s="16"/>
      <c r="I1172" s="16"/>
    </row>
    <row r="1173" spans="2:9" s="4" customFormat="1" x14ac:dyDescent="0.2">
      <c r="B1173" s="16"/>
      <c r="C1173" s="16"/>
      <c r="D1173" s="16"/>
      <c r="E1173" s="16"/>
      <c r="F1173" s="16"/>
      <c r="G1173" s="16"/>
      <c r="H1173" s="16"/>
      <c r="I1173" s="16"/>
    </row>
    <row r="1174" spans="2:9" s="4" customFormat="1" x14ac:dyDescent="0.2">
      <c r="B1174" s="16"/>
      <c r="C1174" s="16"/>
      <c r="D1174" s="16"/>
      <c r="E1174" s="16"/>
      <c r="F1174" s="16"/>
      <c r="G1174" s="16"/>
      <c r="H1174" s="16"/>
      <c r="I1174" s="16"/>
    </row>
    <row r="1175" spans="2:9" s="4" customFormat="1" x14ac:dyDescent="0.2">
      <c r="B1175" s="16"/>
      <c r="C1175" s="16"/>
      <c r="D1175" s="16"/>
      <c r="E1175" s="16"/>
      <c r="F1175" s="16"/>
      <c r="G1175" s="16"/>
      <c r="H1175" s="16"/>
      <c r="I1175" s="16"/>
    </row>
    <row r="1176" spans="2:9" s="4" customFormat="1" x14ac:dyDescent="0.2">
      <c r="B1176" s="16"/>
      <c r="C1176" s="16"/>
      <c r="D1176" s="16"/>
      <c r="E1176" s="16"/>
      <c r="F1176" s="16"/>
      <c r="G1176" s="16"/>
      <c r="H1176" s="16"/>
      <c r="I1176" s="16"/>
    </row>
    <row r="1177" spans="2:9" s="4" customFormat="1" x14ac:dyDescent="0.2">
      <c r="B1177" s="16"/>
      <c r="C1177" s="16"/>
      <c r="D1177" s="16"/>
      <c r="E1177" s="16"/>
      <c r="F1177" s="16"/>
      <c r="G1177" s="16"/>
      <c r="H1177" s="16"/>
      <c r="I1177" s="16"/>
    </row>
    <row r="1178" spans="2:9" s="4" customFormat="1" x14ac:dyDescent="0.2">
      <c r="B1178" s="16"/>
      <c r="C1178" s="16"/>
      <c r="D1178" s="16"/>
      <c r="E1178" s="16"/>
      <c r="F1178" s="16"/>
      <c r="G1178" s="16"/>
      <c r="H1178" s="16"/>
      <c r="I1178" s="16"/>
    </row>
    <row r="1179" spans="2:9" s="4" customFormat="1" x14ac:dyDescent="0.2">
      <c r="B1179" s="16"/>
      <c r="C1179" s="16"/>
      <c r="D1179" s="16"/>
      <c r="E1179" s="16"/>
      <c r="F1179" s="16"/>
      <c r="G1179" s="16"/>
      <c r="H1179" s="16"/>
      <c r="I1179" s="16"/>
    </row>
    <row r="1180" spans="2:9" s="4" customFormat="1" x14ac:dyDescent="0.2">
      <c r="B1180" s="16"/>
      <c r="C1180" s="16"/>
      <c r="D1180" s="16"/>
      <c r="E1180" s="16"/>
      <c r="F1180" s="16"/>
      <c r="G1180" s="16"/>
      <c r="H1180" s="16"/>
      <c r="I1180" s="16"/>
    </row>
    <row r="1181" spans="2:9" s="4" customFormat="1" x14ac:dyDescent="0.2">
      <c r="B1181" s="16"/>
      <c r="C1181" s="16"/>
      <c r="D1181" s="16"/>
      <c r="E1181" s="16"/>
      <c r="F1181" s="16"/>
      <c r="G1181" s="16"/>
      <c r="H1181" s="16"/>
      <c r="I1181" s="16"/>
    </row>
    <row r="1182" spans="2:9" s="4" customFormat="1" x14ac:dyDescent="0.2">
      <c r="B1182" s="16"/>
      <c r="C1182" s="16"/>
      <c r="D1182" s="16"/>
      <c r="E1182" s="16"/>
      <c r="F1182" s="16"/>
      <c r="G1182" s="16"/>
      <c r="H1182" s="16"/>
      <c r="I1182" s="16"/>
    </row>
    <row r="1183" spans="2:9" s="4" customFormat="1" x14ac:dyDescent="0.2">
      <c r="B1183" s="16"/>
      <c r="C1183" s="16"/>
      <c r="D1183" s="16"/>
      <c r="E1183" s="16"/>
      <c r="F1183" s="16"/>
      <c r="G1183" s="16"/>
      <c r="H1183" s="16"/>
      <c r="I1183" s="16"/>
    </row>
    <row r="1184" spans="2:9" s="4" customFormat="1" x14ac:dyDescent="0.2">
      <c r="B1184" s="16"/>
      <c r="C1184" s="16"/>
      <c r="D1184" s="16"/>
      <c r="E1184" s="16"/>
      <c r="F1184" s="16"/>
      <c r="G1184" s="16"/>
      <c r="H1184" s="16"/>
      <c r="I1184" s="16"/>
    </row>
    <row r="1185" spans="2:9" s="4" customFormat="1" x14ac:dyDescent="0.2">
      <c r="B1185" s="16"/>
      <c r="C1185" s="16"/>
      <c r="D1185" s="16"/>
      <c r="E1185" s="16"/>
      <c r="F1185" s="16"/>
      <c r="G1185" s="16"/>
      <c r="H1185" s="16"/>
      <c r="I1185" s="16"/>
    </row>
    <row r="1186" spans="2:9" s="4" customFormat="1" x14ac:dyDescent="0.2">
      <c r="B1186" s="16"/>
      <c r="C1186" s="16"/>
      <c r="D1186" s="16"/>
      <c r="E1186" s="16"/>
      <c r="F1186" s="16"/>
      <c r="G1186" s="16"/>
      <c r="H1186" s="16"/>
      <c r="I1186" s="16"/>
    </row>
    <row r="1187" spans="2:9" s="4" customFormat="1" x14ac:dyDescent="0.2">
      <c r="B1187" s="16"/>
      <c r="C1187" s="16"/>
      <c r="D1187" s="16"/>
      <c r="E1187" s="16"/>
      <c r="F1187" s="16"/>
      <c r="G1187" s="16"/>
      <c r="H1187" s="16"/>
      <c r="I1187" s="16"/>
    </row>
    <row r="1188" spans="2:9" s="4" customFormat="1" x14ac:dyDescent="0.2">
      <c r="B1188" s="16"/>
      <c r="C1188" s="16"/>
      <c r="D1188" s="16"/>
      <c r="E1188" s="16"/>
      <c r="F1188" s="16"/>
      <c r="G1188" s="16"/>
      <c r="H1188" s="16"/>
      <c r="I1188" s="16"/>
    </row>
    <row r="1189" spans="2:9" s="4" customFormat="1" x14ac:dyDescent="0.2">
      <c r="B1189" s="16"/>
      <c r="C1189" s="16"/>
      <c r="D1189" s="16"/>
      <c r="E1189" s="16"/>
      <c r="F1189" s="16"/>
      <c r="G1189" s="16"/>
      <c r="H1189" s="16"/>
      <c r="I1189" s="16"/>
    </row>
    <row r="1190" spans="2:9" s="4" customFormat="1" x14ac:dyDescent="0.2">
      <c r="B1190" s="16"/>
      <c r="C1190" s="16"/>
      <c r="D1190" s="16"/>
      <c r="E1190" s="16"/>
      <c r="F1190" s="16"/>
      <c r="G1190" s="16"/>
      <c r="H1190" s="16"/>
      <c r="I1190" s="16"/>
    </row>
    <row r="1191" spans="2:9" s="4" customFormat="1" x14ac:dyDescent="0.2">
      <c r="B1191" s="16"/>
      <c r="C1191" s="16"/>
      <c r="D1191" s="16"/>
      <c r="E1191" s="16"/>
      <c r="F1191" s="16"/>
      <c r="G1191" s="16"/>
      <c r="H1191" s="16"/>
      <c r="I1191" s="16"/>
    </row>
    <row r="1192" spans="2:9" s="4" customFormat="1" x14ac:dyDescent="0.2">
      <c r="B1192" s="16"/>
      <c r="C1192" s="16"/>
      <c r="D1192" s="16"/>
      <c r="E1192" s="16"/>
      <c r="F1192" s="16"/>
      <c r="G1192" s="16"/>
      <c r="H1192" s="16"/>
      <c r="I1192" s="16"/>
    </row>
    <row r="1193" spans="2:9" s="4" customFormat="1" x14ac:dyDescent="0.2">
      <c r="B1193" s="16"/>
      <c r="C1193" s="16"/>
      <c r="D1193" s="16"/>
      <c r="E1193" s="16"/>
      <c r="F1193" s="16"/>
      <c r="G1193" s="16"/>
      <c r="H1193" s="16"/>
      <c r="I1193" s="16"/>
    </row>
    <row r="1194" spans="2:9" s="4" customFormat="1" x14ac:dyDescent="0.2">
      <c r="B1194" s="16"/>
      <c r="C1194" s="16"/>
      <c r="D1194" s="16"/>
      <c r="E1194" s="16"/>
      <c r="F1194" s="16"/>
      <c r="G1194" s="16"/>
      <c r="H1194" s="16"/>
      <c r="I1194" s="16"/>
    </row>
    <row r="1195" spans="2:9" s="4" customFormat="1" x14ac:dyDescent="0.2">
      <c r="B1195" s="16"/>
      <c r="C1195" s="16"/>
      <c r="D1195" s="16"/>
      <c r="E1195" s="16"/>
      <c r="F1195" s="16"/>
      <c r="G1195" s="16"/>
      <c r="H1195" s="16"/>
      <c r="I1195" s="16"/>
    </row>
    <row r="1196" spans="2:9" s="4" customFormat="1" x14ac:dyDescent="0.2">
      <c r="B1196" s="16"/>
      <c r="C1196" s="16"/>
      <c r="D1196" s="16"/>
      <c r="E1196" s="16"/>
      <c r="F1196" s="16"/>
      <c r="G1196" s="16"/>
      <c r="H1196" s="16"/>
      <c r="I1196" s="16"/>
    </row>
    <row r="1197" spans="2:9" s="4" customFormat="1" x14ac:dyDescent="0.2">
      <c r="B1197" s="16"/>
      <c r="C1197" s="16"/>
      <c r="D1197" s="16"/>
      <c r="E1197" s="16"/>
      <c r="F1197" s="16"/>
      <c r="G1197" s="16"/>
      <c r="H1197" s="16"/>
      <c r="I1197" s="16"/>
    </row>
    <row r="1198" spans="2:9" s="4" customFormat="1" x14ac:dyDescent="0.2">
      <c r="B1198" s="16"/>
      <c r="C1198" s="16"/>
      <c r="D1198" s="16"/>
      <c r="E1198" s="16"/>
      <c r="F1198" s="16"/>
      <c r="G1198" s="16"/>
      <c r="H1198" s="16"/>
      <c r="I1198" s="16"/>
    </row>
    <row r="1199" spans="2:9" s="4" customFormat="1" x14ac:dyDescent="0.2">
      <c r="B1199" s="16"/>
      <c r="C1199" s="16"/>
      <c r="D1199" s="16"/>
      <c r="E1199" s="16"/>
      <c r="F1199" s="16"/>
      <c r="G1199" s="16"/>
      <c r="H1199" s="16"/>
      <c r="I1199" s="16"/>
    </row>
    <row r="1200" spans="2:9" s="4" customFormat="1" x14ac:dyDescent="0.2">
      <c r="B1200" s="16"/>
      <c r="C1200" s="16"/>
      <c r="D1200" s="16"/>
      <c r="E1200" s="16"/>
      <c r="F1200" s="16"/>
      <c r="G1200" s="16"/>
      <c r="H1200" s="16"/>
      <c r="I1200" s="16"/>
    </row>
    <row r="1201" spans="2:9" s="4" customFormat="1" x14ac:dyDescent="0.2">
      <c r="B1201" s="16"/>
      <c r="C1201" s="16"/>
      <c r="D1201" s="16"/>
      <c r="E1201" s="16"/>
      <c r="F1201" s="16"/>
      <c r="G1201" s="16"/>
      <c r="H1201" s="16"/>
      <c r="I1201" s="16"/>
    </row>
    <row r="1202" spans="2:9" s="4" customFormat="1" x14ac:dyDescent="0.2">
      <c r="B1202" s="16"/>
      <c r="C1202" s="16"/>
      <c r="D1202" s="16"/>
      <c r="E1202" s="16"/>
      <c r="F1202" s="16"/>
      <c r="G1202" s="16"/>
      <c r="H1202" s="16"/>
      <c r="I1202" s="16"/>
    </row>
    <row r="1203" spans="2:9" s="4" customFormat="1" x14ac:dyDescent="0.2">
      <c r="B1203" s="16"/>
      <c r="C1203" s="16"/>
      <c r="D1203" s="16"/>
      <c r="E1203" s="16"/>
      <c r="F1203" s="16"/>
      <c r="G1203" s="16"/>
      <c r="H1203" s="16"/>
      <c r="I1203" s="16"/>
    </row>
    <row r="1204" spans="2:9" s="4" customFormat="1" x14ac:dyDescent="0.2">
      <c r="B1204" s="16"/>
      <c r="C1204" s="16"/>
      <c r="D1204" s="16"/>
      <c r="E1204" s="16"/>
      <c r="F1204" s="16"/>
      <c r="G1204" s="16"/>
      <c r="H1204" s="16"/>
      <c r="I1204" s="16"/>
    </row>
    <row r="1205" spans="2:9" s="4" customFormat="1" x14ac:dyDescent="0.2">
      <c r="B1205" s="16"/>
      <c r="C1205" s="16"/>
      <c r="D1205" s="16"/>
      <c r="E1205" s="16"/>
      <c r="F1205" s="16"/>
      <c r="G1205" s="16"/>
      <c r="H1205" s="16"/>
      <c r="I1205" s="16"/>
    </row>
    <row r="1206" spans="2:9" s="4" customFormat="1" x14ac:dyDescent="0.2">
      <c r="B1206" s="16"/>
      <c r="C1206" s="16"/>
      <c r="D1206" s="16"/>
      <c r="E1206" s="16"/>
      <c r="F1206" s="16"/>
      <c r="G1206" s="16"/>
      <c r="H1206" s="16"/>
      <c r="I1206" s="16"/>
    </row>
    <row r="1207" spans="2:9" s="4" customFormat="1" x14ac:dyDescent="0.2">
      <c r="B1207" s="16"/>
      <c r="C1207" s="16"/>
      <c r="D1207" s="16"/>
      <c r="E1207" s="16"/>
      <c r="F1207" s="16"/>
      <c r="G1207" s="16"/>
      <c r="H1207" s="16"/>
      <c r="I1207" s="16"/>
    </row>
    <row r="1208" spans="2:9" s="4" customFormat="1" x14ac:dyDescent="0.2">
      <c r="B1208" s="16"/>
      <c r="C1208" s="16"/>
      <c r="D1208" s="16"/>
      <c r="E1208" s="16"/>
      <c r="F1208" s="16"/>
      <c r="G1208" s="16"/>
      <c r="H1208" s="16"/>
      <c r="I1208" s="16"/>
    </row>
    <row r="1209" spans="2:9" s="4" customFormat="1" x14ac:dyDescent="0.2">
      <c r="B1209" s="16"/>
      <c r="C1209" s="16"/>
      <c r="D1209" s="16"/>
      <c r="E1209" s="16"/>
      <c r="F1209" s="16"/>
      <c r="G1209" s="16"/>
      <c r="H1209" s="16"/>
      <c r="I1209" s="16"/>
    </row>
    <row r="1210" spans="2:9" s="4" customFormat="1" x14ac:dyDescent="0.2">
      <c r="B1210" s="16"/>
      <c r="C1210" s="16"/>
      <c r="D1210" s="16"/>
      <c r="E1210" s="16"/>
      <c r="F1210" s="16"/>
      <c r="G1210" s="16"/>
      <c r="H1210" s="16"/>
      <c r="I1210" s="16"/>
    </row>
    <row r="1211" spans="2:9" s="4" customFormat="1" x14ac:dyDescent="0.2">
      <c r="B1211" s="16"/>
      <c r="C1211" s="16"/>
      <c r="D1211" s="16"/>
      <c r="E1211" s="16"/>
      <c r="F1211" s="16"/>
      <c r="G1211" s="16"/>
      <c r="H1211" s="16"/>
      <c r="I1211" s="16"/>
    </row>
    <row r="1212" spans="2:9" s="4" customFormat="1" x14ac:dyDescent="0.2">
      <c r="B1212" s="16"/>
      <c r="C1212" s="16"/>
      <c r="D1212" s="16"/>
      <c r="E1212" s="16"/>
      <c r="F1212" s="16"/>
      <c r="G1212" s="16"/>
      <c r="H1212" s="16"/>
      <c r="I1212" s="16"/>
    </row>
    <row r="1213" spans="2:9" s="4" customFormat="1" x14ac:dyDescent="0.2">
      <c r="B1213" s="16"/>
      <c r="C1213" s="16"/>
      <c r="D1213" s="16"/>
      <c r="E1213" s="16"/>
      <c r="F1213" s="16"/>
      <c r="G1213" s="16"/>
      <c r="H1213" s="16"/>
      <c r="I1213" s="16"/>
    </row>
    <row r="1214" spans="2:9" s="4" customFormat="1" x14ac:dyDescent="0.2">
      <c r="B1214" s="16"/>
      <c r="C1214" s="16"/>
      <c r="D1214" s="16"/>
      <c r="E1214" s="16"/>
      <c r="F1214" s="16"/>
      <c r="G1214" s="16"/>
      <c r="H1214" s="16"/>
      <c r="I1214" s="16"/>
    </row>
    <row r="1215" spans="2:9" s="4" customFormat="1" x14ac:dyDescent="0.2">
      <c r="B1215" s="16"/>
      <c r="C1215" s="16"/>
      <c r="D1215" s="16"/>
      <c r="E1215" s="16"/>
      <c r="F1215" s="16"/>
      <c r="G1215" s="16"/>
      <c r="H1215" s="16"/>
      <c r="I1215" s="16"/>
    </row>
    <row r="1216" spans="2:9" s="4" customFormat="1" x14ac:dyDescent="0.2">
      <c r="B1216" s="16"/>
      <c r="C1216" s="16"/>
      <c r="D1216" s="16"/>
      <c r="E1216" s="16"/>
      <c r="F1216" s="16"/>
      <c r="G1216" s="16"/>
      <c r="H1216" s="16"/>
      <c r="I1216" s="16"/>
    </row>
    <row r="1217" spans="2:9" s="4" customFormat="1" x14ac:dyDescent="0.2">
      <c r="B1217" s="16"/>
      <c r="C1217" s="16"/>
      <c r="D1217" s="16"/>
      <c r="E1217" s="16"/>
      <c r="F1217" s="16"/>
      <c r="G1217" s="16"/>
      <c r="H1217" s="16"/>
      <c r="I1217" s="16"/>
    </row>
    <row r="1218" spans="2:9" s="4" customFormat="1" x14ac:dyDescent="0.2">
      <c r="B1218" s="16"/>
      <c r="C1218" s="16"/>
      <c r="D1218" s="16"/>
      <c r="E1218" s="16"/>
      <c r="F1218" s="16"/>
      <c r="G1218" s="16"/>
      <c r="H1218" s="16"/>
      <c r="I1218" s="16"/>
    </row>
    <row r="1219" spans="2:9" s="4" customFormat="1" x14ac:dyDescent="0.2">
      <c r="B1219" s="16"/>
      <c r="C1219" s="16"/>
      <c r="D1219" s="16"/>
      <c r="E1219" s="16"/>
      <c r="F1219" s="16"/>
      <c r="G1219" s="16"/>
      <c r="H1219" s="16"/>
      <c r="I1219" s="16"/>
    </row>
    <row r="1220" spans="2:9" s="4" customFormat="1" x14ac:dyDescent="0.2">
      <c r="B1220" s="16"/>
      <c r="C1220" s="16"/>
      <c r="D1220" s="16"/>
      <c r="E1220" s="16"/>
      <c r="F1220" s="16"/>
      <c r="G1220" s="16"/>
      <c r="H1220" s="16"/>
      <c r="I1220" s="16"/>
    </row>
    <row r="1221" spans="2:9" s="4" customFormat="1" x14ac:dyDescent="0.2">
      <c r="B1221" s="16"/>
      <c r="C1221" s="16"/>
      <c r="D1221" s="16"/>
      <c r="E1221" s="16"/>
      <c r="F1221" s="16"/>
      <c r="G1221" s="16"/>
      <c r="H1221" s="16"/>
      <c r="I1221" s="16"/>
    </row>
    <row r="1222" spans="2:9" s="4" customFormat="1" x14ac:dyDescent="0.2">
      <c r="B1222" s="16"/>
      <c r="C1222" s="16"/>
      <c r="D1222" s="16"/>
      <c r="E1222" s="16"/>
      <c r="F1222" s="16"/>
      <c r="G1222" s="16"/>
      <c r="H1222" s="16"/>
      <c r="I1222" s="16"/>
    </row>
    <row r="1223" spans="2:9" s="4" customFormat="1" x14ac:dyDescent="0.2">
      <c r="B1223" s="16"/>
      <c r="C1223" s="16"/>
      <c r="D1223" s="16"/>
      <c r="E1223" s="16"/>
      <c r="F1223" s="16"/>
      <c r="G1223" s="16"/>
      <c r="H1223" s="16"/>
      <c r="I1223" s="16"/>
    </row>
    <row r="1224" spans="2:9" s="4" customFormat="1" x14ac:dyDescent="0.2">
      <c r="B1224" s="16"/>
      <c r="C1224" s="16"/>
      <c r="D1224" s="16"/>
      <c r="E1224" s="16"/>
      <c r="F1224" s="16"/>
      <c r="G1224" s="16"/>
      <c r="H1224" s="16"/>
      <c r="I1224" s="16"/>
    </row>
    <row r="1225" spans="2:9" s="4" customFormat="1" x14ac:dyDescent="0.2">
      <c r="B1225" s="16"/>
      <c r="C1225" s="16"/>
      <c r="D1225" s="16"/>
      <c r="E1225" s="16"/>
      <c r="F1225" s="16"/>
      <c r="G1225" s="16"/>
      <c r="H1225" s="16"/>
      <c r="I1225" s="16"/>
    </row>
    <row r="1226" spans="2:9" s="4" customFormat="1" x14ac:dyDescent="0.2">
      <c r="B1226" s="16"/>
      <c r="C1226" s="16"/>
      <c r="D1226" s="16"/>
      <c r="E1226" s="16"/>
      <c r="F1226" s="16"/>
      <c r="G1226" s="16"/>
      <c r="H1226" s="16"/>
      <c r="I1226" s="16"/>
    </row>
    <row r="1227" spans="2:9" s="4" customFormat="1" x14ac:dyDescent="0.2">
      <c r="B1227" s="16"/>
      <c r="C1227" s="16"/>
      <c r="D1227" s="16"/>
      <c r="E1227" s="16"/>
      <c r="F1227" s="16"/>
      <c r="G1227" s="16"/>
      <c r="H1227" s="16"/>
      <c r="I1227" s="16"/>
    </row>
    <row r="1228" spans="2:9" s="4" customFormat="1" x14ac:dyDescent="0.2">
      <c r="B1228" s="16"/>
      <c r="C1228" s="16"/>
      <c r="D1228" s="16"/>
      <c r="E1228" s="16"/>
      <c r="F1228" s="16"/>
      <c r="G1228" s="16"/>
      <c r="H1228" s="16"/>
      <c r="I1228" s="16"/>
    </row>
    <row r="1229" spans="2:9" s="4" customFormat="1" x14ac:dyDescent="0.2">
      <c r="B1229" s="16"/>
      <c r="C1229" s="16"/>
      <c r="D1229" s="16"/>
      <c r="E1229" s="16"/>
      <c r="F1229" s="16"/>
      <c r="G1229" s="16"/>
      <c r="H1229" s="16"/>
      <c r="I1229" s="16"/>
    </row>
    <row r="1230" spans="2:9" s="4" customFormat="1" x14ac:dyDescent="0.2">
      <c r="B1230" s="16"/>
      <c r="C1230" s="16"/>
      <c r="D1230" s="16"/>
      <c r="E1230" s="16"/>
      <c r="F1230" s="16"/>
      <c r="G1230" s="16"/>
      <c r="H1230" s="16"/>
      <c r="I1230" s="16"/>
    </row>
    <row r="1231" spans="2:9" s="4" customFormat="1" x14ac:dyDescent="0.2">
      <c r="B1231" s="16"/>
      <c r="C1231" s="16"/>
      <c r="D1231" s="16"/>
      <c r="E1231" s="16"/>
      <c r="F1231" s="16"/>
      <c r="G1231" s="16"/>
      <c r="H1231" s="16"/>
      <c r="I1231" s="16"/>
    </row>
    <row r="1232" spans="2:9" s="4" customFormat="1" x14ac:dyDescent="0.2">
      <c r="B1232" s="16"/>
      <c r="C1232" s="16"/>
      <c r="D1232" s="16"/>
      <c r="E1232" s="16"/>
      <c r="F1232" s="16"/>
      <c r="G1232" s="16"/>
      <c r="H1232" s="16"/>
      <c r="I1232" s="16"/>
    </row>
    <row r="1233" spans="2:9" s="4" customFormat="1" x14ac:dyDescent="0.2">
      <c r="B1233" s="16"/>
      <c r="C1233" s="16"/>
      <c r="D1233" s="16"/>
      <c r="E1233" s="16"/>
      <c r="F1233" s="16"/>
      <c r="G1233" s="16"/>
      <c r="H1233" s="16"/>
      <c r="I1233" s="16"/>
    </row>
    <row r="1234" spans="2:9" s="4" customFormat="1" x14ac:dyDescent="0.2">
      <c r="B1234" s="16"/>
      <c r="C1234" s="16"/>
      <c r="D1234" s="16"/>
      <c r="E1234" s="16"/>
      <c r="F1234" s="16"/>
      <c r="G1234" s="16"/>
      <c r="H1234" s="16"/>
      <c r="I1234" s="16"/>
    </row>
    <row r="1235" spans="2:9" s="4" customFormat="1" x14ac:dyDescent="0.2">
      <c r="B1235" s="16"/>
      <c r="C1235" s="16"/>
      <c r="D1235" s="16"/>
      <c r="E1235" s="16"/>
      <c r="F1235" s="16"/>
      <c r="G1235" s="16"/>
      <c r="H1235" s="16"/>
      <c r="I1235" s="16"/>
    </row>
    <row r="1236" spans="2:9" s="4" customFormat="1" x14ac:dyDescent="0.2">
      <c r="B1236" s="16"/>
      <c r="C1236" s="16"/>
      <c r="D1236" s="16"/>
      <c r="E1236" s="16"/>
      <c r="F1236" s="16"/>
      <c r="G1236" s="16"/>
      <c r="H1236" s="16"/>
      <c r="I1236" s="16"/>
    </row>
    <row r="1237" spans="2:9" s="4" customFormat="1" x14ac:dyDescent="0.2">
      <c r="B1237" s="16"/>
      <c r="C1237" s="16"/>
      <c r="D1237" s="16"/>
      <c r="E1237" s="16"/>
      <c r="F1237" s="16"/>
      <c r="G1237" s="16"/>
      <c r="H1237" s="16"/>
      <c r="I1237" s="16"/>
    </row>
    <row r="1238" spans="2:9" s="4" customFormat="1" x14ac:dyDescent="0.2">
      <c r="B1238" s="16"/>
      <c r="C1238" s="16"/>
      <c r="D1238" s="16"/>
      <c r="E1238" s="16"/>
      <c r="F1238" s="16"/>
      <c r="G1238" s="16"/>
      <c r="H1238" s="16"/>
      <c r="I1238" s="16"/>
    </row>
    <row r="1239" spans="2:9" s="4" customFormat="1" x14ac:dyDescent="0.2">
      <c r="B1239" s="16"/>
      <c r="C1239" s="16"/>
      <c r="D1239" s="16"/>
      <c r="E1239" s="16"/>
      <c r="F1239" s="16"/>
      <c r="G1239" s="16"/>
      <c r="H1239" s="16"/>
      <c r="I1239" s="16"/>
    </row>
    <row r="1240" spans="2:9" s="4" customFormat="1" x14ac:dyDescent="0.2">
      <c r="B1240" s="16"/>
      <c r="C1240" s="16"/>
      <c r="D1240" s="16"/>
      <c r="E1240" s="16"/>
      <c r="F1240" s="16"/>
      <c r="G1240" s="16"/>
      <c r="H1240" s="16"/>
      <c r="I1240" s="16"/>
    </row>
    <row r="1241" spans="2:9" s="4" customFormat="1" x14ac:dyDescent="0.2">
      <c r="B1241" s="16"/>
      <c r="C1241" s="16"/>
      <c r="D1241" s="16"/>
      <c r="E1241" s="16"/>
      <c r="F1241" s="16"/>
      <c r="G1241" s="16"/>
      <c r="H1241" s="16"/>
      <c r="I1241" s="16"/>
    </row>
    <row r="1242" spans="2:9" s="4" customFormat="1" x14ac:dyDescent="0.2">
      <c r="B1242" s="16"/>
      <c r="C1242" s="16"/>
      <c r="D1242" s="16"/>
      <c r="E1242" s="16"/>
      <c r="F1242" s="16"/>
      <c r="G1242" s="16"/>
      <c r="H1242" s="16"/>
      <c r="I1242" s="16"/>
    </row>
    <row r="1243" spans="2:9" s="4" customFormat="1" x14ac:dyDescent="0.2">
      <c r="B1243" s="16"/>
      <c r="C1243" s="16"/>
      <c r="D1243" s="16"/>
      <c r="E1243" s="16"/>
      <c r="F1243" s="16"/>
      <c r="G1243" s="16"/>
      <c r="H1243" s="16"/>
      <c r="I1243" s="16"/>
    </row>
    <row r="1244" spans="2:9" s="4" customFormat="1" x14ac:dyDescent="0.2">
      <c r="B1244" s="16"/>
      <c r="C1244" s="16"/>
      <c r="D1244" s="16"/>
      <c r="E1244" s="16"/>
      <c r="F1244" s="16"/>
      <c r="G1244" s="16"/>
      <c r="H1244" s="16"/>
      <c r="I1244" s="16"/>
    </row>
    <row r="1245" spans="2:9" s="4" customFormat="1" x14ac:dyDescent="0.2">
      <c r="B1245" s="16"/>
      <c r="C1245" s="16"/>
      <c r="D1245" s="16"/>
      <c r="E1245" s="16"/>
      <c r="F1245" s="16"/>
      <c r="G1245" s="16"/>
      <c r="H1245" s="16"/>
      <c r="I1245" s="16"/>
    </row>
    <row r="1246" spans="2:9" s="4" customFormat="1" x14ac:dyDescent="0.2">
      <c r="B1246" s="16"/>
      <c r="C1246" s="16"/>
      <c r="D1246" s="16"/>
      <c r="E1246" s="16"/>
      <c r="F1246" s="16"/>
      <c r="G1246" s="16"/>
      <c r="H1246" s="16"/>
      <c r="I1246" s="16"/>
    </row>
    <row r="1247" spans="2:9" s="4" customFormat="1" x14ac:dyDescent="0.2">
      <c r="B1247" s="16"/>
      <c r="C1247" s="16"/>
      <c r="D1247" s="16"/>
      <c r="E1247" s="16"/>
      <c r="F1247" s="16"/>
      <c r="G1247" s="16"/>
      <c r="H1247" s="16"/>
      <c r="I1247" s="16"/>
    </row>
    <row r="1248" spans="2:9" s="4" customFormat="1" x14ac:dyDescent="0.2">
      <c r="B1248" s="16"/>
      <c r="C1248" s="16"/>
      <c r="D1248" s="16"/>
      <c r="E1248" s="16"/>
      <c r="F1248" s="16"/>
      <c r="G1248" s="16"/>
      <c r="H1248" s="16"/>
      <c r="I1248" s="16"/>
    </row>
    <row r="1249" spans="2:9" s="4" customFormat="1" x14ac:dyDescent="0.2">
      <c r="B1249" s="16"/>
      <c r="C1249" s="16"/>
      <c r="D1249" s="16"/>
      <c r="E1249" s="16"/>
      <c r="F1249" s="16"/>
      <c r="G1249" s="16"/>
      <c r="H1249" s="16"/>
      <c r="I1249" s="16"/>
    </row>
    <row r="1250" spans="2:9" s="4" customFormat="1" x14ac:dyDescent="0.2">
      <c r="B1250" s="16"/>
      <c r="C1250" s="16"/>
      <c r="D1250" s="16"/>
      <c r="E1250" s="16"/>
      <c r="F1250" s="16"/>
      <c r="G1250" s="16"/>
      <c r="H1250" s="16"/>
      <c r="I1250" s="16"/>
    </row>
    <row r="1251" spans="2:9" s="4" customFormat="1" x14ac:dyDescent="0.2">
      <c r="B1251" s="16"/>
      <c r="C1251" s="16"/>
      <c r="D1251" s="16"/>
      <c r="E1251" s="16"/>
      <c r="F1251" s="16"/>
      <c r="G1251" s="16"/>
      <c r="H1251" s="16"/>
      <c r="I1251" s="16"/>
    </row>
    <row r="1252" spans="2:9" s="4" customFormat="1" x14ac:dyDescent="0.2">
      <c r="B1252" s="16"/>
      <c r="C1252" s="16"/>
      <c r="D1252" s="16"/>
      <c r="E1252" s="16"/>
      <c r="F1252" s="16"/>
      <c r="G1252" s="16"/>
      <c r="H1252" s="16"/>
      <c r="I1252" s="16"/>
    </row>
    <row r="1253" spans="2:9" s="4" customFormat="1" x14ac:dyDescent="0.2">
      <c r="B1253" s="16"/>
      <c r="C1253" s="16"/>
      <c r="D1253" s="16"/>
      <c r="E1253" s="16"/>
      <c r="F1253" s="16"/>
      <c r="G1253" s="16"/>
      <c r="H1253" s="16"/>
      <c r="I1253" s="16"/>
    </row>
    <row r="1254" spans="2:9" s="4" customFormat="1" x14ac:dyDescent="0.2">
      <c r="B1254" s="16"/>
      <c r="C1254" s="16"/>
      <c r="D1254" s="16"/>
      <c r="E1254" s="16"/>
      <c r="F1254" s="16"/>
      <c r="G1254" s="16"/>
      <c r="H1254" s="16"/>
      <c r="I1254" s="16"/>
    </row>
    <row r="1255" spans="2:9" s="4" customFormat="1" x14ac:dyDescent="0.2">
      <c r="B1255" s="16"/>
      <c r="C1255" s="16"/>
      <c r="D1255" s="16"/>
      <c r="E1255" s="16"/>
      <c r="F1255" s="16"/>
      <c r="G1255" s="16"/>
      <c r="H1255" s="16"/>
      <c r="I1255" s="16"/>
    </row>
    <row r="1256" spans="2:9" s="4" customFormat="1" x14ac:dyDescent="0.2">
      <c r="B1256" s="16"/>
      <c r="C1256" s="16"/>
      <c r="D1256" s="16"/>
      <c r="E1256" s="16"/>
      <c r="F1256" s="16"/>
      <c r="G1256" s="16"/>
      <c r="H1256" s="16"/>
      <c r="I1256" s="16"/>
    </row>
    <row r="1257" spans="2:9" s="4" customFormat="1" x14ac:dyDescent="0.2">
      <c r="B1257" s="16"/>
      <c r="C1257" s="16"/>
      <c r="D1257" s="16"/>
      <c r="E1257" s="16"/>
      <c r="F1257" s="16"/>
      <c r="G1257" s="16"/>
      <c r="H1257" s="16"/>
      <c r="I1257" s="16"/>
    </row>
    <row r="1258" spans="2:9" s="4" customFormat="1" x14ac:dyDescent="0.2">
      <c r="B1258" s="16"/>
      <c r="C1258" s="16"/>
      <c r="D1258" s="16"/>
      <c r="E1258" s="16"/>
      <c r="F1258" s="16"/>
      <c r="G1258" s="16"/>
      <c r="H1258" s="16"/>
      <c r="I1258" s="16"/>
    </row>
    <row r="1259" spans="2:9" s="4" customFormat="1" x14ac:dyDescent="0.2">
      <c r="B1259" s="16"/>
      <c r="C1259" s="16"/>
      <c r="D1259" s="16"/>
      <c r="E1259" s="16"/>
      <c r="F1259" s="16"/>
      <c r="G1259" s="16"/>
      <c r="H1259" s="16"/>
      <c r="I1259" s="16"/>
    </row>
    <row r="1260" spans="2:9" s="4" customFormat="1" x14ac:dyDescent="0.2">
      <c r="B1260" s="16"/>
      <c r="C1260" s="16"/>
      <c r="D1260" s="16"/>
      <c r="E1260" s="16"/>
      <c r="F1260" s="16"/>
      <c r="G1260" s="16"/>
      <c r="H1260" s="16"/>
      <c r="I1260" s="16"/>
    </row>
    <row r="1261" spans="2:9" s="4" customFormat="1" x14ac:dyDescent="0.2">
      <c r="B1261" s="16"/>
      <c r="C1261" s="16"/>
      <c r="D1261" s="16"/>
      <c r="E1261" s="16"/>
      <c r="F1261" s="16"/>
      <c r="G1261" s="16"/>
      <c r="H1261" s="16"/>
      <c r="I1261" s="16"/>
    </row>
    <row r="1262" spans="2:9" s="4" customFormat="1" x14ac:dyDescent="0.2">
      <c r="B1262" s="16"/>
      <c r="C1262" s="16"/>
      <c r="D1262" s="16"/>
      <c r="E1262" s="16"/>
      <c r="F1262" s="16"/>
      <c r="G1262" s="16"/>
      <c r="H1262" s="16"/>
      <c r="I1262" s="16"/>
    </row>
    <row r="1263" spans="2:9" s="4" customFormat="1" x14ac:dyDescent="0.2">
      <c r="B1263" s="16"/>
      <c r="C1263" s="16"/>
      <c r="D1263" s="16"/>
      <c r="E1263" s="16"/>
      <c r="F1263" s="16"/>
      <c r="G1263" s="16"/>
      <c r="H1263" s="16"/>
      <c r="I1263" s="16"/>
    </row>
    <row r="1264" spans="2:9" s="4" customFormat="1" x14ac:dyDescent="0.2">
      <c r="B1264" s="16"/>
      <c r="C1264" s="16"/>
      <c r="D1264" s="16"/>
      <c r="E1264" s="16"/>
      <c r="F1264" s="16"/>
      <c r="G1264" s="16"/>
      <c r="H1264" s="16"/>
      <c r="I1264" s="16"/>
    </row>
    <row r="1265" spans="2:9" s="4" customFormat="1" x14ac:dyDescent="0.2">
      <c r="B1265" s="16"/>
      <c r="C1265" s="16"/>
      <c r="D1265" s="16"/>
      <c r="E1265" s="16"/>
      <c r="F1265" s="16"/>
      <c r="G1265" s="16"/>
      <c r="H1265" s="16"/>
      <c r="I1265" s="16"/>
    </row>
    <row r="1266" spans="2:9" s="4" customFormat="1" x14ac:dyDescent="0.2">
      <c r="B1266" s="16"/>
      <c r="C1266" s="16"/>
      <c r="D1266" s="16"/>
      <c r="E1266" s="16"/>
      <c r="F1266" s="16"/>
      <c r="G1266" s="16"/>
      <c r="H1266" s="16"/>
      <c r="I1266" s="16"/>
    </row>
    <row r="1267" spans="2:9" s="4" customFormat="1" x14ac:dyDescent="0.2">
      <c r="B1267" s="16"/>
      <c r="C1267" s="16"/>
      <c r="D1267" s="16"/>
      <c r="E1267" s="16"/>
      <c r="F1267" s="16"/>
      <c r="G1267" s="16"/>
      <c r="H1267" s="16"/>
      <c r="I1267" s="16"/>
    </row>
    <row r="1268" spans="2:9" s="4" customFormat="1" x14ac:dyDescent="0.2">
      <c r="B1268" s="16"/>
      <c r="C1268" s="16"/>
      <c r="D1268" s="16"/>
      <c r="E1268" s="16"/>
      <c r="F1268" s="16"/>
      <c r="G1268" s="16"/>
      <c r="H1268" s="16"/>
      <c r="I1268" s="16"/>
    </row>
    <row r="1269" spans="2:9" s="4" customFormat="1" x14ac:dyDescent="0.2">
      <c r="B1269" s="16"/>
      <c r="C1269" s="16"/>
      <c r="D1269" s="16"/>
      <c r="E1269" s="16"/>
      <c r="F1269" s="16"/>
      <c r="G1269" s="16"/>
      <c r="H1269" s="16"/>
      <c r="I1269" s="16"/>
    </row>
    <row r="1270" spans="2:9" s="4" customFormat="1" x14ac:dyDescent="0.2">
      <c r="B1270" s="16"/>
      <c r="C1270" s="16"/>
      <c r="D1270" s="16"/>
      <c r="E1270" s="16"/>
      <c r="F1270" s="16"/>
      <c r="G1270" s="16"/>
      <c r="H1270" s="16"/>
      <c r="I1270" s="16"/>
    </row>
    <row r="1271" spans="2:9" s="4" customFormat="1" x14ac:dyDescent="0.2">
      <c r="B1271" s="16"/>
      <c r="C1271" s="16"/>
      <c r="D1271" s="16"/>
      <c r="E1271" s="16"/>
      <c r="F1271" s="16"/>
      <c r="G1271" s="16"/>
      <c r="H1271" s="16"/>
      <c r="I1271" s="16"/>
    </row>
    <row r="1272" spans="2:9" s="4" customFormat="1" x14ac:dyDescent="0.2">
      <c r="B1272" s="16"/>
      <c r="C1272" s="16"/>
      <c r="D1272" s="16"/>
      <c r="E1272" s="16"/>
      <c r="F1272" s="16"/>
      <c r="G1272" s="16"/>
      <c r="H1272" s="16"/>
      <c r="I1272" s="16"/>
    </row>
    <row r="1273" spans="2:9" s="4" customFormat="1" x14ac:dyDescent="0.2">
      <c r="B1273" s="16"/>
      <c r="C1273" s="16"/>
      <c r="D1273" s="16"/>
      <c r="E1273" s="16"/>
      <c r="F1273" s="16"/>
      <c r="G1273" s="16"/>
      <c r="H1273" s="16"/>
      <c r="I1273" s="16"/>
    </row>
    <row r="1274" spans="2:9" s="4" customFormat="1" x14ac:dyDescent="0.2">
      <c r="B1274" s="16"/>
      <c r="C1274" s="16"/>
      <c r="D1274" s="16"/>
      <c r="E1274" s="16"/>
      <c r="F1274" s="16"/>
      <c r="G1274" s="16"/>
      <c r="H1274" s="16"/>
      <c r="I1274" s="16"/>
    </row>
    <row r="1275" spans="2:9" s="4" customFormat="1" x14ac:dyDescent="0.2">
      <c r="B1275" s="16"/>
      <c r="C1275" s="16"/>
      <c r="D1275" s="16"/>
      <c r="E1275" s="16"/>
      <c r="F1275" s="16"/>
      <c r="G1275" s="16"/>
      <c r="H1275" s="16"/>
      <c r="I1275" s="16"/>
    </row>
    <row r="1276" spans="2:9" s="4" customFormat="1" x14ac:dyDescent="0.2">
      <c r="B1276" s="16"/>
      <c r="C1276" s="16"/>
      <c r="D1276" s="16"/>
      <c r="E1276" s="16"/>
      <c r="F1276" s="16"/>
      <c r="G1276" s="16"/>
      <c r="H1276" s="16"/>
      <c r="I1276" s="16"/>
    </row>
    <row r="1277" spans="2:9" s="4" customFormat="1" x14ac:dyDescent="0.2">
      <c r="B1277" s="16"/>
      <c r="C1277" s="16"/>
      <c r="D1277" s="16"/>
      <c r="E1277" s="16"/>
      <c r="F1277" s="16"/>
      <c r="G1277" s="16"/>
      <c r="H1277" s="16"/>
      <c r="I1277" s="16"/>
    </row>
    <row r="1278" spans="2:9" s="4" customFormat="1" x14ac:dyDescent="0.2">
      <c r="B1278" s="16"/>
      <c r="C1278" s="16"/>
      <c r="D1278" s="16"/>
      <c r="E1278" s="16"/>
      <c r="F1278" s="16"/>
      <c r="G1278" s="16"/>
      <c r="H1278" s="16"/>
      <c r="I1278" s="16"/>
    </row>
    <row r="1279" spans="2:9" s="4" customFormat="1" x14ac:dyDescent="0.2">
      <c r="B1279" s="16"/>
      <c r="C1279" s="16"/>
      <c r="D1279" s="16"/>
      <c r="E1279" s="16"/>
      <c r="F1279" s="16"/>
      <c r="G1279" s="16"/>
      <c r="H1279" s="16"/>
      <c r="I1279" s="16"/>
    </row>
    <row r="1280" spans="2:9" s="4" customFormat="1" x14ac:dyDescent="0.2">
      <c r="B1280" s="16"/>
      <c r="C1280" s="16"/>
      <c r="D1280" s="16"/>
      <c r="E1280" s="16"/>
      <c r="F1280" s="16"/>
      <c r="G1280" s="16"/>
      <c r="H1280" s="16"/>
      <c r="I1280" s="16"/>
    </row>
    <row r="1281" spans="2:9" s="4" customFormat="1" x14ac:dyDescent="0.2">
      <c r="B1281" s="16"/>
      <c r="C1281" s="16"/>
      <c r="D1281" s="16"/>
      <c r="E1281" s="16"/>
      <c r="F1281" s="16"/>
      <c r="G1281" s="16"/>
      <c r="H1281" s="16"/>
      <c r="I1281" s="16"/>
    </row>
    <row r="1282" spans="2:9" s="4" customFormat="1" x14ac:dyDescent="0.2">
      <c r="B1282" s="16"/>
      <c r="C1282" s="16"/>
      <c r="D1282" s="16"/>
      <c r="E1282" s="16"/>
      <c r="F1282" s="16"/>
      <c r="G1282" s="16"/>
      <c r="H1282" s="16"/>
      <c r="I1282" s="16"/>
    </row>
    <row r="1283" spans="2:9" s="4" customFormat="1" x14ac:dyDescent="0.2">
      <c r="B1283" s="16"/>
      <c r="C1283" s="16"/>
      <c r="D1283" s="16"/>
      <c r="E1283" s="16"/>
      <c r="F1283" s="16"/>
      <c r="G1283" s="16"/>
      <c r="H1283" s="16"/>
      <c r="I1283" s="16"/>
    </row>
    <row r="1284" spans="2:9" s="4" customFormat="1" x14ac:dyDescent="0.2">
      <c r="B1284" s="16"/>
      <c r="C1284" s="16"/>
      <c r="D1284" s="16"/>
      <c r="E1284" s="16"/>
      <c r="F1284" s="16"/>
      <c r="G1284" s="16"/>
      <c r="H1284" s="16"/>
      <c r="I1284" s="16"/>
    </row>
    <row r="1285" spans="2:9" s="4" customFormat="1" x14ac:dyDescent="0.2">
      <c r="B1285" s="16"/>
      <c r="C1285" s="16"/>
      <c r="D1285" s="16"/>
      <c r="E1285" s="16"/>
      <c r="F1285" s="16"/>
      <c r="G1285" s="16"/>
      <c r="H1285" s="16"/>
      <c r="I1285" s="16"/>
    </row>
    <row r="1286" spans="2:9" s="4" customFormat="1" x14ac:dyDescent="0.2">
      <c r="B1286" s="16"/>
      <c r="C1286" s="16"/>
      <c r="D1286" s="16"/>
      <c r="E1286" s="16"/>
      <c r="F1286" s="16"/>
      <c r="G1286" s="16"/>
      <c r="H1286" s="16"/>
      <c r="I1286" s="16"/>
    </row>
    <row r="1287" spans="2:9" s="4" customFormat="1" x14ac:dyDescent="0.2">
      <c r="B1287" s="16"/>
      <c r="C1287" s="16"/>
      <c r="D1287" s="16"/>
      <c r="E1287" s="16"/>
      <c r="F1287" s="16"/>
      <c r="G1287" s="16"/>
      <c r="H1287" s="16"/>
      <c r="I1287" s="16"/>
    </row>
    <row r="1288" spans="2:9" s="4" customFormat="1" x14ac:dyDescent="0.2">
      <c r="B1288" s="16"/>
      <c r="C1288" s="16"/>
      <c r="D1288" s="16"/>
      <c r="E1288" s="16"/>
      <c r="F1288" s="16"/>
      <c r="G1288" s="16"/>
      <c r="H1288" s="16"/>
      <c r="I1288" s="16"/>
    </row>
    <row r="1289" spans="2:9" s="4" customFormat="1" x14ac:dyDescent="0.2">
      <c r="B1289" s="16"/>
      <c r="C1289" s="16"/>
      <c r="D1289" s="16"/>
      <c r="E1289" s="16"/>
      <c r="F1289" s="16"/>
      <c r="G1289" s="16"/>
      <c r="H1289" s="16"/>
      <c r="I1289" s="16"/>
    </row>
    <row r="1290" spans="2:9" s="4" customFormat="1" x14ac:dyDescent="0.2">
      <c r="B1290" s="16"/>
      <c r="C1290" s="16"/>
      <c r="D1290" s="16"/>
      <c r="E1290" s="16"/>
      <c r="F1290" s="16"/>
      <c r="G1290" s="16"/>
      <c r="H1290" s="16"/>
      <c r="I1290" s="16"/>
    </row>
    <row r="1291" spans="2:9" s="4" customFormat="1" x14ac:dyDescent="0.2">
      <c r="B1291" s="16"/>
      <c r="C1291" s="16"/>
      <c r="D1291" s="16"/>
      <c r="E1291" s="16"/>
      <c r="F1291" s="16"/>
      <c r="G1291" s="16"/>
      <c r="H1291" s="16"/>
      <c r="I1291" s="16"/>
    </row>
    <row r="1292" spans="2:9" s="4" customFormat="1" x14ac:dyDescent="0.2">
      <c r="B1292" s="16"/>
      <c r="C1292" s="16"/>
      <c r="D1292" s="16"/>
      <c r="E1292" s="16"/>
      <c r="F1292" s="16"/>
      <c r="G1292" s="16"/>
      <c r="H1292" s="16"/>
      <c r="I1292" s="16"/>
    </row>
    <row r="1293" spans="2:9" s="4" customFormat="1" x14ac:dyDescent="0.2">
      <c r="B1293" s="16"/>
      <c r="C1293" s="16"/>
      <c r="D1293" s="16"/>
      <c r="E1293" s="16"/>
      <c r="F1293" s="16"/>
      <c r="G1293" s="16"/>
      <c r="H1293" s="16"/>
      <c r="I1293" s="16"/>
    </row>
    <row r="1294" spans="2:9" s="4" customFormat="1" x14ac:dyDescent="0.2">
      <c r="B1294" s="16"/>
      <c r="C1294" s="16"/>
      <c r="D1294" s="16"/>
      <c r="E1294" s="16"/>
      <c r="F1294" s="16"/>
      <c r="G1294" s="16"/>
      <c r="H1294" s="16"/>
      <c r="I1294" s="16"/>
    </row>
    <row r="1295" spans="2:9" s="4" customFormat="1" x14ac:dyDescent="0.2">
      <c r="B1295" s="16"/>
      <c r="C1295" s="16"/>
      <c r="D1295" s="16"/>
      <c r="E1295" s="16"/>
      <c r="F1295" s="16"/>
      <c r="G1295" s="16"/>
      <c r="H1295" s="16"/>
      <c r="I1295" s="16"/>
    </row>
    <row r="1296" spans="2:9" s="4" customFormat="1" x14ac:dyDescent="0.2">
      <c r="B1296" s="16"/>
      <c r="C1296" s="16"/>
      <c r="D1296" s="16"/>
      <c r="E1296" s="16"/>
      <c r="F1296" s="16"/>
      <c r="G1296" s="16"/>
      <c r="H1296" s="16"/>
      <c r="I1296" s="16"/>
    </row>
    <row r="1297" spans="2:9" s="4" customFormat="1" x14ac:dyDescent="0.2">
      <c r="B1297" s="16"/>
      <c r="C1297" s="16"/>
      <c r="D1297" s="16"/>
      <c r="E1297" s="16"/>
      <c r="F1297" s="16"/>
      <c r="G1297" s="16"/>
      <c r="H1297" s="16"/>
      <c r="I1297" s="16"/>
    </row>
    <row r="1298" spans="2:9" s="4" customFormat="1" x14ac:dyDescent="0.2">
      <c r="B1298" s="16"/>
      <c r="C1298" s="16"/>
      <c r="D1298" s="16"/>
      <c r="E1298" s="16"/>
      <c r="F1298" s="16"/>
      <c r="G1298" s="16"/>
      <c r="H1298" s="16"/>
      <c r="I1298" s="16"/>
    </row>
    <row r="1299" spans="2:9" s="4" customFormat="1" x14ac:dyDescent="0.2">
      <c r="B1299" s="16"/>
      <c r="C1299" s="16"/>
      <c r="D1299" s="16"/>
      <c r="E1299" s="16"/>
      <c r="F1299" s="16"/>
      <c r="G1299" s="16"/>
      <c r="H1299" s="16"/>
      <c r="I1299" s="16"/>
    </row>
    <row r="1300" spans="2:9" s="4" customFormat="1" x14ac:dyDescent="0.2">
      <c r="B1300" s="16"/>
      <c r="C1300" s="16"/>
      <c r="D1300" s="16"/>
      <c r="E1300" s="16"/>
      <c r="F1300" s="16"/>
      <c r="G1300" s="16"/>
      <c r="H1300" s="16"/>
      <c r="I1300" s="16"/>
    </row>
    <row r="1301" spans="2:9" s="4" customFormat="1" x14ac:dyDescent="0.2">
      <c r="B1301" s="16"/>
      <c r="C1301" s="16"/>
      <c r="D1301" s="16"/>
      <c r="E1301" s="16"/>
      <c r="F1301" s="16"/>
      <c r="G1301" s="16"/>
      <c r="H1301" s="16"/>
      <c r="I1301" s="16"/>
    </row>
    <row r="1302" spans="2:9" s="4" customFormat="1" x14ac:dyDescent="0.2">
      <c r="B1302" s="16"/>
      <c r="C1302" s="16"/>
      <c r="D1302" s="16"/>
      <c r="E1302" s="16"/>
      <c r="F1302" s="16"/>
      <c r="G1302" s="16"/>
      <c r="H1302" s="16"/>
      <c r="I1302" s="16"/>
    </row>
    <row r="1303" spans="2:9" s="4" customFormat="1" x14ac:dyDescent="0.2">
      <c r="B1303" s="16"/>
      <c r="C1303" s="16"/>
      <c r="D1303" s="16"/>
      <c r="E1303" s="16"/>
      <c r="F1303" s="16"/>
      <c r="G1303" s="16"/>
      <c r="H1303" s="16"/>
      <c r="I1303" s="16"/>
    </row>
    <row r="1304" spans="2:9" s="4" customFormat="1" x14ac:dyDescent="0.2">
      <c r="B1304" s="16"/>
      <c r="C1304" s="16"/>
      <c r="D1304" s="16"/>
      <c r="E1304" s="16"/>
      <c r="F1304" s="16"/>
      <c r="G1304" s="16"/>
      <c r="H1304" s="16"/>
      <c r="I1304" s="16"/>
    </row>
    <row r="1305" spans="2:9" s="4" customFormat="1" x14ac:dyDescent="0.2">
      <c r="B1305" s="16"/>
      <c r="C1305" s="16"/>
      <c r="D1305" s="16"/>
      <c r="E1305" s="16"/>
      <c r="F1305" s="16"/>
      <c r="G1305" s="16"/>
      <c r="H1305" s="16"/>
      <c r="I1305" s="16"/>
    </row>
    <row r="1306" spans="2:9" s="4" customFormat="1" x14ac:dyDescent="0.2">
      <c r="B1306" s="16"/>
      <c r="C1306" s="16"/>
      <c r="D1306" s="16"/>
      <c r="E1306" s="16"/>
      <c r="F1306" s="16"/>
      <c r="G1306" s="16"/>
      <c r="H1306" s="16"/>
      <c r="I1306" s="16"/>
    </row>
    <row r="1307" spans="2:9" s="4" customFormat="1" x14ac:dyDescent="0.2">
      <c r="B1307" s="16"/>
      <c r="C1307" s="16"/>
      <c r="D1307" s="16"/>
      <c r="E1307" s="16"/>
      <c r="F1307" s="16"/>
      <c r="G1307" s="16"/>
      <c r="H1307" s="16"/>
      <c r="I1307" s="16"/>
    </row>
    <row r="1308" spans="2:9" s="4" customFormat="1" x14ac:dyDescent="0.2">
      <c r="B1308" s="16"/>
      <c r="C1308" s="16"/>
      <c r="D1308" s="16"/>
      <c r="E1308" s="16"/>
      <c r="F1308" s="16"/>
      <c r="G1308" s="16"/>
      <c r="H1308" s="16"/>
      <c r="I1308" s="16"/>
    </row>
    <row r="1309" spans="2:9" x14ac:dyDescent="0.2">
      <c r="B1309" s="9"/>
    </row>
    <row r="1310" spans="2:9" x14ac:dyDescent="0.2">
      <c r="B1310" s="9"/>
    </row>
    <row r="1311" spans="2:9" x14ac:dyDescent="0.2">
      <c r="B1311" s="9"/>
    </row>
    <row r="1312" spans="2:9" x14ac:dyDescent="0.2">
      <c r="B1312" s="9"/>
    </row>
    <row r="1313" spans="1:85" x14ac:dyDescent="0.2">
      <c r="B1313" s="9"/>
    </row>
    <row r="1314" spans="1:85" x14ac:dyDescent="0.2">
      <c r="B1314" s="9"/>
    </row>
    <row r="1315" spans="1:85" x14ac:dyDescent="0.2">
      <c r="B1315" s="9"/>
    </row>
    <row r="1316" spans="1:85" x14ac:dyDescent="0.2">
      <c r="B1316" s="9"/>
    </row>
    <row r="1317" spans="1:85" x14ac:dyDescent="0.2">
      <c r="B1317" s="9"/>
    </row>
    <row r="1318" spans="1:85" x14ac:dyDescent="0.2">
      <c r="B1318" s="9"/>
    </row>
    <row r="1319" spans="1:85" x14ac:dyDescent="0.2">
      <c r="B1319" s="9"/>
    </row>
    <row r="1320" spans="1:85" x14ac:dyDescent="0.2">
      <c r="B1320" s="9"/>
    </row>
    <row r="1321" spans="1:85" x14ac:dyDescent="0.2">
      <c r="B1321" s="9"/>
    </row>
    <row r="1322" spans="1:85" x14ac:dyDescent="0.2">
      <c r="B1322" s="9"/>
    </row>
    <row r="1323" spans="1:85" s="9" customFormat="1" x14ac:dyDescent="0.2">
      <c r="A1323" s="85"/>
      <c r="J1323" s="85"/>
      <c r="K1323" s="85"/>
      <c r="L1323" s="85"/>
      <c r="M1323" s="85"/>
      <c r="N1323" s="85"/>
      <c r="O1323" s="85"/>
      <c r="P1323" s="85"/>
      <c r="Q1323" s="85"/>
      <c r="R1323" s="85"/>
      <c r="S1323" s="85"/>
      <c r="T1323" s="85"/>
      <c r="U1323" s="85"/>
      <c r="V1323" s="85"/>
      <c r="W1323" s="85"/>
      <c r="X1323" s="85"/>
      <c r="Y1323" s="85"/>
      <c r="Z1323" s="85"/>
      <c r="AA1323" s="85"/>
      <c r="AB1323" s="85"/>
      <c r="AC1323" s="85"/>
      <c r="AD1323" s="85"/>
      <c r="AE1323" s="85"/>
      <c r="AF1323" s="85"/>
      <c r="AG1323" s="85"/>
      <c r="AH1323" s="85"/>
      <c r="AI1323" s="85"/>
      <c r="AJ1323" s="85"/>
      <c r="AK1323" s="85"/>
      <c r="AL1323" s="85"/>
      <c r="AM1323" s="85"/>
      <c r="AN1323" s="85"/>
      <c r="AO1323" s="85"/>
      <c r="AP1323" s="85"/>
      <c r="AQ1323" s="85"/>
      <c r="AR1323" s="85"/>
      <c r="AS1323" s="85"/>
      <c r="AT1323" s="85"/>
      <c r="AU1323" s="85"/>
      <c r="AV1323" s="85"/>
      <c r="AW1323" s="85"/>
      <c r="AX1323" s="85"/>
      <c r="AY1323" s="85"/>
      <c r="AZ1323" s="85"/>
      <c r="BA1323" s="85"/>
      <c r="BB1323" s="85"/>
      <c r="BC1323" s="85"/>
      <c r="BD1323" s="85"/>
      <c r="BE1323" s="85"/>
      <c r="BF1323" s="85"/>
      <c r="BG1323" s="85"/>
      <c r="BH1323" s="85"/>
      <c r="BI1323" s="85"/>
      <c r="BJ1323" s="85"/>
      <c r="BK1323" s="85"/>
      <c r="BL1323" s="85"/>
      <c r="BM1323" s="85"/>
      <c r="BN1323" s="85"/>
      <c r="BO1323" s="85"/>
      <c r="BP1323" s="85"/>
      <c r="BQ1323" s="85"/>
      <c r="BR1323" s="85"/>
      <c r="BS1323" s="85"/>
      <c r="BT1323" s="85"/>
      <c r="BU1323" s="85"/>
      <c r="BV1323" s="85"/>
      <c r="BW1323" s="85"/>
      <c r="BX1323" s="85"/>
      <c r="BY1323" s="85"/>
      <c r="BZ1323" s="85"/>
      <c r="CA1323" s="85"/>
      <c r="CB1323" s="85"/>
      <c r="CC1323" s="85"/>
      <c r="CD1323" s="85"/>
      <c r="CE1323" s="85"/>
      <c r="CF1323" s="85"/>
      <c r="CG1323" s="85"/>
    </row>
    <row r="1324" spans="1:85" s="9" customFormat="1" x14ac:dyDescent="0.2">
      <c r="A1324" s="85"/>
      <c r="J1324" s="85"/>
      <c r="K1324" s="85"/>
      <c r="L1324" s="85"/>
      <c r="M1324" s="85"/>
      <c r="N1324" s="85"/>
      <c r="O1324" s="85"/>
      <c r="P1324" s="85"/>
      <c r="Q1324" s="85"/>
      <c r="R1324" s="85"/>
      <c r="S1324" s="85"/>
      <c r="T1324" s="85"/>
      <c r="U1324" s="85"/>
      <c r="V1324" s="85"/>
      <c r="W1324" s="85"/>
      <c r="X1324" s="85"/>
      <c r="Y1324" s="85"/>
      <c r="Z1324" s="85"/>
      <c r="AA1324" s="85"/>
      <c r="AB1324" s="85"/>
      <c r="AC1324" s="85"/>
      <c r="AD1324" s="85"/>
      <c r="AE1324" s="85"/>
      <c r="AF1324" s="85"/>
      <c r="AG1324" s="85"/>
      <c r="AH1324" s="85"/>
      <c r="AI1324" s="85"/>
      <c r="AJ1324" s="85"/>
      <c r="AK1324" s="85"/>
      <c r="AL1324" s="85"/>
      <c r="AM1324" s="85"/>
      <c r="AN1324" s="85"/>
      <c r="AO1324" s="85"/>
      <c r="AP1324" s="85"/>
      <c r="AQ1324" s="85"/>
      <c r="AR1324" s="85"/>
      <c r="AS1324" s="85"/>
      <c r="AT1324" s="85"/>
      <c r="AU1324" s="85"/>
      <c r="AV1324" s="85"/>
      <c r="AW1324" s="85"/>
      <c r="AX1324" s="85"/>
      <c r="AY1324" s="85"/>
      <c r="AZ1324" s="85"/>
      <c r="BA1324" s="85"/>
      <c r="BB1324" s="85"/>
      <c r="BC1324" s="85"/>
      <c r="BD1324" s="85"/>
      <c r="BE1324" s="85"/>
      <c r="BF1324" s="85"/>
      <c r="BG1324" s="85"/>
      <c r="BH1324" s="85"/>
      <c r="BI1324" s="85"/>
      <c r="BJ1324" s="85"/>
      <c r="BK1324" s="85"/>
      <c r="BL1324" s="85"/>
      <c r="BM1324" s="85"/>
      <c r="BN1324" s="85"/>
      <c r="BO1324" s="85"/>
      <c r="BP1324" s="85"/>
      <c r="BQ1324" s="85"/>
      <c r="BR1324" s="85"/>
      <c r="BS1324" s="85"/>
      <c r="BT1324" s="85"/>
      <c r="BU1324" s="85"/>
      <c r="BV1324" s="85"/>
      <c r="BW1324" s="85"/>
      <c r="BX1324" s="85"/>
      <c r="BY1324" s="85"/>
      <c r="BZ1324" s="85"/>
      <c r="CA1324" s="85"/>
      <c r="CB1324" s="85"/>
      <c r="CC1324" s="85"/>
      <c r="CD1324" s="85"/>
      <c r="CE1324" s="85"/>
      <c r="CF1324" s="85"/>
      <c r="CG1324" s="85"/>
    </row>
    <row r="1325" spans="1:85" s="9" customFormat="1" x14ac:dyDescent="0.2">
      <c r="A1325" s="85"/>
      <c r="J1325" s="85"/>
      <c r="K1325" s="85"/>
      <c r="L1325" s="85"/>
      <c r="M1325" s="85"/>
      <c r="N1325" s="85"/>
      <c r="O1325" s="85"/>
      <c r="P1325" s="85"/>
      <c r="Q1325" s="85"/>
      <c r="R1325" s="85"/>
      <c r="S1325" s="85"/>
      <c r="T1325" s="85"/>
      <c r="U1325" s="85"/>
      <c r="V1325" s="85"/>
      <c r="W1325" s="85"/>
      <c r="X1325" s="85"/>
      <c r="Y1325" s="85"/>
      <c r="Z1325" s="85"/>
      <c r="AA1325" s="85"/>
      <c r="AB1325" s="85"/>
      <c r="AC1325" s="85"/>
      <c r="AD1325" s="85"/>
      <c r="AE1325" s="85"/>
      <c r="AF1325" s="85"/>
      <c r="AG1325" s="85"/>
      <c r="AH1325" s="85"/>
      <c r="AI1325" s="85"/>
      <c r="AJ1325" s="85"/>
      <c r="AK1325" s="85"/>
      <c r="AL1325" s="85"/>
      <c r="AM1325" s="85"/>
      <c r="AN1325" s="85"/>
      <c r="AO1325" s="85"/>
      <c r="AP1325" s="85"/>
      <c r="AQ1325" s="85"/>
      <c r="AR1325" s="85"/>
      <c r="AS1325" s="85"/>
      <c r="AT1325" s="85"/>
      <c r="AU1325" s="85"/>
      <c r="AV1325" s="85"/>
      <c r="AW1325" s="85"/>
      <c r="AX1325" s="85"/>
      <c r="AY1325" s="85"/>
      <c r="AZ1325" s="85"/>
      <c r="BA1325" s="85"/>
      <c r="BB1325" s="85"/>
      <c r="BC1325" s="85"/>
      <c r="BD1325" s="85"/>
      <c r="BE1325" s="85"/>
      <c r="BF1325" s="85"/>
      <c r="BG1325" s="85"/>
      <c r="BH1325" s="85"/>
      <c r="BI1325" s="85"/>
      <c r="BJ1325" s="85"/>
      <c r="BK1325" s="85"/>
      <c r="BL1325" s="85"/>
      <c r="BM1325" s="85"/>
      <c r="BN1325" s="85"/>
      <c r="BO1325" s="85"/>
      <c r="BP1325" s="85"/>
      <c r="BQ1325" s="85"/>
      <c r="BR1325" s="85"/>
      <c r="BS1325" s="85"/>
      <c r="BT1325" s="85"/>
      <c r="BU1325" s="85"/>
      <c r="BV1325" s="85"/>
      <c r="BW1325" s="85"/>
      <c r="BX1325" s="85"/>
      <c r="BY1325" s="85"/>
      <c r="BZ1325" s="85"/>
      <c r="CA1325" s="85"/>
      <c r="CB1325" s="85"/>
      <c r="CC1325" s="85"/>
      <c r="CD1325" s="85"/>
      <c r="CE1325" s="85"/>
      <c r="CF1325" s="85"/>
      <c r="CG1325" s="85"/>
    </row>
    <row r="1326" spans="1:85" s="9" customFormat="1" x14ac:dyDescent="0.2">
      <c r="A1326" s="85"/>
      <c r="J1326" s="85"/>
      <c r="K1326" s="85"/>
      <c r="L1326" s="85"/>
      <c r="M1326" s="85"/>
      <c r="N1326" s="85"/>
      <c r="O1326" s="85"/>
      <c r="P1326" s="85"/>
      <c r="Q1326" s="85"/>
      <c r="R1326" s="85"/>
      <c r="S1326" s="85"/>
      <c r="T1326" s="85"/>
      <c r="U1326" s="85"/>
      <c r="V1326" s="85"/>
      <c r="W1326" s="85"/>
      <c r="X1326" s="85"/>
      <c r="Y1326" s="85"/>
      <c r="Z1326" s="85"/>
      <c r="AA1326" s="85"/>
      <c r="AB1326" s="85"/>
      <c r="AC1326" s="85"/>
      <c r="AD1326" s="85"/>
      <c r="AE1326" s="85"/>
      <c r="AF1326" s="85"/>
      <c r="AG1326" s="85"/>
      <c r="AH1326" s="85"/>
      <c r="AI1326" s="85"/>
      <c r="AJ1326" s="85"/>
      <c r="AK1326" s="85"/>
      <c r="AL1326" s="85"/>
      <c r="AM1326" s="85"/>
      <c r="AN1326" s="85"/>
      <c r="AO1326" s="85"/>
      <c r="AP1326" s="85"/>
      <c r="AQ1326" s="85"/>
      <c r="AR1326" s="85"/>
      <c r="AS1326" s="85"/>
      <c r="AT1326" s="85"/>
      <c r="AU1326" s="85"/>
      <c r="AV1326" s="85"/>
      <c r="AW1326" s="85"/>
      <c r="AX1326" s="85"/>
      <c r="AY1326" s="85"/>
      <c r="AZ1326" s="85"/>
      <c r="BA1326" s="85"/>
      <c r="BB1326" s="85"/>
      <c r="BC1326" s="85"/>
      <c r="BD1326" s="85"/>
      <c r="BE1326" s="85"/>
      <c r="BF1326" s="85"/>
      <c r="BG1326" s="85"/>
      <c r="BH1326" s="85"/>
      <c r="BI1326" s="85"/>
      <c r="BJ1326" s="85"/>
      <c r="BK1326" s="85"/>
      <c r="BL1326" s="85"/>
      <c r="BM1326" s="85"/>
      <c r="BN1326" s="85"/>
      <c r="BO1326" s="85"/>
      <c r="BP1326" s="85"/>
      <c r="BQ1326" s="85"/>
      <c r="BR1326" s="85"/>
      <c r="BS1326" s="85"/>
      <c r="BT1326" s="85"/>
      <c r="BU1326" s="85"/>
      <c r="BV1326" s="85"/>
      <c r="BW1326" s="85"/>
      <c r="BX1326" s="85"/>
      <c r="BY1326" s="85"/>
      <c r="BZ1326" s="85"/>
      <c r="CA1326" s="85"/>
      <c r="CB1326" s="85"/>
      <c r="CC1326" s="85"/>
      <c r="CD1326" s="85"/>
      <c r="CE1326" s="85"/>
      <c r="CF1326" s="85"/>
      <c r="CG1326" s="85"/>
    </row>
    <row r="1327" spans="1:85" s="9" customFormat="1" x14ac:dyDescent="0.2">
      <c r="A1327" s="85"/>
      <c r="J1327" s="85"/>
      <c r="K1327" s="85"/>
      <c r="L1327" s="85"/>
      <c r="M1327" s="85"/>
      <c r="N1327" s="85"/>
      <c r="O1327" s="85"/>
      <c r="P1327" s="85"/>
      <c r="Q1327" s="85"/>
      <c r="R1327" s="85"/>
      <c r="S1327" s="85"/>
      <c r="T1327" s="85"/>
      <c r="U1327" s="85"/>
      <c r="V1327" s="85"/>
      <c r="W1327" s="85"/>
      <c r="X1327" s="85"/>
      <c r="Y1327" s="85"/>
      <c r="Z1327" s="85"/>
      <c r="AA1327" s="85"/>
      <c r="AB1327" s="85"/>
      <c r="AC1327" s="85"/>
      <c r="AD1327" s="85"/>
      <c r="AE1327" s="85"/>
      <c r="AF1327" s="85"/>
      <c r="AG1327" s="85"/>
      <c r="AH1327" s="85"/>
      <c r="AI1327" s="85"/>
      <c r="AJ1327" s="85"/>
      <c r="AK1327" s="85"/>
      <c r="AL1327" s="85"/>
      <c r="AM1327" s="85"/>
      <c r="AN1327" s="85"/>
      <c r="AO1327" s="85"/>
      <c r="AP1327" s="85"/>
      <c r="AQ1327" s="85"/>
      <c r="AR1327" s="85"/>
      <c r="AS1327" s="85"/>
      <c r="AT1327" s="85"/>
      <c r="AU1327" s="85"/>
      <c r="AV1327" s="85"/>
      <c r="AW1327" s="85"/>
      <c r="AX1327" s="85"/>
      <c r="AY1327" s="85"/>
      <c r="AZ1327" s="85"/>
      <c r="BA1327" s="85"/>
      <c r="BB1327" s="85"/>
      <c r="BC1327" s="85"/>
      <c r="BD1327" s="85"/>
      <c r="BE1327" s="85"/>
      <c r="BF1327" s="85"/>
      <c r="BG1327" s="85"/>
      <c r="BH1327" s="85"/>
      <c r="BI1327" s="85"/>
      <c r="BJ1327" s="85"/>
      <c r="BK1327" s="85"/>
      <c r="BL1327" s="85"/>
      <c r="BM1327" s="85"/>
      <c r="BN1327" s="85"/>
      <c r="BO1327" s="85"/>
      <c r="BP1327" s="85"/>
      <c r="BQ1327" s="85"/>
      <c r="BR1327" s="85"/>
      <c r="BS1327" s="85"/>
      <c r="BT1327" s="85"/>
      <c r="BU1327" s="85"/>
      <c r="BV1327" s="85"/>
      <c r="BW1327" s="85"/>
      <c r="BX1327" s="85"/>
      <c r="BY1327" s="85"/>
      <c r="BZ1327" s="85"/>
      <c r="CA1327" s="85"/>
      <c r="CB1327" s="85"/>
      <c r="CC1327" s="85"/>
      <c r="CD1327" s="85"/>
      <c r="CE1327" s="85"/>
      <c r="CF1327" s="85"/>
      <c r="CG1327" s="85"/>
    </row>
    <row r="1328" spans="1:85" s="9" customFormat="1" x14ac:dyDescent="0.2">
      <c r="A1328" s="85"/>
      <c r="J1328" s="85"/>
      <c r="K1328" s="85"/>
      <c r="L1328" s="85"/>
      <c r="M1328" s="85"/>
      <c r="N1328" s="85"/>
      <c r="O1328" s="85"/>
      <c r="P1328" s="85"/>
      <c r="Q1328" s="85"/>
      <c r="R1328" s="85"/>
      <c r="S1328" s="85"/>
      <c r="T1328" s="85"/>
      <c r="U1328" s="85"/>
      <c r="V1328" s="85"/>
      <c r="W1328" s="85"/>
      <c r="X1328" s="85"/>
      <c r="Y1328" s="85"/>
      <c r="Z1328" s="85"/>
      <c r="AA1328" s="85"/>
      <c r="AB1328" s="85"/>
      <c r="AC1328" s="85"/>
      <c r="AD1328" s="85"/>
      <c r="AE1328" s="85"/>
      <c r="AF1328" s="85"/>
      <c r="AG1328" s="85"/>
      <c r="AH1328" s="85"/>
      <c r="AI1328" s="85"/>
      <c r="AJ1328" s="85"/>
      <c r="AK1328" s="85"/>
      <c r="AL1328" s="85"/>
      <c r="AM1328" s="85"/>
      <c r="AN1328" s="85"/>
      <c r="AO1328" s="85"/>
      <c r="AP1328" s="85"/>
      <c r="AQ1328" s="85"/>
      <c r="AR1328" s="85"/>
      <c r="AS1328" s="85"/>
      <c r="AT1328" s="85"/>
      <c r="AU1328" s="85"/>
      <c r="AV1328" s="85"/>
      <c r="AW1328" s="85"/>
      <c r="AX1328" s="85"/>
      <c r="AY1328" s="85"/>
      <c r="AZ1328" s="85"/>
      <c r="BA1328" s="85"/>
      <c r="BB1328" s="85"/>
      <c r="BC1328" s="85"/>
      <c r="BD1328" s="85"/>
      <c r="BE1328" s="85"/>
      <c r="BF1328" s="85"/>
      <c r="BG1328" s="85"/>
      <c r="BH1328" s="85"/>
      <c r="BI1328" s="85"/>
      <c r="BJ1328" s="85"/>
      <c r="BK1328" s="85"/>
      <c r="BL1328" s="85"/>
      <c r="BM1328" s="85"/>
      <c r="BN1328" s="85"/>
      <c r="BO1328" s="85"/>
      <c r="BP1328" s="85"/>
      <c r="BQ1328" s="85"/>
      <c r="BR1328" s="85"/>
      <c r="BS1328" s="85"/>
      <c r="BT1328" s="85"/>
      <c r="BU1328" s="85"/>
      <c r="BV1328" s="85"/>
      <c r="BW1328" s="85"/>
      <c r="BX1328" s="85"/>
      <c r="BY1328" s="85"/>
      <c r="BZ1328" s="85"/>
      <c r="CA1328" s="85"/>
      <c r="CB1328" s="85"/>
      <c r="CC1328" s="85"/>
      <c r="CD1328" s="85"/>
      <c r="CE1328" s="85"/>
      <c r="CF1328" s="85"/>
      <c r="CG1328" s="85"/>
    </row>
    <row r="1329" spans="1:85" s="9" customFormat="1" x14ac:dyDescent="0.2">
      <c r="A1329" s="85"/>
      <c r="J1329" s="85"/>
      <c r="K1329" s="85"/>
      <c r="L1329" s="85"/>
      <c r="M1329" s="85"/>
      <c r="N1329" s="85"/>
      <c r="O1329" s="85"/>
      <c r="P1329" s="85"/>
      <c r="Q1329" s="85"/>
      <c r="R1329" s="85"/>
      <c r="S1329" s="85"/>
      <c r="T1329" s="85"/>
      <c r="U1329" s="85"/>
      <c r="V1329" s="85"/>
      <c r="W1329" s="85"/>
      <c r="X1329" s="85"/>
      <c r="Y1329" s="85"/>
      <c r="Z1329" s="85"/>
      <c r="AA1329" s="85"/>
      <c r="AB1329" s="85"/>
      <c r="AC1329" s="85"/>
      <c r="AD1329" s="85"/>
      <c r="AE1329" s="85"/>
      <c r="AF1329" s="85"/>
      <c r="AG1329" s="85"/>
      <c r="AH1329" s="85"/>
      <c r="AI1329" s="85"/>
      <c r="AJ1329" s="85"/>
      <c r="AK1329" s="85"/>
      <c r="AL1329" s="85"/>
      <c r="AM1329" s="85"/>
      <c r="AN1329" s="85"/>
      <c r="AO1329" s="85"/>
      <c r="AP1329" s="85"/>
      <c r="AQ1329" s="85"/>
      <c r="AR1329" s="85"/>
      <c r="AS1329" s="85"/>
      <c r="AT1329" s="85"/>
      <c r="AU1329" s="85"/>
      <c r="AV1329" s="85"/>
      <c r="AW1329" s="85"/>
      <c r="AX1329" s="85"/>
      <c r="AY1329" s="85"/>
      <c r="AZ1329" s="85"/>
      <c r="BA1329" s="85"/>
      <c r="BB1329" s="85"/>
      <c r="BC1329" s="85"/>
      <c r="BD1329" s="85"/>
      <c r="BE1329" s="85"/>
      <c r="BF1329" s="85"/>
      <c r="BG1329" s="85"/>
      <c r="BH1329" s="85"/>
      <c r="BI1329" s="85"/>
      <c r="BJ1329" s="85"/>
      <c r="BK1329" s="85"/>
      <c r="BL1329" s="85"/>
      <c r="BM1329" s="85"/>
      <c r="BN1329" s="85"/>
      <c r="BO1329" s="85"/>
      <c r="BP1329" s="85"/>
      <c r="BQ1329" s="85"/>
      <c r="BR1329" s="85"/>
      <c r="BS1329" s="85"/>
      <c r="BT1329" s="85"/>
      <c r="BU1329" s="85"/>
      <c r="BV1329" s="85"/>
      <c r="BW1329" s="85"/>
      <c r="BX1329" s="85"/>
      <c r="BY1329" s="85"/>
      <c r="BZ1329" s="85"/>
      <c r="CA1329" s="85"/>
      <c r="CB1329" s="85"/>
      <c r="CC1329" s="85"/>
      <c r="CD1329" s="85"/>
      <c r="CE1329" s="85"/>
      <c r="CF1329" s="85"/>
      <c r="CG1329" s="85"/>
    </row>
    <row r="1330" spans="1:85" s="9" customFormat="1" x14ac:dyDescent="0.2">
      <c r="A1330" s="85"/>
      <c r="J1330" s="85"/>
      <c r="K1330" s="85"/>
      <c r="L1330" s="85"/>
      <c r="M1330" s="85"/>
      <c r="N1330" s="85"/>
      <c r="O1330" s="85"/>
      <c r="P1330" s="85"/>
      <c r="Q1330" s="85"/>
      <c r="R1330" s="85"/>
      <c r="S1330" s="85"/>
      <c r="T1330" s="85"/>
      <c r="U1330" s="85"/>
      <c r="V1330" s="85"/>
      <c r="W1330" s="85"/>
      <c r="X1330" s="85"/>
      <c r="Y1330" s="85"/>
      <c r="Z1330" s="85"/>
      <c r="AA1330" s="85"/>
      <c r="AB1330" s="85"/>
      <c r="AC1330" s="85"/>
      <c r="AD1330" s="85"/>
      <c r="AE1330" s="85"/>
      <c r="AF1330" s="85"/>
      <c r="AG1330" s="85"/>
      <c r="AH1330" s="85"/>
      <c r="AI1330" s="85"/>
      <c r="AJ1330" s="85"/>
      <c r="AK1330" s="85"/>
      <c r="AL1330" s="85"/>
      <c r="AM1330" s="85"/>
      <c r="AN1330" s="85"/>
      <c r="AO1330" s="85"/>
      <c r="AP1330" s="85"/>
      <c r="AQ1330" s="85"/>
      <c r="AR1330" s="85"/>
      <c r="AS1330" s="85"/>
      <c r="AT1330" s="85"/>
      <c r="AU1330" s="85"/>
      <c r="AV1330" s="85"/>
      <c r="AW1330" s="85"/>
      <c r="AX1330" s="85"/>
      <c r="AY1330" s="85"/>
      <c r="AZ1330" s="85"/>
      <c r="BA1330" s="85"/>
      <c r="BB1330" s="85"/>
      <c r="BC1330" s="85"/>
      <c r="BD1330" s="85"/>
      <c r="BE1330" s="85"/>
      <c r="BF1330" s="85"/>
      <c r="BG1330" s="85"/>
      <c r="BH1330" s="85"/>
      <c r="BI1330" s="85"/>
      <c r="BJ1330" s="85"/>
      <c r="BK1330" s="85"/>
      <c r="BL1330" s="85"/>
      <c r="BM1330" s="85"/>
      <c r="BN1330" s="85"/>
      <c r="BO1330" s="85"/>
      <c r="BP1330" s="85"/>
      <c r="BQ1330" s="85"/>
      <c r="BR1330" s="85"/>
      <c r="BS1330" s="85"/>
      <c r="BT1330" s="85"/>
      <c r="BU1330" s="85"/>
      <c r="BV1330" s="85"/>
      <c r="BW1330" s="85"/>
      <c r="BX1330" s="85"/>
      <c r="BY1330" s="85"/>
      <c r="BZ1330" s="85"/>
      <c r="CA1330" s="85"/>
      <c r="CB1330" s="85"/>
      <c r="CC1330" s="85"/>
      <c r="CD1330" s="85"/>
      <c r="CE1330" s="85"/>
      <c r="CF1330" s="85"/>
      <c r="CG1330" s="85"/>
    </row>
    <row r="1331" spans="1:85" s="9" customFormat="1" x14ac:dyDescent="0.2">
      <c r="A1331" s="85"/>
      <c r="J1331" s="85"/>
      <c r="K1331" s="85"/>
      <c r="L1331" s="85"/>
      <c r="M1331" s="85"/>
      <c r="N1331" s="85"/>
      <c r="O1331" s="85"/>
      <c r="P1331" s="85"/>
      <c r="Q1331" s="85"/>
      <c r="R1331" s="85"/>
      <c r="S1331" s="85"/>
      <c r="T1331" s="85"/>
      <c r="U1331" s="85"/>
      <c r="V1331" s="85"/>
      <c r="W1331" s="85"/>
      <c r="X1331" s="85"/>
      <c r="Y1331" s="85"/>
      <c r="Z1331" s="85"/>
      <c r="AA1331" s="85"/>
      <c r="AB1331" s="85"/>
      <c r="AC1331" s="85"/>
      <c r="AD1331" s="85"/>
      <c r="AE1331" s="85"/>
      <c r="AF1331" s="85"/>
      <c r="AG1331" s="85"/>
      <c r="AH1331" s="85"/>
      <c r="AI1331" s="85"/>
      <c r="AJ1331" s="85"/>
      <c r="AK1331" s="85"/>
      <c r="AL1331" s="85"/>
      <c r="AM1331" s="85"/>
      <c r="AN1331" s="85"/>
      <c r="AO1331" s="85"/>
      <c r="AP1331" s="85"/>
      <c r="AQ1331" s="85"/>
      <c r="AR1331" s="85"/>
      <c r="AS1331" s="85"/>
      <c r="AT1331" s="85"/>
      <c r="AU1331" s="85"/>
      <c r="AV1331" s="85"/>
      <c r="AW1331" s="85"/>
      <c r="AX1331" s="85"/>
      <c r="AY1331" s="85"/>
      <c r="AZ1331" s="85"/>
      <c r="BA1331" s="85"/>
      <c r="BB1331" s="85"/>
      <c r="BC1331" s="85"/>
      <c r="BD1331" s="85"/>
      <c r="BE1331" s="85"/>
      <c r="BF1331" s="85"/>
      <c r="BG1331" s="85"/>
      <c r="BH1331" s="85"/>
      <c r="BI1331" s="85"/>
      <c r="BJ1331" s="85"/>
      <c r="BK1331" s="85"/>
      <c r="BL1331" s="85"/>
      <c r="BM1331" s="85"/>
      <c r="BN1331" s="85"/>
      <c r="BO1331" s="85"/>
      <c r="BP1331" s="85"/>
      <c r="BQ1331" s="85"/>
      <c r="BR1331" s="85"/>
      <c r="BS1331" s="85"/>
      <c r="BT1331" s="85"/>
      <c r="BU1331" s="85"/>
      <c r="BV1331" s="85"/>
      <c r="BW1331" s="85"/>
      <c r="BX1331" s="85"/>
      <c r="BY1331" s="85"/>
      <c r="BZ1331" s="85"/>
      <c r="CA1331" s="85"/>
      <c r="CB1331" s="85"/>
      <c r="CC1331" s="85"/>
      <c r="CD1331" s="85"/>
      <c r="CE1331" s="85"/>
      <c r="CF1331" s="85"/>
      <c r="CG1331" s="85"/>
    </row>
    <row r="1332" spans="1:85" s="9" customFormat="1" x14ac:dyDescent="0.2">
      <c r="A1332" s="85"/>
      <c r="J1332" s="85"/>
      <c r="K1332" s="85"/>
      <c r="L1332" s="85"/>
      <c r="M1332" s="85"/>
      <c r="N1332" s="85"/>
      <c r="O1332" s="85"/>
      <c r="P1332" s="85"/>
      <c r="Q1332" s="85"/>
      <c r="R1332" s="85"/>
      <c r="S1332" s="85"/>
      <c r="T1332" s="85"/>
      <c r="U1332" s="85"/>
      <c r="V1332" s="85"/>
      <c r="W1332" s="85"/>
      <c r="X1332" s="85"/>
      <c r="Y1332" s="85"/>
      <c r="Z1332" s="85"/>
      <c r="AA1332" s="85"/>
      <c r="AB1332" s="85"/>
      <c r="AC1332" s="85"/>
      <c r="AD1332" s="85"/>
      <c r="AE1332" s="85"/>
      <c r="AF1332" s="85"/>
      <c r="AG1332" s="85"/>
      <c r="AH1332" s="85"/>
      <c r="AI1332" s="85"/>
      <c r="AJ1332" s="85"/>
      <c r="AK1332" s="85"/>
      <c r="AL1332" s="85"/>
      <c r="AM1332" s="85"/>
      <c r="AN1332" s="85"/>
      <c r="AO1332" s="85"/>
      <c r="AP1332" s="85"/>
      <c r="AQ1332" s="85"/>
      <c r="AR1332" s="85"/>
      <c r="AS1332" s="85"/>
      <c r="AT1332" s="85"/>
      <c r="AU1332" s="85"/>
      <c r="AV1332" s="85"/>
      <c r="AW1332" s="85"/>
      <c r="AX1332" s="85"/>
      <c r="AY1332" s="85"/>
      <c r="AZ1332" s="85"/>
      <c r="BA1332" s="85"/>
      <c r="BB1332" s="85"/>
      <c r="BC1332" s="85"/>
      <c r="BD1332" s="85"/>
      <c r="BE1332" s="85"/>
      <c r="BF1332" s="85"/>
      <c r="BG1332" s="85"/>
      <c r="BH1332" s="85"/>
      <c r="BI1332" s="85"/>
      <c r="BJ1332" s="85"/>
      <c r="BK1332" s="85"/>
      <c r="BL1332" s="85"/>
      <c r="BM1332" s="85"/>
      <c r="BN1332" s="85"/>
      <c r="BO1332" s="85"/>
      <c r="BP1332" s="85"/>
      <c r="BQ1332" s="85"/>
      <c r="BR1332" s="85"/>
      <c r="BS1332" s="85"/>
      <c r="BT1332" s="85"/>
      <c r="BU1332" s="85"/>
      <c r="BV1332" s="85"/>
      <c r="BW1332" s="85"/>
      <c r="BX1332" s="85"/>
      <c r="BY1332" s="85"/>
      <c r="BZ1332" s="85"/>
      <c r="CA1332" s="85"/>
      <c r="CB1332" s="85"/>
      <c r="CC1332" s="85"/>
      <c r="CD1332" s="85"/>
      <c r="CE1332" s="85"/>
      <c r="CF1332" s="85"/>
      <c r="CG1332" s="85"/>
    </row>
    <row r="1333" spans="1:85" s="9" customFormat="1" x14ac:dyDescent="0.2">
      <c r="A1333" s="85"/>
      <c r="J1333" s="85"/>
      <c r="K1333" s="85"/>
      <c r="L1333" s="85"/>
      <c r="M1333" s="85"/>
      <c r="N1333" s="85"/>
      <c r="O1333" s="85"/>
      <c r="P1333" s="85"/>
      <c r="Q1333" s="85"/>
      <c r="R1333" s="85"/>
      <c r="S1333" s="85"/>
      <c r="T1333" s="85"/>
      <c r="U1333" s="85"/>
      <c r="V1333" s="85"/>
      <c r="W1333" s="85"/>
      <c r="X1333" s="85"/>
      <c r="Y1333" s="85"/>
      <c r="Z1333" s="85"/>
      <c r="AA1333" s="85"/>
      <c r="AB1333" s="85"/>
      <c r="AC1333" s="85"/>
      <c r="AD1333" s="85"/>
      <c r="AE1333" s="85"/>
      <c r="AF1333" s="85"/>
      <c r="AG1333" s="85"/>
      <c r="AH1333" s="85"/>
      <c r="AI1333" s="85"/>
      <c r="AJ1333" s="85"/>
      <c r="AK1333" s="85"/>
      <c r="AL1333" s="85"/>
      <c r="AM1333" s="85"/>
      <c r="AN1333" s="85"/>
      <c r="AO1333" s="85"/>
      <c r="AP1333" s="85"/>
      <c r="AQ1333" s="85"/>
      <c r="AR1333" s="85"/>
      <c r="AS1333" s="85"/>
      <c r="AT1333" s="85"/>
      <c r="AU1333" s="85"/>
      <c r="AV1333" s="85"/>
      <c r="AW1333" s="85"/>
      <c r="AX1333" s="85"/>
      <c r="AY1333" s="85"/>
      <c r="AZ1333" s="85"/>
      <c r="BA1333" s="85"/>
      <c r="BB1333" s="85"/>
      <c r="BC1333" s="85"/>
      <c r="BD1333" s="85"/>
      <c r="BE1333" s="85"/>
      <c r="BF1333" s="85"/>
      <c r="BG1333" s="85"/>
      <c r="BH1333" s="85"/>
      <c r="BI1333" s="85"/>
      <c r="BJ1333" s="85"/>
      <c r="BK1333" s="85"/>
      <c r="BL1333" s="85"/>
      <c r="BM1333" s="85"/>
      <c r="BN1333" s="85"/>
      <c r="BO1333" s="85"/>
      <c r="BP1333" s="85"/>
      <c r="BQ1333" s="85"/>
      <c r="BR1333" s="85"/>
      <c r="BS1333" s="85"/>
      <c r="BT1333" s="85"/>
      <c r="BU1333" s="85"/>
      <c r="BV1333" s="85"/>
      <c r="BW1333" s="85"/>
      <c r="BX1333" s="85"/>
      <c r="BY1333" s="85"/>
      <c r="BZ1333" s="85"/>
      <c r="CA1333" s="85"/>
      <c r="CB1333" s="85"/>
      <c r="CC1333" s="85"/>
      <c r="CD1333" s="85"/>
      <c r="CE1333" s="85"/>
      <c r="CF1333" s="85"/>
      <c r="CG1333" s="85"/>
    </row>
    <row r="1334" spans="1:85" s="9" customFormat="1" x14ac:dyDescent="0.2">
      <c r="A1334" s="85"/>
      <c r="J1334" s="85"/>
      <c r="K1334" s="85"/>
      <c r="L1334" s="85"/>
      <c r="M1334" s="85"/>
      <c r="N1334" s="85"/>
      <c r="O1334" s="85"/>
      <c r="P1334" s="85"/>
      <c r="Q1334" s="85"/>
      <c r="R1334" s="85"/>
      <c r="S1334" s="85"/>
      <c r="T1334" s="85"/>
      <c r="U1334" s="85"/>
      <c r="V1334" s="85"/>
      <c r="W1334" s="85"/>
      <c r="X1334" s="85"/>
      <c r="Y1334" s="85"/>
      <c r="Z1334" s="85"/>
      <c r="AA1334" s="85"/>
      <c r="AB1334" s="85"/>
      <c r="AC1334" s="85"/>
      <c r="AD1334" s="85"/>
      <c r="AE1334" s="85"/>
      <c r="AF1334" s="85"/>
      <c r="AG1334" s="85"/>
      <c r="AH1334" s="85"/>
      <c r="AI1334" s="85"/>
      <c r="AJ1334" s="85"/>
      <c r="AK1334" s="85"/>
      <c r="AL1334" s="85"/>
      <c r="AM1334" s="85"/>
      <c r="AN1334" s="85"/>
      <c r="AO1334" s="85"/>
      <c r="AP1334" s="85"/>
      <c r="AQ1334" s="85"/>
      <c r="AR1334" s="85"/>
      <c r="AS1334" s="85"/>
      <c r="AT1334" s="85"/>
      <c r="AU1334" s="85"/>
      <c r="AV1334" s="85"/>
      <c r="AW1334" s="85"/>
      <c r="AX1334" s="85"/>
      <c r="AY1334" s="85"/>
      <c r="AZ1334" s="85"/>
      <c r="BA1334" s="85"/>
      <c r="BB1334" s="85"/>
      <c r="BC1334" s="85"/>
      <c r="BD1334" s="85"/>
      <c r="BE1334" s="85"/>
      <c r="BF1334" s="85"/>
      <c r="BG1334" s="85"/>
      <c r="BH1334" s="85"/>
      <c r="BI1334" s="85"/>
      <c r="BJ1334" s="85"/>
      <c r="BK1334" s="85"/>
      <c r="BL1334" s="85"/>
      <c r="BM1334" s="85"/>
      <c r="BN1334" s="85"/>
      <c r="BO1334" s="85"/>
      <c r="BP1334" s="85"/>
      <c r="BQ1334" s="85"/>
      <c r="BR1334" s="85"/>
      <c r="BS1334" s="85"/>
      <c r="BT1334" s="85"/>
      <c r="BU1334" s="85"/>
      <c r="BV1334" s="85"/>
      <c r="BW1334" s="85"/>
      <c r="BX1334" s="85"/>
      <c r="BY1334" s="85"/>
      <c r="BZ1334" s="85"/>
      <c r="CA1334" s="85"/>
      <c r="CB1334" s="85"/>
      <c r="CC1334" s="85"/>
      <c r="CD1334" s="85"/>
      <c r="CE1334" s="85"/>
      <c r="CF1334" s="85"/>
      <c r="CG1334" s="85"/>
    </row>
    <row r="1335" spans="1:85" s="9" customFormat="1" x14ac:dyDescent="0.2">
      <c r="A1335" s="85"/>
      <c r="J1335" s="85"/>
      <c r="K1335" s="85"/>
      <c r="L1335" s="85"/>
      <c r="M1335" s="85"/>
      <c r="N1335" s="85"/>
      <c r="O1335" s="85"/>
      <c r="P1335" s="85"/>
      <c r="Q1335" s="85"/>
      <c r="R1335" s="85"/>
      <c r="S1335" s="85"/>
      <c r="T1335" s="85"/>
      <c r="U1335" s="85"/>
      <c r="V1335" s="85"/>
      <c r="W1335" s="85"/>
      <c r="X1335" s="85"/>
      <c r="Y1335" s="85"/>
      <c r="Z1335" s="85"/>
      <c r="AA1335" s="85"/>
      <c r="AB1335" s="85"/>
      <c r="AC1335" s="85"/>
      <c r="AD1335" s="85"/>
      <c r="AE1335" s="85"/>
      <c r="AF1335" s="85"/>
      <c r="AG1335" s="85"/>
      <c r="AH1335" s="85"/>
      <c r="AI1335" s="85"/>
      <c r="AJ1335" s="85"/>
      <c r="AK1335" s="85"/>
      <c r="AL1335" s="85"/>
      <c r="AM1335" s="85"/>
      <c r="AN1335" s="85"/>
      <c r="AO1335" s="85"/>
      <c r="AP1335" s="85"/>
      <c r="AQ1335" s="85"/>
      <c r="AR1335" s="85"/>
      <c r="AS1335" s="85"/>
      <c r="AT1335" s="85"/>
      <c r="AU1335" s="85"/>
      <c r="AV1335" s="85"/>
      <c r="AW1335" s="85"/>
      <c r="AX1335" s="85"/>
      <c r="AY1335" s="85"/>
      <c r="AZ1335" s="85"/>
      <c r="BA1335" s="85"/>
      <c r="BB1335" s="85"/>
      <c r="BC1335" s="85"/>
      <c r="BD1335" s="85"/>
      <c r="BE1335" s="85"/>
      <c r="BF1335" s="85"/>
      <c r="BG1335" s="85"/>
      <c r="BH1335" s="85"/>
      <c r="BI1335" s="85"/>
      <c r="BJ1335" s="85"/>
      <c r="BK1335" s="85"/>
      <c r="BL1335" s="85"/>
      <c r="BM1335" s="85"/>
      <c r="BN1335" s="85"/>
      <c r="BO1335" s="85"/>
      <c r="BP1335" s="85"/>
      <c r="BQ1335" s="85"/>
      <c r="BR1335" s="85"/>
      <c r="BS1335" s="85"/>
      <c r="BT1335" s="85"/>
      <c r="BU1335" s="85"/>
      <c r="BV1335" s="85"/>
      <c r="BW1335" s="85"/>
      <c r="BX1335" s="85"/>
      <c r="BY1335" s="85"/>
      <c r="BZ1335" s="85"/>
      <c r="CA1335" s="85"/>
      <c r="CB1335" s="85"/>
      <c r="CC1335" s="85"/>
      <c r="CD1335" s="85"/>
      <c r="CE1335" s="85"/>
      <c r="CF1335" s="85"/>
      <c r="CG1335" s="85"/>
    </row>
    <row r="1336" spans="1:85" s="9" customFormat="1" x14ac:dyDescent="0.2">
      <c r="A1336" s="85"/>
      <c r="J1336" s="85"/>
      <c r="K1336" s="85"/>
      <c r="L1336" s="85"/>
      <c r="M1336" s="85"/>
      <c r="N1336" s="85"/>
      <c r="O1336" s="85"/>
      <c r="P1336" s="85"/>
      <c r="Q1336" s="85"/>
      <c r="R1336" s="85"/>
      <c r="S1336" s="85"/>
      <c r="T1336" s="85"/>
      <c r="U1336" s="85"/>
      <c r="V1336" s="85"/>
      <c r="W1336" s="85"/>
      <c r="X1336" s="85"/>
      <c r="Y1336" s="85"/>
      <c r="Z1336" s="85"/>
      <c r="AA1336" s="85"/>
      <c r="AB1336" s="85"/>
      <c r="AC1336" s="85"/>
      <c r="AD1336" s="85"/>
      <c r="AE1336" s="85"/>
      <c r="AF1336" s="85"/>
      <c r="AG1336" s="85"/>
      <c r="AH1336" s="85"/>
      <c r="AI1336" s="85"/>
      <c r="AJ1336" s="85"/>
      <c r="AK1336" s="85"/>
      <c r="AL1336" s="85"/>
      <c r="AM1336" s="85"/>
      <c r="AN1336" s="85"/>
      <c r="AO1336" s="85"/>
      <c r="AP1336" s="85"/>
      <c r="AQ1336" s="85"/>
      <c r="AR1336" s="85"/>
      <c r="AS1336" s="85"/>
      <c r="AT1336" s="85"/>
      <c r="AU1336" s="85"/>
      <c r="AV1336" s="85"/>
      <c r="AW1336" s="85"/>
      <c r="AX1336" s="85"/>
      <c r="AY1336" s="85"/>
      <c r="AZ1336" s="85"/>
      <c r="BA1336" s="85"/>
      <c r="BB1336" s="85"/>
      <c r="BC1336" s="85"/>
      <c r="BD1336" s="85"/>
      <c r="BE1336" s="85"/>
      <c r="BF1336" s="85"/>
      <c r="BG1336" s="85"/>
      <c r="BH1336" s="85"/>
      <c r="BI1336" s="85"/>
      <c r="BJ1336" s="85"/>
      <c r="BK1336" s="85"/>
      <c r="BL1336" s="85"/>
      <c r="BM1336" s="85"/>
      <c r="BN1336" s="85"/>
      <c r="BO1336" s="85"/>
      <c r="BP1336" s="85"/>
      <c r="BQ1336" s="85"/>
      <c r="BR1336" s="85"/>
      <c r="BS1336" s="85"/>
      <c r="BT1336" s="85"/>
      <c r="BU1336" s="85"/>
      <c r="BV1336" s="85"/>
      <c r="BW1336" s="85"/>
      <c r="BX1336" s="85"/>
      <c r="BY1336" s="85"/>
      <c r="BZ1336" s="85"/>
      <c r="CA1336" s="85"/>
      <c r="CB1336" s="85"/>
      <c r="CC1336" s="85"/>
      <c r="CD1336" s="85"/>
      <c r="CE1336" s="85"/>
      <c r="CF1336" s="85"/>
      <c r="CG1336" s="85"/>
    </row>
    <row r="1337" spans="1:85" s="9" customFormat="1" x14ac:dyDescent="0.2">
      <c r="A1337" s="85"/>
      <c r="J1337" s="85"/>
      <c r="K1337" s="85"/>
      <c r="L1337" s="85"/>
      <c r="M1337" s="85"/>
      <c r="N1337" s="85"/>
      <c r="O1337" s="85"/>
      <c r="P1337" s="85"/>
      <c r="Q1337" s="85"/>
      <c r="R1337" s="85"/>
      <c r="S1337" s="85"/>
      <c r="T1337" s="85"/>
      <c r="U1337" s="85"/>
      <c r="V1337" s="85"/>
      <c r="W1337" s="85"/>
      <c r="X1337" s="85"/>
      <c r="Y1337" s="85"/>
      <c r="Z1337" s="85"/>
      <c r="AA1337" s="85"/>
      <c r="AB1337" s="85"/>
      <c r="AC1337" s="85"/>
      <c r="AD1337" s="85"/>
      <c r="AE1337" s="85"/>
      <c r="AF1337" s="85"/>
      <c r="AG1337" s="85"/>
      <c r="AH1337" s="85"/>
      <c r="AI1337" s="85"/>
      <c r="AJ1337" s="85"/>
      <c r="AK1337" s="85"/>
      <c r="AL1337" s="85"/>
      <c r="AM1337" s="85"/>
      <c r="AN1337" s="85"/>
      <c r="AO1337" s="85"/>
      <c r="AP1337" s="85"/>
      <c r="AQ1337" s="85"/>
      <c r="AR1337" s="85"/>
      <c r="AS1337" s="85"/>
      <c r="AT1337" s="85"/>
      <c r="AU1337" s="85"/>
      <c r="AV1337" s="85"/>
      <c r="AW1337" s="85"/>
      <c r="AX1337" s="85"/>
      <c r="AY1337" s="85"/>
      <c r="AZ1337" s="85"/>
      <c r="BA1337" s="85"/>
      <c r="BB1337" s="85"/>
      <c r="BC1337" s="85"/>
      <c r="BD1337" s="85"/>
      <c r="BE1337" s="85"/>
      <c r="BF1337" s="85"/>
      <c r="BG1337" s="85"/>
      <c r="BH1337" s="85"/>
      <c r="BI1337" s="85"/>
      <c r="BJ1337" s="85"/>
      <c r="BK1337" s="85"/>
      <c r="BL1337" s="85"/>
      <c r="BM1337" s="85"/>
      <c r="BN1337" s="85"/>
      <c r="BO1337" s="85"/>
      <c r="BP1337" s="85"/>
      <c r="BQ1337" s="85"/>
      <c r="BR1337" s="85"/>
      <c r="BS1337" s="85"/>
      <c r="BT1337" s="85"/>
      <c r="BU1337" s="85"/>
      <c r="BV1337" s="85"/>
      <c r="BW1337" s="85"/>
      <c r="BX1337" s="85"/>
      <c r="BY1337" s="85"/>
      <c r="BZ1337" s="85"/>
      <c r="CA1337" s="85"/>
      <c r="CB1337" s="85"/>
      <c r="CC1337" s="85"/>
      <c r="CD1337" s="85"/>
      <c r="CE1337" s="85"/>
      <c r="CF1337" s="85"/>
      <c r="CG1337" s="85"/>
    </row>
    <row r="1338" spans="1:85" s="9" customFormat="1" x14ac:dyDescent="0.2">
      <c r="A1338" s="85"/>
      <c r="J1338" s="85"/>
      <c r="K1338" s="85"/>
      <c r="L1338" s="85"/>
      <c r="M1338" s="85"/>
      <c r="N1338" s="85"/>
      <c r="O1338" s="85"/>
      <c r="P1338" s="85"/>
      <c r="Q1338" s="85"/>
      <c r="R1338" s="85"/>
      <c r="S1338" s="85"/>
      <c r="T1338" s="85"/>
      <c r="U1338" s="85"/>
      <c r="V1338" s="85"/>
      <c r="W1338" s="85"/>
      <c r="X1338" s="85"/>
      <c r="Y1338" s="85"/>
      <c r="Z1338" s="85"/>
      <c r="AA1338" s="85"/>
      <c r="AB1338" s="85"/>
      <c r="AC1338" s="85"/>
      <c r="AD1338" s="85"/>
      <c r="AE1338" s="85"/>
      <c r="AF1338" s="85"/>
      <c r="AG1338" s="85"/>
      <c r="AH1338" s="85"/>
      <c r="AI1338" s="85"/>
      <c r="AJ1338" s="85"/>
      <c r="AK1338" s="85"/>
      <c r="AL1338" s="85"/>
      <c r="AM1338" s="85"/>
      <c r="AN1338" s="85"/>
      <c r="AO1338" s="85"/>
      <c r="AP1338" s="85"/>
      <c r="AQ1338" s="85"/>
      <c r="AR1338" s="85"/>
      <c r="AS1338" s="85"/>
      <c r="AT1338" s="85"/>
      <c r="AU1338" s="85"/>
      <c r="AV1338" s="85"/>
      <c r="AW1338" s="85"/>
      <c r="AX1338" s="85"/>
      <c r="AY1338" s="85"/>
      <c r="AZ1338" s="85"/>
      <c r="BA1338" s="85"/>
      <c r="BB1338" s="85"/>
      <c r="BC1338" s="85"/>
      <c r="BD1338" s="85"/>
      <c r="BE1338" s="85"/>
      <c r="BF1338" s="85"/>
      <c r="BG1338" s="85"/>
      <c r="BH1338" s="85"/>
      <c r="BI1338" s="85"/>
      <c r="BJ1338" s="85"/>
      <c r="BK1338" s="85"/>
      <c r="BL1338" s="85"/>
      <c r="BM1338" s="85"/>
      <c r="BN1338" s="85"/>
      <c r="BO1338" s="85"/>
      <c r="BP1338" s="85"/>
      <c r="BQ1338" s="85"/>
      <c r="BR1338" s="85"/>
      <c r="BS1338" s="85"/>
      <c r="BT1338" s="85"/>
      <c r="BU1338" s="85"/>
      <c r="BV1338" s="85"/>
      <c r="BW1338" s="85"/>
      <c r="BX1338" s="85"/>
      <c r="BY1338" s="85"/>
      <c r="BZ1338" s="85"/>
      <c r="CA1338" s="85"/>
      <c r="CB1338" s="85"/>
      <c r="CC1338" s="85"/>
      <c r="CD1338" s="85"/>
      <c r="CE1338" s="85"/>
      <c r="CF1338" s="85"/>
      <c r="CG1338" s="85"/>
    </row>
    <row r="1339" spans="1:85" s="9" customFormat="1" x14ac:dyDescent="0.2">
      <c r="A1339" s="85"/>
      <c r="J1339" s="85"/>
      <c r="K1339" s="85"/>
      <c r="L1339" s="85"/>
      <c r="M1339" s="85"/>
      <c r="N1339" s="85"/>
      <c r="O1339" s="85"/>
      <c r="P1339" s="85"/>
      <c r="Q1339" s="85"/>
      <c r="R1339" s="85"/>
      <c r="S1339" s="85"/>
      <c r="T1339" s="85"/>
      <c r="U1339" s="85"/>
      <c r="V1339" s="85"/>
      <c r="W1339" s="85"/>
      <c r="X1339" s="85"/>
      <c r="Y1339" s="85"/>
      <c r="Z1339" s="85"/>
      <c r="AA1339" s="85"/>
      <c r="AB1339" s="85"/>
      <c r="AC1339" s="85"/>
      <c r="AD1339" s="85"/>
      <c r="AE1339" s="85"/>
      <c r="AF1339" s="85"/>
      <c r="AG1339" s="85"/>
      <c r="AH1339" s="85"/>
      <c r="AI1339" s="85"/>
      <c r="AJ1339" s="85"/>
      <c r="AK1339" s="85"/>
      <c r="AL1339" s="85"/>
      <c r="AM1339" s="85"/>
      <c r="AN1339" s="85"/>
      <c r="AO1339" s="85"/>
      <c r="AP1339" s="85"/>
      <c r="AQ1339" s="85"/>
      <c r="AR1339" s="85"/>
      <c r="AS1339" s="85"/>
      <c r="AT1339" s="85"/>
      <c r="AU1339" s="85"/>
      <c r="AV1339" s="85"/>
      <c r="AW1339" s="85"/>
      <c r="AX1339" s="85"/>
      <c r="AY1339" s="85"/>
      <c r="AZ1339" s="85"/>
      <c r="BA1339" s="85"/>
      <c r="BB1339" s="85"/>
      <c r="BC1339" s="85"/>
      <c r="BD1339" s="85"/>
      <c r="BE1339" s="85"/>
      <c r="BF1339" s="85"/>
      <c r="BG1339" s="85"/>
      <c r="BH1339" s="85"/>
      <c r="BI1339" s="85"/>
      <c r="BJ1339" s="85"/>
      <c r="BK1339" s="85"/>
      <c r="BL1339" s="85"/>
      <c r="BM1339" s="85"/>
      <c r="BN1339" s="85"/>
      <c r="BO1339" s="85"/>
      <c r="BP1339" s="85"/>
      <c r="BQ1339" s="85"/>
      <c r="BR1339" s="85"/>
      <c r="BS1339" s="85"/>
      <c r="BT1339" s="85"/>
      <c r="BU1339" s="85"/>
      <c r="BV1339" s="85"/>
      <c r="BW1339" s="85"/>
      <c r="BX1339" s="85"/>
      <c r="BY1339" s="85"/>
      <c r="BZ1339" s="85"/>
      <c r="CA1339" s="85"/>
      <c r="CB1339" s="85"/>
      <c r="CC1339" s="85"/>
      <c r="CD1339" s="85"/>
      <c r="CE1339" s="85"/>
      <c r="CF1339" s="85"/>
      <c r="CG1339" s="85"/>
    </row>
    <row r="1340" spans="1:85" s="9" customFormat="1" x14ac:dyDescent="0.2">
      <c r="A1340" s="85"/>
      <c r="J1340" s="85"/>
      <c r="K1340" s="85"/>
      <c r="L1340" s="85"/>
      <c r="M1340" s="85"/>
      <c r="N1340" s="85"/>
      <c r="O1340" s="85"/>
      <c r="P1340" s="85"/>
      <c r="Q1340" s="85"/>
      <c r="R1340" s="85"/>
      <c r="S1340" s="85"/>
      <c r="T1340" s="85"/>
      <c r="U1340" s="85"/>
      <c r="V1340" s="85"/>
      <c r="W1340" s="85"/>
      <c r="X1340" s="85"/>
      <c r="Y1340" s="85"/>
      <c r="Z1340" s="85"/>
      <c r="AA1340" s="85"/>
      <c r="AB1340" s="85"/>
      <c r="AC1340" s="85"/>
      <c r="AD1340" s="85"/>
      <c r="AE1340" s="85"/>
      <c r="AF1340" s="85"/>
      <c r="AG1340" s="85"/>
      <c r="AH1340" s="85"/>
      <c r="AI1340" s="85"/>
      <c r="AJ1340" s="85"/>
      <c r="AK1340" s="85"/>
      <c r="AL1340" s="85"/>
      <c r="AM1340" s="85"/>
      <c r="AN1340" s="85"/>
      <c r="AO1340" s="85"/>
      <c r="AP1340" s="85"/>
      <c r="AQ1340" s="85"/>
      <c r="AR1340" s="85"/>
      <c r="AS1340" s="85"/>
      <c r="AT1340" s="85"/>
      <c r="AU1340" s="85"/>
      <c r="AV1340" s="85"/>
      <c r="AW1340" s="85"/>
      <c r="AX1340" s="85"/>
      <c r="AY1340" s="85"/>
      <c r="AZ1340" s="85"/>
      <c r="BA1340" s="85"/>
      <c r="BB1340" s="85"/>
      <c r="BC1340" s="85"/>
      <c r="BD1340" s="85"/>
      <c r="BE1340" s="85"/>
      <c r="BF1340" s="85"/>
      <c r="BG1340" s="85"/>
      <c r="BH1340" s="85"/>
      <c r="BI1340" s="85"/>
      <c r="BJ1340" s="85"/>
      <c r="BK1340" s="85"/>
      <c r="BL1340" s="85"/>
      <c r="BM1340" s="85"/>
      <c r="BN1340" s="85"/>
      <c r="BO1340" s="85"/>
      <c r="BP1340" s="85"/>
      <c r="BQ1340" s="85"/>
      <c r="BR1340" s="85"/>
      <c r="BS1340" s="85"/>
      <c r="BT1340" s="85"/>
      <c r="BU1340" s="85"/>
      <c r="BV1340" s="85"/>
      <c r="BW1340" s="85"/>
      <c r="BX1340" s="85"/>
      <c r="BY1340" s="85"/>
      <c r="BZ1340" s="85"/>
      <c r="CA1340" s="85"/>
      <c r="CB1340" s="85"/>
      <c r="CC1340" s="85"/>
      <c r="CD1340" s="85"/>
      <c r="CE1340" s="85"/>
      <c r="CF1340" s="85"/>
      <c r="CG1340" s="85"/>
    </row>
    <row r="1341" spans="1:85" s="9" customFormat="1" x14ac:dyDescent="0.2">
      <c r="A1341" s="85"/>
      <c r="J1341" s="85"/>
      <c r="K1341" s="85"/>
      <c r="L1341" s="85"/>
      <c r="M1341" s="85"/>
      <c r="N1341" s="85"/>
      <c r="O1341" s="85"/>
      <c r="P1341" s="85"/>
      <c r="Q1341" s="85"/>
      <c r="R1341" s="85"/>
      <c r="S1341" s="85"/>
      <c r="T1341" s="85"/>
      <c r="U1341" s="85"/>
      <c r="V1341" s="85"/>
      <c r="W1341" s="85"/>
      <c r="X1341" s="85"/>
      <c r="Y1341" s="85"/>
      <c r="Z1341" s="85"/>
      <c r="AA1341" s="85"/>
      <c r="AB1341" s="85"/>
      <c r="AC1341" s="85"/>
      <c r="AD1341" s="85"/>
      <c r="AE1341" s="85"/>
      <c r="AF1341" s="85"/>
      <c r="AG1341" s="85"/>
      <c r="AH1341" s="85"/>
      <c r="AI1341" s="85"/>
      <c r="AJ1341" s="85"/>
      <c r="AK1341" s="85"/>
      <c r="AL1341" s="85"/>
      <c r="AM1341" s="85"/>
      <c r="AN1341" s="85"/>
      <c r="AO1341" s="85"/>
      <c r="AP1341" s="85"/>
      <c r="AQ1341" s="85"/>
      <c r="AR1341" s="85"/>
      <c r="AS1341" s="85"/>
      <c r="AT1341" s="85"/>
      <c r="AU1341" s="85"/>
      <c r="AV1341" s="85"/>
      <c r="AW1341" s="85"/>
      <c r="AX1341" s="85"/>
      <c r="AY1341" s="85"/>
      <c r="AZ1341" s="85"/>
      <c r="BA1341" s="85"/>
      <c r="BB1341" s="85"/>
      <c r="BC1341" s="85"/>
      <c r="BD1341" s="85"/>
      <c r="BE1341" s="85"/>
      <c r="BF1341" s="85"/>
      <c r="BG1341" s="85"/>
      <c r="BH1341" s="85"/>
      <c r="BI1341" s="85"/>
      <c r="BJ1341" s="85"/>
      <c r="BK1341" s="85"/>
      <c r="BL1341" s="85"/>
      <c r="BM1341" s="85"/>
      <c r="BN1341" s="85"/>
      <c r="BO1341" s="85"/>
      <c r="BP1341" s="85"/>
      <c r="BQ1341" s="85"/>
      <c r="BR1341" s="85"/>
      <c r="BS1341" s="85"/>
      <c r="BT1341" s="85"/>
      <c r="BU1341" s="85"/>
      <c r="BV1341" s="85"/>
      <c r="BW1341" s="85"/>
      <c r="BX1341" s="85"/>
      <c r="BY1341" s="85"/>
      <c r="BZ1341" s="85"/>
      <c r="CA1341" s="85"/>
      <c r="CB1341" s="85"/>
      <c r="CC1341" s="85"/>
      <c r="CD1341" s="85"/>
      <c r="CE1341" s="85"/>
      <c r="CF1341" s="85"/>
      <c r="CG1341" s="85"/>
    </row>
    <row r="1342" spans="1:85" s="9" customFormat="1" x14ac:dyDescent="0.2">
      <c r="A1342" s="85"/>
      <c r="J1342" s="85"/>
      <c r="K1342" s="85"/>
      <c r="L1342" s="85"/>
      <c r="M1342" s="85"/>
      <c r="N1342" s="85"/>
      <c r="O1342" s="85"/>
      <c r="P1342" s="85"/>
      <c r="Q1342" s="85"/>
      <c r="R1342" s="85"/>
      <c r="S1342" s="85"/>
      <c r="T1342" s="85"/>
      <c r="U1342" s="85"/>
      <c r="V1342" s="85"/>
      <c r="W1342" s="85"/>
      <c r="X1342" s="85"/>
      <c r="Y1342" s="85"/>
      <c r="Z1342" s="85"/>
      <c r="AA1342" s="85"/>
      <c r="AB1342" s="85"/>
      <c r="AC1342" s="85"/>
      <c r="AD1342" s="85"/>
      <c r="AE1342" s="85"/>
      <c r="AF1342" s="85"/>
      <c r="AG1342" s="85"/>
      <c r="AH1342" s="85"/>
      <c r="AI1342" s="85"/>
      <c r="AJ1342" s="85"/>
      <c r="AK1342" s="85"/>
      <c r="AL1342" s="85"/>
      <c r="AM1342" s="85"/>
      <c r="AN1342" s="85"/>
      <c r="AO1342" s="85"/>
      <c r="AP1342" s="85"/>
      <c r="AQ1342" s="85"/>
      <c r="AR1342" s="85"/>
      <c r="AS1342" s="85"/>
      <c r="AT1342" s="85"/>
      <c r="AU1342" s="85"/>
      <c r="AV1342" s="85"/>
      <c r="AW1342" s="85"/>
      <c r="AX1342" s="85"/>
      <c r="AY1342" s="85"/>
      <c r="AZ1342" s="85"/>
      <c r="BA1342" s="85"/>
      <c r="BB1342" s="85"/>
      <c r="BC1342" s="85"/>
      <c r="BD1342" s="85"/>
      <c r="BE1342" s="85"/>
      <c r="BF1342" s="85"/>
      <c r="BG1342" s="85"/>
      <c r="BH1342" s="85"/>
      <c r="BI1342" s="85"/>
      <c r="BJ1342" s="85"/>
      <c r="BK1342" s="85"/>
      <c r="BL1342" s="85"/>
      <c r="BM1342" s="85"/>
      <c r="BN1342" s="85"/>
      <c r="BO1342" s="85"/>
      <c r="BP1342" s="85"/>
      <c r="BQ1342" s="85"/>
      <c r="BR1342" s="85"/>
      <c r="BS1342" s="85"/>
      <c r="BT1342" s="85"/>
      <c r="BU1342" s="85"/>
      <c r="BV1342" s="85"/>
      <c r="BW1342" s="85"/>
      <c r="BX1342" s="85"/>
      <c r="BY1342" s="85"/>
      <c r="BZ1342" s="85"/>
      <c r="CA1342" s="85"/>
      <c r="CB1342" s="85"/>
      <c r="CC1342" s="85"/>
      <c r="CD1342" s="85"/>
      <c r="CE1342" s="85"/>
      <c r="CF1342" s="85"/>
      <c r="CG1342" s="85"/>
    </row>
    <row r="1343" spans="1:85" s="9" customFormat="1" x14ac:dyDescent="0.2">
      <c r="A1343" s="85"/>
      <c r="J1343" s="85"/>
      <c r="K1343" s="85"/>
      <c r="L1343" s="85"/>
      <c r="M1343" s="85"/>
      <c r="N1343" s="85"/>
      <c r="O1343" s="85"/>
      <c r="P1343" s="85"/>
      <c r="Q1343" s="85"/>
      <c r="R1343" s="85"/>
      <c r="S1343" s="85"/>
      <c r="T1343" s="85"/>
      <c r="U1343" s="85"/>
      <c r="V1343" s="85"/>
      <c r="W1343" s="85"/>
      <c r="X1343" s="85"/>
      <c r="Y1343" s="85"/>
      <c r="Z1343" s="85"/>
      <c r="AA1343" s="85"/>
      <c r="AB1343" s="85"/>
      <c r="AC1343" s="85"/>
      <c r="AD1343" s="85"/>
      <c r="AE1343" s="85"/>
      <c r="AF1343" s="85"/>
      <c r="AG1343" s="85"/>
      <c r="AH1343" s="85"/>
      <c r="AI1343" s="85"/>
      <c r="AJ1343" s="85"/>
      <c r="AK1343" s="85"/>
      <c r="AL1343" s="85"/>
      <c r="AM1343" s="85"/>
      <c r="AN1343" s="85"/>
      <c r="AO1343" s="85"/>
      <c r="AP1343" s="85"/>
      <c r="AQ1343" s="85"/>
      <c r="AR1343" s="85"/>
      <c r="AS1343" s="85"/>
      <c r="AT1343" s="85"/>
      <c r="AU1343" s="85"/>
      <c r="AV1343" s="85"/>
      <c r="AW1343" s="85"/>
      <c r="AX1343" s="85"/>
      <c r="AY1343" s="85"/>
      <c r="AZ1343" s="85"/>
      <c r="BA1343" s="85"/>
      <c r="BB1343" s="85"/>
      <c r="BC1343" s="85"/>
      <c r="BD1343" s="85"/>
      <c r="BE1343" s="85"/>
      <c r="BF1343" s="85"/>
      <c r="BG1343" s="85"/>
      <c r="BH1343" s="85"/>
      <c r="BI1343" s="85"/>
      <c r="BJ1343" s="85"/>
      <c r="BK1343" s="85"/>
      <c r="BL1343" s="85"/>
      <c r="BM1343" s="85"/>
      <c r="BN1343" s="85"/>
      <c r="BO1343" s="85"/>
      <c r="BP1343" s="85"/>
      <c r="BQ1343" s="85"/>
      <c r="BR1343" s="85"/>
      <c r="BS1343" s="85"/>
      <c r="BT1343" s="85"/>
      <c r="BU1343" s="85"/>
      <c r="BV1343" s="85"/>
      <c r="BW1343" s="85"/>
      <c r="BX1343" s="85"/>
      <c r="BY1343" s="85"/>
      <c r="BZ1343" s="85"/>
      <c r="CA1343" s="85"/>
      <c r="CB1343" s="85"/>
      <c r="CC1343" s="85"/>
      <c r="CD1343" s="85"/>
      <c r="CE1343" s="85"/>
      <c r="CF1343" s="85"/>
      <c r="CG1343" s="85"/>
    </row>
    <row r="1344" spans="1:85" s="9" customFormat="1" x14ac:dyDescent="0.2">
      <c r="A1344" s="85"/>
      <c r="J1344" s="85"/>
      <c r="K1344" s="85"/>
      <c r="L1344" s="85"/>
      <c r="M1344" s="85"/>
      <c r="N1344" s="85"/>
      <c r="O1344" s="85"/>
      <c r="P1344" s="85"/>
      <c r="Q1344" s="85"/>
      <c r="R1344" s="85"/>
      <c r="S1344" s="85"/>
      <c r="T1344" s="85"/>
      <c r="U1344" s="85"/>
      <c r="V1344" s="85"/>
      <c r="W1344" s="85"/>
      <c r="X1344" s="85"/>
      <c r="Y1344" s="85"/>
      <c r="Z1344" s="85"/>
      <c r="AA1344" s="85"/>
      <c r="AB1344" s="85"/>
      <c r="AC1344" s="85"/>
      <c r="AD1344" s="85"/>
      <c r="AE1344" s="85"/>
      <c r="AF1344" s="85"/>
      <c r="AG1344" s="85"/>
      <c r="AH1344" s="85"/>
      <c r="AI1344" s="85"/>
      <c r="AJ1344" s="85"/>
      <c r="AK1344" s="85"/>
      <c r="AL1344" s="85"/>
      <c r="AM1344" s="85"/>
      <c r="AN1344" s="85"/>
      <c r="AO1344" s="85"/>
      <c r="AP1344" s="85"/>
      <c r="AQ1344" s="85"/>
      <c r="AR1344" s="85"/>
      <c r="AS1344" s="85"/>
      <c r="AT1344" s="85"/>
      <c r="AU1344" s="85"/>
      <c r="AV1344" s="85"/>
      <c r="AW1344" s="85"/>
      <c r="AX1344" s="85"/>
      <c r="AY1344" s="85"/>
      <c r="AZ1344" s="85"/>
      <c r="BA1344" s="85"/>
      <c r="BB1344" s="85"/>
      <c r="BC1344" s="85"/>
      <c r="BD1344" s="85"/>
      <c r="BE1344" s="85"/>
      <c r="BF1344" s="85"/>
      <c r="BG1344" s="85"/>
      <c r="BH1344" s="85"/>
      <c r="BI1344" s="85"/>
      <c r="BJ1344" s="85"/>
      <c r="BK1344" s="85"/>
      <c r="BL1344" s="85"/>
      <c r="BM1344" s="85"/>
      <c r="BN1344" s="85"/>
      <c r="BO1344" s="85"/>
      <c r="BP1344" s="85"/>
      <c r="BQ1344" s="85"/>
      <c r="BR1344" s="85"/>
      <c r="BS1344" s="85"/>
      <c r="BT1344" s="85"/>
      <c r="BU1344" s="85"/>
      <c r="BV1344" s="85"/>
      <c r="BW1344" s="85"/>
      <c r="BX1344" s="85"/>
      <c r="BY1344" s="85"/>
      <c r="BZ1344" s="85"/>
      <c r="CA1344" s="85"/>
      <c r="CB1344" s="85"/>
      <c r="CC1344" s="85"/>
      <c r="CD1344" s="85"/>
      <c r="CE1344" s="85"/>
      <c r="CF1344" s="85"/>
      <c r="CG1344" s="85"/>
    </row>
    <row r="1345" spans="1:85" s="9" customFormat="1" x14ac:dyDescent="0.2">
      <c r="A1345" s="85"/>
      <c r="J1345" s="85"/>
      <c r="K1345" s="85"/>
      <c r="L1345" s="85"/>
      <c r="M1345" s="85"/>
      <c r="N1345" s="85"/>
      <c r="O1345" s="85"/>
      <c r="P1345" s="85"/>
      <c r="Q1345" s="85"/>
      <c r="R1345" s="85"/>
      <c r="S1345" s="85"/>
      <c r="T1345" s="85"/>
      <c r="U1345" s="85"/>
      <c r="V1345" s="85"/>
      <c r="W1345" s="85"/>
      <c r="X1345" s="85"/>
      <c r="Y1345" s="85"/>
      <c r="Z1345" s="85"/>
      <c r="AA1345" s="85"/>
      <c r="AB1345" s="85"/>
      <c r="AC1345" s="85"/>
      <c r="AD1345" s="85"/>
      <c r="AE1345" s="85"/>
      <c r="AF1345" s="85"/>
      <c r="AG1345" s="85"/>
      <c r="AH1345" s="85"/>
      <c r="AI1345" s="85"/>
      <c r="AJ1345" s="85"/>
      <c r="AK1345" s="85"/>
      <c r="AL1345" s="85"/>
      <c r="AM1345" s="85"/>
      <c r="AN1345" s="85"/>
      <c r="AO1345" s="85"/>
      <c r="AP1345" s="85"/>
      <c r="AQ1345" s="85"/>
      <c r="AR1345" s="85"/>
      <c r="AS1345" s="85"/>
      <c r="AT1345" s="85"/>
      <c r="AU1345" s="85"/>
      <c r="AV1345" s="85"/>
      <c r="AW1345" s="85"/>
      <c r="AX1345" s="85"/>
      <c r="AY1345" s="85"/>
      <c r="AZ1345" s="85"/>
      <c r="BA1345" s="85"/>
      <c r="BB1345" s="85"/>
      <c r="BC1345" s="85"/>
      <c r="BD1345" s="85"/>
      <c r="BE1345" s="85"/>
      <c r="BF1345" s="85"/>
      <c r="BG1345" s="85"/>
      <c r="BH1345" s="85"/>
      <c r="BI1345" s="85"/>
      <c r="BJ1345" s="85"/>
      <c r="BK1345" s="85"/>
      <c r="BL1345" s="85"/>
      <c r="BM1345" s="85"/>
      <c r="BN1345" s="85"/>
      <c r="BO1345" s="85"/>
      <c r="BP1345" s="85"/>
      <c r="BQ1345" s="85"/>
      <c r="BR1345" s="85"/>
      <c r="BS1345" s="85"/>
      <c r="BT1345" s="85"/>
      <c r="BU1345" s="85"/>
      <c r="BV1345" s="85"/>
      <c r="BW1345" s="85"/>
      <c r="BX1345" s="85"/>
      <c r="BY1345" s="85"/>
      <c r="BZ1345" s="85"/>
      <c r="CA1345" s="85"/>
      <c r="CB1345" s="85"/>
      <c r="CC1345" s="85"/>
      <c r="CD1345" s="85"/>
      <c r="CE1345" s="85"/>
      <c r="CF1345" s="85"/>
      <c r="CG1345" s="85"/>
    </row>
    <row r="1346" spans="1:85" s="9" customFormat="1" x14ac:dyDescent="0.2">
      <c r="A1346" s="85"/>
      <c r="J1346" s="85"/>
      <c r="K1346" s="85"/>
      <c r="L1346" s="85"/>
      <c r="M1346" s="85"/>
      <c r="N1346" s="85"/>
      <c r="O1346" s="85"/>
      <c r="P1346" s="85"/>
      <c r="Q1346" s="85"/>
      <c r="R1346" s="85"/>
      <c r="S1346" s="85"/>
      <c r="T1346" s="85"/>
      <c r="U1346" s="85"/>
      <c r="V1346" s="85"/>
      <c r="W1346" s="85"/>
      <c r="X1346" s="85"/>
      <c r="Y1346" s="85"/>
      <c r="Z1346" s="85"/>
      <c r="AA1346" s="85"/>
      <c r="AB1346" s="85"/>
      <c r="AC1346" s="85"/>
      <c r="AD1346" s="85"/>
      <c r="AE1346" s="85"/>
      <c r="AF1346" s="85"/>
      <c r="AG1346" s="85"/>
      <c r="AH1346" s="85"/>
      <c r="AI1346" s="85"/>
      <c r="AJ1346" s="85"/>
      <c r="AK1346" s="85"/>
      <c r="AL1346" s="85"/>
      <c r="AM1346" s="85"/>
      <c r="AN1346" s="85"/>
      <c r="AO1346" s="85"/>
      <c r="AP1346" s="85"/>
      <c r="AQ1346" s="85"/>
      <c r="AR1346" s="85"/>
      <c r="AS1346" s="85"/>
      <c r="AT1346" s="85"/>
      <c r="AU1346" s="85"/>
      <c r="AV1346" s="85"/>
      <c r="AW1346" s="85"/>
      <c r="AX1346" s="85"/>
      <c r="AY1346" s="85"/>
      <c r="AZ1346" s="85"/>
      <c r="BA1346" s="85"/>
      <c r="BB1346" s="85"/>
      <c r="BC1346" s="85"/>
      <c r="BD1346" s="85"/>
      <c r="BE1346" s="85"/>
      <c r="BF1346" s="85"/>
      <c r="BG1346" s="85"/>
      <c r="BH1346" s="85"/>
      <c r="BI1346" s="85"/>
      <c r="BJ1346" s="85"/>
      <c r="BK1346" s="85"/>
      <c r="BL1346" s="85"/>
      <c r="BM1346" s="85"/>
      <c r="BN1346" s="85"/>
      <c r="BO1346" s="85"/>
      <c r="BP1346" s="85"/>
      <c r="BQ1346" s="85"/>
      <c r="BR1346" s="85"/>
      <c r="BS1346" s="85"/>
      <c r="BT1346" s="85"/>
      <c r="BU1346" s="85"/>
      <c r="BV1346" s="85"/>
      <c r="BW1346" s="85"/>
      <c r="BX1346" s="85"/>
      <c r="BY1346" s="85"/>
      <c r="BZ1346" s="85"/>
      <c r="CA1346" s="85"/>
      <c r="CB1346" s="85"/>
      <c r="CC1346" s="85"/>
      <c r="CD1346" s="85"/>
      <c r="CE1346" s="85"/>
      <c r="CF1346" s="85"/>
      <c r="CG1346" s="85"/>
    </row>
    <row r="1347" spans="1:85" s="9" customFormat="1" x14ac:dyDescent="0.2">
      <c r="A1347" s="85"/>
      <c r="J1347" s="85"/>
      <c r="K1347" s="85"/>
      <c r="L1347" s="85"/>
      <c r="M1347" s="85"/>
      <c r="N1347" s="85"/>
      <c r="O1347" s="85"/>
      <c r="P1347" s="85"/>
      <c r="Q1347" s="85"/>
      <c r="R1347" s="85"/>
      <c r="S1347" s="85"/>
      <c r="T1347" s="85"/>
      <c r="U1347" s="85"/>
      <c r="V1347" s="85"/>
      <c r="W1347" s="85"/>
      <c r="X1347" s="85"/>
      <c r="Y1347" s="85"/>
      <c r="Z1347" s="85"/>
      <c r="AA1347" s="85"/>
      <c r="AB1347" s="85"/>
      <c r="AC1347" s="85"/>
      <c r="AD1347" s="85"/>
      <c r="AE1347" s="85"/>
      <c r="AF1347" s="85"/>
      <c r="AG1347" s="85"/>
      <c r="AH1347" s="85"/>
      <c r="AI1347" s="85"/>
      <c r="AJ1347" s="85"/>
      <c r="AK1347" s="85"/>
      <c r="AL1347" s="85"/>
      <c r="AM1347" s="85"/>
      <c r="AN1347" s="85"/>
      <c r="AO1347" s="85"/>
      <c r="AP1347" s="85"/>
      <c r="AQ1347" s="85"/>
      <c r="AR1347" s="85"/>
      <c r="AS1347" s="85"/>
      <c r="AT1347" s="85"/>
      <c r="AU1347" s="85"/>
      <c r="AV1347" s="85"/>
      <c r="AW1347" s="85"/>
      <c r="AX1347" s="85"/>
      <c r="AY1347" s="85"/>
      <c r="AZ1347" s="85"/>
      <c r="BA1347" s="85"/>
      <c r="BB1347" s="85"/>
      <c r="BC1347" s="85"/>
      <c r="BD1347" s="85"/>
      <c r="BE1347" s="85"/>
      <c r="BF1347" s="85"/>
      <c r="BG1347" s="85"/>
      <c r="BH1347" s="85"/>
      <c r="BI1347" s="85"/>
      <c r="BJ1347" s="85"/>
      <c r="BK1347" s="85"/>
      <c r="BL1347" s="85"/>
      <c r="BM1347" s="85"/>
      <c r="BN1347" s="85"/>
      <c r="BO1347" s="85"/>
      <c r="BP1347" s="85"/>
      <c r="BQ1347" s="85"/>
      <c r="BR1347" s="85"/>
      <c r="BS1347" s="85"/>
      <c r="BT1347" s="85"/>
      <c r="BU1347" s="85"/>
      <c r="BV1347" s="85"/>
      <c r="BW1347" s="85"/>
      <c r="BX1347" s="85"/>
      <c r="BY1347" s="85"/>
      <c r="BZ1347" s="85"/>
      <c r="CA1347" s="85"/>
      <c r="CB1347" s="85"/>
      <c r="CC1347" s="85"/>
      <c r="CD1347" s="85"/>
      <c r="CE1347" s="85"/>
      <c r="CF1347" s="85"/>
      <c r="CG1347" s="85"/>
    </row>
    <row r="1348" spans="1:85" s="9" customFormat="1" x14ac:dyDescent="0.2">
      <c r="A1348" s="85"/>
      <c r="J1348" s="85"/>
      <c r="K1348" s="85"/>
      <c r="L1348" s="85"/>
      <c r="M1348" s="85"/>
      <c r="N1348" s="85"/>
      <c r="O1348" s="85"/>
      <c r="P1348" s="85"/>
      <c r="Q1348" s="85"/>
      <c r="R1348" s="85"/>
      <c r="S1348" s="85"/>
      <c r="T1348" s="85"/>
      <c r="U1348" s="85"/>
      <c r="V1348" s="85"/>
      <c r="W1348" s="85"/>
      <c r="X1348" s="85"/>
      <c r="Y1348" s="85"/>
      <c r="Z1348" s="85"/>
      <c r="AA1348" s="85"/>
      <c r="AB1348" s="85"/>
      <c r="AC1348" s="85"/>
      <c r="AD1348" s="85"/>
      <c r="AE1348" s="85"/>
      <c r="AF1348" s="85"/>
      <c r="AG1348" s="85"/>
      <c r="AH1348" s="85"/>
      <c r="AI1348" s="85"/>
      <c r="AJ1348" s="85"/>
      <c r="AK1348" s="85"/>
      <c r="AL1348" s="85"/>
      <c r="AM1348" s="85"/>
      <c r="AN1348" s="85"/>
      <c r="AO1348" s="85"/>
      <c r="AP1348" s="85"/>
      <c r="AQ1348" s="85"/>
      <c r="AR1348" s="85"/>
      <c r="AS1348" s="85"/>
      <c r="AT1348" s="85"/>
      <c r="AU1348" s="85"/>
      <c r="AV1348" s="85"/>
      <c r="AW1348" s="85"/>
      <c r="AX1348" s="85"/>
      <c r="AY1348" s="85"/>
      <c r="AZ1348" s="85"/>
      <c r="BA1348" s="85"/>
      <c r="BB1348" s="85"/>
      <c r="BC1348" s="85"/>
      <c r="BD1348" s="85"/>
      <c r="BE1348" s="85"/>
      <c r="BF1348" s="85"/>
      <c r="BG1348" s="85"/>
      <c r="BH1348" s="85"/>
      <c r="BI1348" s="85"/>
      <c r="BJ1348" s="85"/>
      <c r="BK1348" s="85"/>
      <c r="BL1348" s="85"/>
      <c r="BM1348" s="85"/>
      <c r="BN1348" s="85"/>
      <c r="BO1348" s="85"/>
      <c r="BP1348" s="85"/>
      <c r="BQ1348" s="85"/>
      <c r="BR1348" s="85"/>
      <c r="BS1348" s="85"/>
      <c r="BT1348" s="85"/>
      <c r="BU1348" s="85"/>
      <c r="BV1348" s="85"/>
      <c r="BW1348" s="85"/>
      <c r="BX1348" s="85"/>
      <c r="BY1348" s="85"/>
      <c r="BZ1348" s="85"/>
      <c r="CA1348" s="85"/>
      <c r="CB1348" s="85"/>
      <c r="CC1348" s="85"/>
      <c r="CD1348" s="85"/>
      <c r="CE1348" s="85"/>
      <c r="CF1348" s="85"/>
      <c r="CG1348" s="85"/>
    </row>
    <row r="1349" spans="1:85" s="9" customFormat="1" x14ac:dyDescent="0.2">
      <c r="A1349" s="85"/>
      <c r="J1349" s="85"/>
      <c r="K1349" s="85"/>
      <c r="L1349" s="85"/>
      <c r="M1349" s="85"/>
      <c r="N1349" s="85"/>
      <c r="O1349" s="85"/>
      <c r="P1349" s="85"/>
      <c r="Q1349" s="85"/>
      <c r="R1349" s="85"/>
      <c r="S1349" s="85"/>
      <c r="T1349" s="85"/>
      <c r="U1349" s="85"/>
      <c r="V1349" s="85"/>
      <c r="W1349" s="85"/>
      <c r="X1349" s="85"/>
      <c r="Y1349" s="85"/>
      <c r="Z1349" s="85"/>
      <c r="AA1349" s="85"/>
      <c r="AB1349" s="85"/>
      <c r="AC1349" s="85"/>
      <c r="AD1349" s="85"/>
      <c r="AE1349" s="85"/>
      <c r="AF1349" s="85"/>
      <c r="AG1349" s="85"/>
      <c r="AH1349" s="85"/>
      <c r="AI1349" s="85"/>
      <c r="AJ1349" s="85"/>
      <c r="AK1349" s="85"/>
      <c r="AL1349" s="85"/>
      <c r="AM1349" s="85"/>
      <c r="AN1349" s="85"/>
      <c r="AO1349" s="85"/>
      <c r="AP1349" s="85"/>
      <c r="AQ1349" s="85"/>
      <c r="AR1349" s="85"/>
      <c r="AS1349" s="85"/>
      <c r="AT1349" s="85"/>
      <c r="AU1349" s="85"/>
      <c r="AV1349" s="85"/>
      <c r="AW1349" s="85"/>
      <c r="AX1349" s="85"/>
      <c r="AY1349" s="85"/>
      <c r="AZ1349" s="85"/>
      <c r="BA1349" s="85"/>
      <c r="BB1349" s="85"/>
      <c r="BC1349" s="85"/>
      <c r="BD1349" s="85"/>
      <c r="BE1349" s="85"/>
      <c r="BF1349" s="85"/>
      <c r="BG1349" s="85"/>
      <c r="BH1349" s="85"/>
      <c r="BI1349" s="85"/>
      <c r="BJ1349" s="85"/>
      <c r="BK1349" s="85"/>
      <c r="BL1349" s="85"/>
      <c r="BM1349" s="85"/>
      <c r="BN1349" s="85"/>
      <c r="BO1349" s="85"/>
      <c r="BP1349" s="85"/>
      <c r="BQ1349" s="85"/>
      <c r="BR1349" s="85"/>
      <c r="BS1349" s="85"/>
      <c r="BT1349" s="85"/>
      <c r="BU1349" s="85"/>
      <c r="BV1349" s="85"/>
      <c r="BW1349" s="85"/>
      <c r="BX1349" s="85"/>
      <c r="BY1349" s="85"/>
      <c r="BZ1349" s="85"/>
      <c r="CA1349" s="85"/>
      <c r="CB1349" s="85"/>
      <c r="CC1349" s="85"/>
      <c r="CD1349" s="85"/>
      <c r="CE1349" s="85"/>
      <c r="CF1349" s="85"/>
      <c r="CG1349" s="85"/>
    </row>
    <row r="1350" spans="1:85" s="9" customFormat="1" x14ac:dyDescent="0.2">
      <c r="A1350" s="85"/>
      <c r="J1350" s="85"/>
      <c r="K1350" s="85"/>
      <c r="L1350" s="85"/>
      <c r="M1350" s="85"/>
      <c r="N1350" s="85"/>
      <c r="O1350" s="85"/>
      <c r="P1350" s="85"/>
      <c r="Q1350" s="85"/>
      <c r="R1350" s="85"/>
      <c r="S1350" s="85"/>
      <c r="T1350" s="85"/>
      <c r="U1350" s="85"/>
      <c r="V1350" s="85"/>
      <c r="W1350" s="85"/>
      <c r="X1350" s="85"/>
      <c r="Y1350" s="85"/>
      <c r="Z1350" s="85"/>
      <c r="AA1350" s="85"/>
      <c r="AB1350" s="85"/>
      <c r="AC1350" s="85"/>
      <c r="AD1350" s="85"/>
      <c r="AE1350" s="85"/>
      <c r="AF1350" s="85"/>
      <c r="AG1350" s="85"/>
      <c r="AH1350" s="85"/>
      <c r="AI1350" s="85"/>
      <c r="AJ1350" s="85"/>
      <c r="AK1350" s="85"/>
      <c r="AL1350" s="85"/>
      <c r="AM1350" s="85"/>
      <c r="AN1350" s="85"/>
      <c r="AO1350" s="85"/>
      <c r="AP1350" s="85"/>
      <c r="AQ1350" s="85"/>
      <c r="AR1350" s="85"/>
      <c r="AS1350" s="85"/>
      <c r="AT1350" s="85"/>
      <c r="AU1350" s="85"/>
      <c r="AV1350" s="85"/>
      <c r="AW1350" s="85"/>
      <c r="AX1350" s="85"/>
      <c r="AY1350" s="85"/>
      <c r="AZ1350" s="85"/>
      <c r="BA1350" s="85"/>
      <c r="BB1350" s="85"/>
      <c r="BC1350" s="85"/>
      <c r="BD1350" s="85"/>
      <c r="BE1350" s="85"/>
      <c r="BF1350" s="85"/>
      <c r="BG1350" s="85"/>
      <c r="BH1350" s="85"/>
      <c r="BI1350" s="85"/>
      <c r="BJ1350" s="85"/>
      <c r="BK1350" s="85"/>
      <c r="BL1350" s="85"/>
      <c r="BM1350" s="85"/>
      <c r="BN1350" s="85"/>
      <c r="BO1350" s="85"/>
      <c r="BP1350" s="85"/>
      <c r="BQ1350" s="85"/>
      <c r="BR1350" s="85"/>
      <c r="BS1350" s="85"/>
      <c r="BT1350" s="85"/>
      <c r="BU1350" s="85"/>
      <c r="BV1350" s="85"/>
      <c r="BW1350" s="85"/>
      <c r="BX1350" s="85"/>
      <c r="BY1350" s="85"/>
      <c r="BZ1350" s="85"/>
      <c r="CA1350" s="85"/>
      <c r="CB1350" s="85"/>
      <c r="CC1350" s="85"/>
      <c r="CD1350" s="85"/>
      <c r="CE1350" s="85"/>
      <c r="CF1350" s="85"/>
      <c r="CG1350" s="85"/>
    </row>
    <row r="1351" spans="1:85" s="9" customFormat="1" x14ac:dyDescent="0.2">
      <c r="A1351" s="85"/>
      <c r="J1351" s="85"/>
      <c r="K1351" s="85"/>
      <c r="L1351" s="85"/>
      <c r="M1351" s="85"/>
      <c r="N1351" s="85"/>
      <c r="O1351" s="85"/>
      <c r="P1351" s="85"/>
      <c r="Q1351" s="85"/>
      <c r="R1351" s="85"/>
      <c r="S1351" s="85"/>
      <c r="T1351" s="85"/>
      <c r="U1351" s="85"/>
      <c r="V1351" s="85"/>
      <c r="W1351" s="85"/>
      <c r="X1351" s="85"/>
      <c r="Y1351" s="85"/>
      <c r="Z1351" s="85"/>
      <c r="AA1351" s="85"/>
      <c r="AB1351" s="85"/>
      <c r="AC1351" s="85"/>
      <c r="AD1351" s="85"/>
      <c r="AE1351" s="85"/>
      <c r="AF1351" s="85"/>
      <c r="AG1351" s="85"/>
      <c r="AH1351" s="85"/>
      <c r="AI1351" s="85"/>
      <c r="AJ1351" s="85"/>
      <c r="AK1351" s="85"/>
      <c r="AL1351" s="85"/>
      <c r="AM1351" s="85"/>
      <c r="AN1351" s="85"/>
      <c r="AO1351" s="85"/>
      <c r="AP1351" s="85"/>
      <c r="AQ1351" s="85"/>
      <c r="AR1351" s="85"/>
      <c r="AS1351" s="85"/>
      <c r="AT1351" s="85"/>
      <c r="AU1351" s="85"/>
      <c r="AV1351" s="85"/>
      <c r="AW1351" s="85"/>
      <c r="AX1351" s="85"/>
      <c r="AY1351" s="85"/>
      <c r="AZ1351" s="85"/>
      <c r="BA1351" s="85"/>
      <c r="BB1351" s="85"/>
      <c r="BC1351" s="85"/>
      <c r="BD1351" s="85"/>
      <c r="BE1351" s="85"/>
      <c r="BF1351" s="85"/>
      <c r="BG1351" s="85"/>
      <c r="BH1351" s="85"/>
      <c r="BI1351" s="85"/>
      <c r="BJ1351" s="85"/>
      <c r="BK1351" s="85"/>
      <c r="BL1351" s="85"/>
      <c r="BM1351" s="85"/>
      <c r="BN1351" s="85"/>
      <c r="BO1351" s="85"/>
      <c r="BP1351" s="85"/>
      <c r="BQ1351" s="85"/>
      <c r="BR1351" s="85"/>
      <c r="BS1351" s="85"/>
      <c r="BT1351" s="85"/>
      <c r="BU1351" s="85"/>
      <c r="BV1351" s="85"/>
      <c r="BW1351" s="85"/>
      <c r="BX1351" s="85"/>
      <c r="BY1351" s="85"/>
      <c r="BZ1351" s="85"/>
      <c r="CA1351" s="85"/>
      <c r="CB1351" s="85"/>
      <c r="CC1351" s="85"/>
      <c r="CD1351" s="85"/>
      <c r="CE1351" s="85"/>
      <c r="CF1351" s="85"/>
      <c r="CG1351" s="85"/>
    </row>
    <row r="1352" spans="1:85" s="9" customFormat="1" x14ac:dyDescent="0.2">
      <c r="A1352" s="85"/>
      <c r="J1352" s="85"/>
      <c r="K1352" s="85"/>
      <c r="L1352" s="85"/>
      <c r="M1352" s="85"/>
      <c r="N1352" s="85"/>
      <c r="O1352" s="85"/>
      <c r="P1352" s="85"/>
      <c r="Q1352" s="85"/>
      <c r="R1352" s="85"/>
      <c r="S1352" s="85"/>
      <c r="T1352" s="85"/>
      <c r="U1352" s="85"/>
      <c r="V1352" s="85"/>
      <c r="W1352" s="85"/>
      <c r="X1352" s="85"/>
      <c r="Y1352" s="85"/>
      <c r="Z1352" s="85"/>
      <c r="AA1352" s="85"/>
      <c r="AB1352" s="85"/>
      <c r="AC1352" s="85"/>
      <c r="AD1352" s="85"/>
      <c r="AE1352" s="85"/>
      <c r="AF1352" s="85"/>
      <c r="AG1352" s="85"/>
      <c r="AH1352" s="85"/>
      <c r="AI1352" s="85"/>
      <c r="AJ1352" s="85"/>
      <c r="AK1352" s="85"/>
      <c r="AL1352" s="85"/>
      <c r="AM1352" s="85"/>
      <c r="AN1352" s="85"/>
      <c r="AO1352" s="85"/>
      <c r="AP1352" s="85"/>
      <c r="AQ1352" s="85"/>
      <c r="AR1352" s="85"/>
      <c r="AS1352" s="85"/>
      <c r="AT1352" s="85"/>
      <c r="AU1352" s="85"/>
      <c r="AV1352" s="85"/>
      <c r="AW1352" s="85"/>
      <c r="AX1352" s="85"/>
      <c r="AY1352" s="85"/>
      <c r="AZ1352" s="85"/>
      <c r="BA1352" s="85"/>
      <c r="BB1352" s="85"/>
      <c r="BC1352" s="85"/>
      <c r="BD1352" s="85"/>
      <c r="BE1352" s="85"/>
      <c r="BF1352" s="85"/>
      <c r="BG1352" s="85"/>
      <c r="BH1352" s="85"/>
      <c r="BI1352" s="85"/>
      <c r="BJ1352" s="85"/>
      <c r="BK1352" s="85"/>
      <c r="BL1352" s="85"/>
      <c r="BM1352" s="85"/>
      <c r="BN1352" s="85"/>
      <c r="BO1352" s="85"/>
      <c r="BP1352" s="85"/>
      <c r="BQ1352" s="85"/>
      <c r="BR1352" s="85"/>
      <c r="BS1352" s="85"/>
      <c r="BT1352" s="85"/>
      <c r="BU1352" s="85"/>
      <c r="BV1352" s="85"/>
      <c r="BW1352" s="85"/>
      <c r="BX1352" s="85"/>
      <c r="BY1352" s="85"/>
      <c r="BZ1352" s="85"/>
      <c r="CA1352" s="85"/>
      <c r="CB1352" s="85"/>
      <c r="CC1352" s="85"/>
      <c r="CD1352" s="85"/>
      <c r="CE1352" s="85"/>
      <c r="CF1352" s="85"/>
      <c r="CG1352" s="85"/>
    </row>
    <row r="1353" spans="1:85" s="9" customFormat="1" x14ac:dyDescent="0.2">
      <c r="A1353" s="85"/>
      <c r="J1353" s="85"/>
      <c r="K1353" s="85"/>
      <c r="L1353" s="85"/>
      <c r="M1353" s="85"/>
      <c r="N1353" s="85"/>
      <c r="O1353" s="85"/>
      <c r="P1353" s="85"/>
      <c r="Q1353" s="85"/>
      <c r="R1353" s="85"/>
      <c r="S1353" s="85"/>
      <c r="T1353" s="85"/>
      <c r="U1353" s="85"/>
      <c r="V1353" s="85"/>
      <c r="W1353" s="85"/>
      <c r="X1353" s="85"/>
      <c r="Y1353" s="85"/>
      <c r="Z1353" s="85"/>
      <c r="AA1353" s="85"/>
      <c r="AB1353" s="85"/>
      <c r="AC1353" s="85"/>
      <c r="AD1353" s="85"/>
      <c r="AE1353" s="85"/>
      <c r="AF1353" s="85"/>
      <c r="AG1353" s="85"/>
      <c r="AH1353" s="85"/>
      <c r="AI1353" s="85"/>
      <c r="AJ1353" s="85"/>
      <c r="AK1353" s="85"/>
      <c r="AL1353" s="85"/>
      <c r="AM1353" s="85"/>
      <c r="AN1353" s="85"/>
      <c r="AO1353" s="85"/>
      <c r="AP1353" s="85"/>
      <c r="AQ1353" s="85"/>
      <c r="AR1353" s="85"/>
      <c r="AS1353" s="85"/>
      <c r="AT1353" s="85"/>
      <c r="AU1353" s="85"/>
      <c r="AV1353" s="85"/>
      <c r="AW1353" s="85"/>
      <c r="AX1353" s="85"/>
      <c r="AY1353" s="85"/>
      <c r="AZ1353" s="85"/>
      <c r="BA1353" s="85"/>
      <c r="BB1353" s="85"/>
      <c r="BC1353" s="85"/>
      <c r="BD1353" s="85"/>
      <c r="BE1353" s="85"/>
      <c r="BF1353" s="85"/>
      <c r="BG1353" s="85"/>
      <c r="BH1353" s="85"/>
      <c r="BI1353" s="85"/>
      <c r="BJ1353" s="85"/>
      <c r="BK1353" s="85"/>
      <c r="BL1353" s="85"/>
      <c r="BM1353" s="85"/>
      <c r="BN1353" s="85"/>
      <c r="BO1353" s="85"/>
      <c r="BP1353" s="85"/>
      <c r="BQ1353" s="85"/>
      <c r="BR1353" s="85"/>
      <c r="BS1353" s="85"/>
      <c r="BT1353" s="85"/>
      <c r="BU1353" s="85"/>
      <c r="BV1353" s="85"/>
      <c r="BW1353" s="85"/>
      <c r="BX1353" s="85"/>
      <c r="BY1353" s="85"/>
      <c r="BZ1353" s="85"/>
      <c r="CA1353" s="85"/>
      <c r="CB1353" s="85"/>
      <c r="CC1353" s="85"/>
      <c r="CD1353" s="85"/>
      <c r="CE1353" s="85"/>
      <c r="CF1353" s="85"/>
      <c r="CG1353" s="85"/>
    </row>
    <row r="1354" spans="1:85" s="9" customFormat="1" x14ac:dyDescent="0.2">
      <c r="A1354" s="85"/>
      <c r="J1354" s="85"/>
      <c r="K1354" s="85"/>
      <c r="L1354" s="85"/>
      <c r="M1354" s="85"/>
      <c r="N1354" s="85"/>
      <c r="O1354" s="85"/>
      <c r="P1354" s="85"/>
      <c r="Q1354" s="85"/>
      <c r="R1354" s="85"/>
      <c r="S1354" s="85"/>
      <c r="T1354" s="85"/>
      <c r="U1354" s="85"/>
      <c r="V1354" s="85"/>
      <c r="W1354" s="85"/>
      <c r="X1354" s="85"/>
      <c r="Y1354" s="85"/>
      <c r="Z1354" s="85"/>
      <c r="AA1354" s="85"/>
      <c r="AB1354" s="85"/>
      <c r="AC1354" s="85"/>
      <c r="AD1354" s="85"/>
      <c r="AE1354" s="85"/>
      <c r="AF1354" s="85"/>
      <c r="AG1354" s="85"/>
      <c r="AH1354" s="85"/>
      <c r="AI1354" s="85"/>
      <c r="AJ1354" s="85"/>
      <c r="AK1354" s="85"/>
      <c r="AL1354" s="85"/>
      <c r="AM1354" s="85"/>
      <c r="AN1354" s="85"/>
      <c r="AO1354" s="85"/>
      <c r="AP1354" s="85"/>
      <c r="AQ1354" s="85"/>
      <c r="AR1354" s="85"/>
      <c r="AS1354" s="85"/>
      <c r="AT1354" s="85"/>
      <c r="AU1354" s="85"/>
      <c r="AV1354" s="85"/>
      <c r="AW1354" s="85"/>
      <c r="AX1354" s="85"/>
      <c r="AY1354" s="85"/>
      <c r="AZ1354" s="85"/>
      <c r="BA1354" s="85"/>
      <c r="BB1354" s="85"/>
      <c r="BC1354" s="85"/>
      <c r="BD1354" s="85"/>
      <c r="BE1354" s="85"/>
      <c r="BF1354" s="85"/>
      <c r="BG1354" s="85"/>
      <c r="BH1354" s="85"/>
      <c r="BI1354" s="85"/>
      <c r="BJ1354" s="85"/>
      <c r="BK1354" s="85"/>
      <c r="BL1354" s="85"/>
      <c r="BM1354" s="85"/>
      <c r="BN1354" s="85"/>
      <c r="BO1354" s="85"/>
      <c r="BP1354" s="85"/>
      <c r="BQ1354" s="85"/>
      <c r="BR1354" s="85"/>
      <c r="BS1354" s="85"/>
      <c r="BT1354" s="85"/>
      <c r="BU1354" s="85"/>
      <c r="BV1354" s="85"/>
      <c r="BW1354" s="85"/>
      <c r="BX1354" s="85"/>
      <c r="BY1354" s="85"/>
      <c r="BZ1354" s="85"/>
      <c r="CA1354" s="85"/>
      <c r="CB1354" s="85"/>
      <c r="CC1354" s="85"/>
      <c r="CD1354" s="85"/>
      <c r="CE1354" s="85"/>
      <c r="CF1354" s="85"/>
      <c r="CG1354" s="85"/>
    </row>
    <row r="1355" spans="1:85" s="9" customFormat="1" x14ac:dyDescent="0.2">
      <c r="A1355" s="85"/>
      <c r="J1355" s="85"/>
      <c r="K1355" s="85"/>
      <c r="L1355" s="85"/>
      <c r="M1355" s="85"/>
      <c r="N1355" s="85"/>
      <c r="O1355" s="85"/>
      <c r="P1355" s="85"/>
      <c r="Q1355" s="85"/>
      <c r="R1355" s="85"/>
      <c r="S1355" s="85"/>
      <c r="T1355" s="85"/>
      <c r="U1355" s="85"/>
      <c r="V1355" s="85"/>
      <c r="W1355" s="85"/>
      <c r="X1355" s="85"/>
      <c r="Y1355" s="85"/>
      <c r="Z1355" s="85"/>
      <c r="AA1355" s="85"/>
      <c r="AB1355" s="85"/>
      <c r="AC1355" s="85"/>
      <c r="AD1355" s="85"/>
      <c r="AE1355" s="85"/>
      <c r="AF1355" s="85"/>
      <c r="AG1355" s="85"/>
      <c r="AH1355" s="85"/>
      <c r="AI1355" s="85"/>
      <c r="AJ1355" s="85"/>
      <c r="AK1355" s="85"/>
      <c r="AL1355" s="85"/>
      <c r="AM1355" s="85"/>
      <c r="AN1355" s="85"/>
      <c r="AO1355" s="85"/>
      <c r="AP1355" s="85"/>
      <c r="AQ1355" s="85"/>
      <c r="AR1355" s="85"/>
      <c r="AS1355" s="85"/>
      <c r="AT1355" s="85"/>
      <c r="AU1355" s="85"/>
      <c r="AV1355" s="85"/>
      <c r="AW1355" s="85"/>
      <c r="AX1355" s="85"/>
      <c r="AY1355" s="85"/>
      <c r="AZ1355" s="85"/>
      <c r="BA1355" s="85"/>
      <c r="BB1355" s="85"/>
      <c r="BC1355" s="85"/>
      <c r="BD1355" s="85"/>
      <c r="BE1355" s="85"/>
      <c r="BF1355" s="85"/>
      <c r="BG1355" s="85"/>
      <c r="BH1355" s="85"/>
      <c r="BI1355" s="85"/>
      <c r="BJ1355" s="85"/>
      <c r="BK1355" s="85"/>
      <c r="BL1355" s="85"/>
      <c r="BM1355" s="85"/>
      <c r="BN1355" s="85"/>
      <c r="BO1355" s="85"/>
      <c r="BP1355" s="85"/>
      <c r="BQ1355" s="85"/>
      <c r="BR1355" s="85"/>
      <c r="BS1355" s="85"/>
      <c r="BT1355" s="85"/>
      <c r="BU1355" s="85"/>
      <c r="BV1355" s="85"/>
      <c r="BW1355" s="85"/>
      <c r="BX1355" s="85"/>
      <c r="BY1355" s="85"/>
      <c r="BZ1355" s="85"/>
      <c r="CA1355" s="85"/>
      <c r="CB1355" s="85"/>
      <c r="CC1355" s="85"/>
      <c r="CD1355" s="85"/>
      <c r="CE1355" s="85"/>
      <c r="CF1355" s="85"/>
      <c r="CG1355" s="85"/>
    </row>
    <row r="1356" spans="1:85" s="9" customFormat="1" x14ac:dyDescent="0.2">
      <c r="A1356" s="85"/>
      <c r="J1356" s="85"/>
      <c r="K1356" s="85"/>
      <c r="L1356" s="85"/>
      <c r="M1356" s="85"/>
      <c r="N1356" s="85"/>
      <c r="O1356" s="85"/>
      <c r="P1356" s="85"/>
      <c r="Q1356" s="85"/>
      <c r="R1356" s="85"/>
      <c r="S1356" s="85"/>
      <c r="T1356" s="85"/>
      <c r="U1356" s="85"/>
      <c r="V1356" s="85"/>
      <c r="W1356" s="85"/>
      <c r="X1356" s="85"/>
      <c r="Y1356" s="85"/>
      <c r="Z1356" s="85"/>
      <c r="AA1356" s="85"/>
      <c r="AB1356" s="85"/>
      <c r="AC1356" s="85"/>
      <c r="AD1356" s="85"/>
      <c r="AE1356" s="85"/>
      <c r="AF1356" s="85"/>
      <c r="AG1356" s="85"/>
      <c r="AH1356" s="85"/>
      <c r="AI1356" s="85"/>
      <c r="AJ1356" s="85"/>
      <c r="AK1356" s="85"/>
      <c r="AL1356" s="85"/>
      <c r="AM1356" s="85"/>
      <c r="AN1356" s="85"/>
      <c r="AO1356" s="85"/>
      <c r="AP1356" s="85"/>
      <c r="AQ1356" s="85"/>
      <c r="AR1356" s="85"/>
      <c r="AS1356" s="85"/>
      <c r="AT1356" s="85"/>
      <c r="AU1356" s="85"/>
      <c r="AV1356" s="85"/>
      <c r="AW1356" s="85"/>
      <c r="AX1356" s="85"/>
      <c r="AY1356" s="85"/>
      <c r="AZ1356" s="85"/>
      <c r="BA1356" s="85"/>
      <c r="BB1356" s="85"/>
      <c r="BC1356" s="85"/>
      <c r="BD1356" s="85"/>
      <c r="BE1356" s="85"/>
      <c r="BF1356" s="85"/>
      <c r="BG1356" s="85"/>
      <c r="BH1356" s="85"/>
      <c r="BI1356" s="85"/>
      <c r="BJ1356" s="85"/>
      <c r="BK1356" s="85"/>
      <c r="BL1356" s="85"/>
      <c r="BM1356" s="85"/>
      <c r="BN1356" s="85"/>
      <c r="BO1356" s="85"/>
      <c r="BP1356" s="85"/>
      <c r="BQ1356" s="85"/>
      <c r="BR1356" s="85"/>
      <c r="BS1356" s="85"/>
      <c r="BT1356" s="85"/>
      <c r="BU1356" s="85"/>
      <c r="BV1356" s="85"/>
      <c r="BW1356" s="85"/>
      <c r="BX1356" s="85"/>
      <c r="BY1356" s="85"/>
      <c r="BZ1356" s="85"/>
      <c r="CA1356" s="85"/>
      <c r="CB1356" s="85"/>
      <c r="CC1356" s="85"/>
      <c r="CD1356" s="85"/>
      <c r="CE1356" s="85"/>
      <c r="CF1356" s="85"/>
      <c r="CG1356" s="85"/>
    </row>
    <row r="1357" spans="1:85" s="9" customFormat="1" x14ac:dyDescent="0.2">
      <c r="A1357" s="85"/>
      <c r="J1357" s="85"/>
      <c r="K1357" s="85"/>
      <c r="L1357" s="85"/>
      <c r="M1357" s="85"/>
      <c r="N1357" s="85"/>
      <c r="O1357" s="85"/>
      <c r="P1357" s="85"/>
      <c r="Q1357" s="85"/>
      <c r="R1357" s="85"/>
      <c r="S1357" s="85"/>
      <c r="T1357" s="85"/>
      <c r="U1357" s="85"/>
      <c r="V1357" s="85"/>
      <c r="W1357" s="85"/>
      <c r="X1357" s="85"/>
      <c r="Y1357" s="85"/>
      <c r="Z1357" s="85"/>
      <c r="AA1357" s="85"/>
      <c r="AB1357" s="85"/>
      <c r="AC1357" s="85"/>
      <c r="AD1357" s="85"/>
      <c r="AE1357" s="85"/>
      <c r="AF1357" s="85"/>
      <c r="AG1357" s="85"/>
      <c r="AH1357" s="85"/>
      <c r="AI1357" s="85"/>
      <c r="AJ1357" s="85"/>
      <c r="AK1357" s="85"/>
      <c r="AL1357" s="85"/>
      <c r="AM1357" s="85"/>
      <c r="AN1357" s="85"/>
      <c r="AO1357" s="85"/>
      <c r="AP1357" s="85"/>
      <c r="AQ1357" s="85"/>
      <c r="AR1357" s="85"/>
      <c r="AS1357" s="85"/>
      <c r="AT1357" s="85"/>
      <c r="AU1357" s="85"/>
      <c r="AV1357" s="85"/>
      <c r="AW1357" s="85"/>
      <c r="AX1357" s="85"/>
      <c r="AY1357" s="85"/>
      <c r="AZ1357" s="85"/>
      <c r="BA1357" s="85"/>
      <c r="BB1357" s="85"/>
      <c r="BC1357" s="85"/>
      <c r="BD1357" s="85"/>
      <c r="BE1357" s="85"/>
      <c r="BF1357" s="85"/>
      <c r="BG1357" s="85"/>
      <c r="BH1357" s="85"/>
      <c r="BI1357" s="85"/>
      <c r="BJ1357" s="85"/>
      <c r="BK1357" s="85"/>
      <c r="BL1357" s="85"/>
      <c r="BM1357" s="85"/>
      <c r="BN1357" s="85"/>
      <c r="BO1357" s="85"/>
      <c r="BP1357" s="85"/>
      <c r="BQ1357" s="85"/>
      <c r="BR1357" s="85"/>
      <c r="BS1357" s="85"/>
      <c r="BT1357" s="85"/>
      <c r="BU1357" s="85"/>
      <c r="BV1357" s="85"/>
      <c r="BW1357" s="85"/>
      <c r="BX1357" s="85"/>
      <c r="BY1357" s="85"/>
      <c r="BZ1357" s="85"/>
      <c r="CA1357" s="85"/>
      <c r="CB1357" s="85"/>
      <c r="CC1357" s="85"/>
      <c r="CD1357" s="85"/>
      <c r="CE1357" s="85"/>
      <c r="CF1357" s="85"/>
      <c r="CG1357" s="85"/>
    </row>
    <row r="1358" spans="1:85" s="9" customFormat="1" x14ac:dyDescent="0.2">
      <c r="A1358" s="85"/>
      <c r="J1358" s="85"/>
      <c r="K1358" s="85"/>
      <c r="L1358" s="85"/>
      <c r="M1358" s="85"/>
      <c r="N1358" s="85"/>
      <c r="O1358" s="85"/>
      <c r="P1358" s="85"/>
      <c r="Q1358" s="85"/>
      <c r="R1358" s="85"/>
      <c r="S1358" s="85"/>
      <c r="T1358" s="85"/>
      <c r="U1358" s="85"/>
      <c r="V1358" s="85"/>
      <c r="W1358" s="85"/>
      <c r="X1358" s="85"/>
      <c r="Y1358" s="85"/>
      <c r="Z1358" s="85"/>
      <c r="AA1358" s="85"/>
      <c r="AB1358" s="85"/>
      <c r="AC1358" s="85"/>
      <c r="AD1358" s="85"/>
      <c r="AE1358" s="85"/>
      <c r="AF1358" s="85"/>
      <c r="AG1358" s="85"/>
      <c r="AH1358" s="85"/>
      <c r="AI1358" s="85"/>
      <c r="AJ1358" s="85"/>
      <c r="AK1358" s="85"/>
      <c r="AL1358" s="85"/>
      <c r="AM1358" s="85"/>
      <c r="AN1358" s="85"/>
      <c r="AO1358" s="85"/>
      <c r="AP1358" s="85"/>
      <c r="AQ1358" s="85"/>
      <c r="AR1358" s="85"/>
      <c r="AS1358" s="85"/>
      <c r="AT1358" s="85"/>
      <c r="AU1358" s="85"/>
      <c r="AV1358" s="85"/>
      <c r="AW1358" s="85"/>
      <c r="AX1358" s="85"/>
      <c r="AY1358" s="85"/>
      <c r="AZ1358" s="85"/>
      <c r="BA1358" s="85"/>
      <c r="BB1358" s="85"/>
      <c r="BC1358" s="85"/>
      <c r="BD1358" s="85"/>
      <c r="BE1358" s="85"/>
      <c r="BF1358" s="85"/>
      <c r="BG1358" s="85"/>
      <c r="BH1358" s="85"/>
      <c r="BI1358" s="85"/>
      <c r="BJ1358" s="85"/>
      <c r="BK1358" s="85"/>
      <c r="BL1358" s="85"/>
      <c r="BM1358" s="85"/>
      <c r="BN1358" s="85"/>
      <c r="BO1358" s="85"/>
      <c r="BP1358" s="85"/>
      <c r="BQ1358" s="85"/>
      <c r="BR1358" s="85"/>
      <c r="BS1358" s="85"/>
      <c r="BT1358" s="85"/>
      <c r="BU1358" s="85"/>
      <c r="BV1358" s="85"/>
      <c r="BW1358" s="85"/>
      <c r="BX1358" s="85"/>
      <c r="BY1358" s="85"/>
      <c r="BZ1358" s="85"/>
      <c r="CA1358" s="85"/>
      <c r="CB1358" s="85"/>
      <c r="CC1358" s="85"/>
      <c r="CD1358" s="85"/>
      <c r="CE1358" s="85"/>
      <c r="CF1358" s="85"/>
      <c r="CG1358" s="85"/>
    </row>
    <row r="1359" spans="1:85" s="9" customFormat="1" x14ac:dyDescent="0.2">
      <c r="A1359" s="85"/>
      <c r="J1359" s="85"/>
      <c r="K1359" s="85"/>
      <c r="L1359" s="85"/>
      <c r="M1359" s="85"/>
      <c r="N1359" s="85"/>
      <c r="O1359" s="85"/>
      <c r="P1359" s="85"/>
      <c r="Q1359" s="85"/>
      <c r="R1359" s="85"/>
      <c r="S1359" s="85"/>
      <c r="T1359" s="85"/>
      <c r="U1359" s="85"/>
      <c r="V1359" s="85"/>
      <c r="W1359" s="85"/>
      <c r="X1359" s="85"/>
      <c r="Y1359" s="85"/>
      <c r="Z1359" s="85"/>
      <c r="AA1359" s="85"/>
      <c r="AB1359" s="85"/>
      <c r="AC1359" s="85"/>
      <c r="AD1359" s="85"/>
      <c r="AE1359" s="85"/>
      <c r="AF1359" s="85"/>
      <c r="AG1359" s="85"/>
      <c r="AH1359" s="85"/>
      <c r="AI1359" s="85"/>
      <c r="AJ1359" s="85"/>
      <c r="AK1359" s="85"/>
      <c r="AL1359" s="85"/>
      <c r="AM1359" s="85"/>
      <c r="AN1359" s="85"/>
      <c r="AO1359" s="85"/>
      <c r="AP1359" s="85"/>
      <c r="AQ1359" s="85"/>
      <c r="AR1359" s="85"/>
      <c r="AS1359" s="85"/>
      <c r="AT1359" s="85"/>
      <c r="AU1359" s="85"/>
      <c r="AV1359" s="85"/>
      <c r="AW1359" s="85"/>
      <c r="AX1359" s="85"/>
      <c r="AY1359" s="85"/>
      <c r="AZ1359" s="85"/>
      <c r="BA1359" s="85"/>
      <c r="BB1359" s="85"/>
      <c r="BC1359" s="85"/>
      <c r="BD1359" s="85"/>
      <c r="BE1359" s="85"/>
      <c r="BF1359" s="85"/>
      <c r="BG1359" s="85"/>
      <c r="BH1359" s="85"/>
      <c r="BI1359" s="85"/>
      <c r="BJ1359" s="85"/>
      <c r="BK1359" s="85"/>
      <c r="BL1359" s="85"/>
      <c r="BM1359" s="85"/>
      <c r="BN1359" s="85"/>
      <c r="BO1359" s="85"/>
      <c r="BP1359" s="85"/>
      <c r="BQ1359" s="85"/>
      <c r="BR1359" s="85"/>
      <c r="BS1359" s="85"/>
      <c r="BT1359" s="85"/>
      <c r="BU1359" s="85"/>
      <c r="BV1359" s="85"/>
      <c r="BW1359" s="85"/>
      <c r="BX1359" s="85"/>
      <c r="BY1359" s="85"/>
      <c r="BZ1359" s="85"/>
      <c r="CA1359" s="85"/>
      <c r="CB1359" s="85"/>
      <c r="CC1359" s="85"/>
      <c r="CD1359" s="85"/>
      <c r="CE1359" s="85"/>
      <c r="CF1359" s="85"/>
      <c r="CG1359" s="85"/>
    </row>
    <row r="1360" spans="1:85" s="9" customFormat="1" x14ac:dyDescent="0.2">
      <c r="A1360" s="85"/>
      <c r="J1360" s="85"/>
      <c r="K1360" s="85"/>
      <c r="L1360" s="85"/>
      <c r="M1360" s="85"/>
      <c r="N1360" s="85"/>
      <c r="O1360" s="85"/>
      <c r="P1360" s="85"/>
      <c r="Q1360" s="85"/>
      <c r="R1360" s="85"/>
      <c r="S1360" s="85"/>
      <c r="T1360" s="85"/>
      <c r="U1360" s="85"/>
      <c r="V1360" s="85"/>
      <c r="W1360" s="85"/>
      <c r="X1360" s="85"/>
      <c r="Y1360" s="85"/>
      <c r="Z1360" s="85"/>
      <c r="AA1360" s="85"/>
      <c r="AB1360" s="85"/>
      <c r="AC1360" s="85"/>
      <c r="AD1360" s="85"/>
      <c r="AE1360" s="85"/>
      <c r="AF1360" s="85"/>
      <c r="AG1360" s="85"/>
      <c r="AH1360" s="85"/>
      <c r="AI1360" s="85"/>
      <c r="AJ1360" s="85"/>
      <c r="AK1360" s="85"/>
      <c r="AL1360" s="85"/>
      <c r="AM1360" s="85"/>
      <c r="AN1360" s="85"/>
      <c r="AO1360" s="85"/>
      <c r="AP1360" s="85"/>
      <c r="AQ1360" s="85"/>
      <c r="AR1360" s="85"/>
      <c r="AS1360" s="85"/>
      <c r="AT1360" s="85"/>
      <c r="AU1360" s="85"/>
      <c r="AV1360" s="85"/>
      <c r="AW1360" s="85"/>
      <c r="AX1360" s="85"/>
      <c r="AY1360" s="85"/>
      <c r="AZ1360" s="85"/>
      <c r="BA1360" s="85"/>
      <c r="BB1360" s="85"/>
      <c r="BC1360" s="85"/>
      <c r="BD1360" s="85"/>
      <c r="BE1360" s="85"/>
      <c r="BF1360" s="85"/>
      <c r="BG1360" s="85"/>
      <c r="BH1360" s="85"/>
      <c r="BI1360" s="85"/>
      <c r="BJ1360" s="85"/>
      <c r="BK1360" s="85"/>
      <c r="BL1360" s="85"/>
      <c r="BM1360" s="85"/>
      <c r="BN1360" s="85"/>
      <c r="BO1360" s="85"/>
      <c r="BP1360" s="85"/>
      <c r="BQ1360" s="85"/>
      <c r="BR1360" s="85"/>
      <c r="BS1360" s="85"/>
      <c r="BT1360" s="85"/>
      <c r="BU1360" s="85"/>
      <c r="BV1360" s="85"/>
      <c r="BW1360" s="85"/>
      <c r="BX1360" s="85"/>
      <c r="BY1360" s="85"/>
      <c r="BZ1360" s="85"/>
      <c r="CA1360" s="85"/>
      <c r="CB1360" s="85"/>
      <c r="CC1360" s="85"/>
      <c r="CD1360" s="85"/>
      <c r="CE1360" s="85"/>
      <c r="CF1360" s="85"/>
      <c r="CG1360" s="85"/>
    </row>
    <row r="1361" spans="1:85" s="9" customFormat="1" x14ac:dyDescent="0.2">
      <c r="A1361" s="85"/>
      <c r="J1361" s="85"/>
      <c r="K1361" s="85"/>
      <c r="L1361" s="85"/>
      <c r="M1361" s="85"/>
      <c r="N1361" s="85"/>
      <c r="O1361" s="85"/>
      <c r="P1361" s="85"/>
      <c r="Q1361" s="85"/>
      <c r="R1361" s="85"/>
      <c r="S1361" s="85"/>
      <c r="T1361" s="85"/>
      <c r="U1361" s="85"/>
      <c r="V1361" s="85"/>
      <c r="W1361" s="85"/>
      <c r="X1361" s="85"/>
      <c r="Y1361" s="85"/>
      <c r="Z1361" s="85"/>
      <c r="AA1361" s="85"/>
      <c r="AB1361" s="85"/>
      <c r="AC1361" s="85"/>
      <c r="AD1361" s="85"/>
      <c r="AE1361" s="85"/>
      <c r="AF1361" s="85"/>
      <c r="AG1361" s="85"/>
      <c r="AH1361" s="85"/>
      <c r="AI1361" s="85"/>
      <c r="AJ1361" s="85"/>
      <c r="AK1361" s="85"/>
      <c r="AL1361" s="85"/>
      <c r="AM1361" s="85"/>
      <c r="AN1361" s="85"/>
      <c r="AO1361" s="85"/>
      <c r="AP1361" s="85"/>
      <c r="AQ1361" s="85"/>
      <c r="AR1361" s="85"/>
      <c r="AS1361" s="85"/>
      <c r="AT1361" s="85"/>
      <c r="AU1361" s="85"/>
      <c r="AV1361" s="85"/>
      <c r="AW1361" s="85"/>
      <c r="AX1361" s="85"/>
      <c r="AY1361" s="85"/>
      <c r="AZ1361" s="85"/>
      <c r="BA1361" s="85"/>
      <c r="BB1361" s="85"/>
      <c r="BC1361" s="85"/>
      <c r="BD1361" s="85"/>
      <c r="BE1361" s="85"/>
      <c r="BF1361" s="85"/>
      <c r="BG1361" s="85"/>
      <c r="BH1361" s="85"/>
      <c r="BI1361" s="85"/>
      <c r="BJ1361" s="85"/>
      <c r="BK1361" s="85"/>
      <c r="BL1361" s="85"/>
      <c r="BM1361" s="85"/>
      <c r="BN1361" s="85"/>
      <c r="BO1361" s="85"/>
      <c r="BP1361" s="85"/>
      <c r="BQ1361" s="85"/>
      <c r="BR1361" s="85"/>
      <c r="BS1361" s="85"/>
      <c r="BT1361" s="85"/>
      <c r="BU1361" s="85"/>
      <c r="BV1361" s="85"/>
      <c r="BW1361" s="85"/>
      <c r="BX1361" s="85"/>
      <c r="BY1361" s="85"/>
      <c r="BZ1361" s="85"/>
      <c r="CA1361" s="85"/>
      <c r="CB1361" s="85"/>
      <c r="CC1361" s="85"/>
      <c r="CD1361" s="85"/>
      <c r="CE1361" s="85"/>
      <c r="CF1361" s="85"/>
      <c r="CG1361" s="85"/>
    </row>
    <row r="1362" spans="1:85" s="9" customFormat="1" x14ac:dyDescent="0.2">
      <c r="A1362" s="85"/>
      <c r="J1362" s="85"/>
      <c r="K1362" s="85"/>
      <c r="L1362" s="85"/>
      <c r="M1362" s="85"/>
      <c r="N1362" s="85"/>
      <c r="O1362" s="85"/>
      <c r="P1362" s="85"/>
      <c r="Q1362" s="85"/>
      <c r="R1362" s="85"/>
      <c r="S1362" s="85"/>
      <c r="T1362" s="85"/>
      <c r="U1362" s="85"/>
      <c r="V1362" s="85"/>
      <c r="W1362" s="85"/>
      <c r="X1362" s="85"/>
      <c r="Y1362" s="85"/>
      <c r="Z1362" s="85"/>
      <c r="AA1362" s="85"/>
      <c r="AB1362" s="85"/>
      <c r="AC1362" s="85"/>
      <c r="AD1362" s="85"/>
      <c r="AE1362" s="85"/>
      <c r="AF1362" s="85"/>
      <c r="AG1362" s="85"/>
      <c r="AH1362" s="85"/>
      <c r="AI1362" s="85"/>
      <c r="AJ1362" s="85"/>
      <c r="AK1362" s="85"/>
      <c r="AL1362" s="85"/>
      <c r="AM1362" s="85"/>
      <c r="AN1362" s="85"/>
      <c r="AO1362" s="85"/>
      <c r="AP1362" s="85"/>
      <c r="AQ1362" s="85"/>
      <c r="AR1362" s="85"/>
      <c r="AS1362" s="85"/>
      <c r="AT1362" s="85"/>
      <c r="AU1362" s="85"/>
      <c r="AV1362" s="85"/>
      <c r="AW1362" s="85"/>
      <c r="AX1362" s="85"/>
      <c r="AY1362" s="85"/>
      <c r="AZ1362" s="85"/>
      <c r="BA1362" s="85"/>
      <c r="BB1362" s="85"/>
      <c r="BC1362" s="85"/>
      <c r="BD1362" s="85"/>
      <c r="BE1362" s="85"/>
      <c r="BF1362" s="85"/>
      <c r="BG1362" s="85"/>
      <c r="BH1362" s="85"/>
      <c r="BI1362" s="85"/>
      <c r="BJ1362" s="85"/>
      <c r="BK1362" s="85"/>
      <c r="BL1362" s="85"/>
      <c r="BM1362" s="85"/>
      <c r="BN1362" s="85"/>
      <c r="BO1362" s="85"/>
      <c r="BP1362" s="85"/>
      <c r="BQ1362" s="85"/>
      <c r="BR1362" s="85"/>
      <c r="BS1362" s="85"/>
      <c r="BT1362" s="85"/>
      <c r="BU1362" s="85"/>
      <c r="BV1362" s="85"/>
      <c r="BW1362" s="85"/>
      <c r="BX1362" s="85"/>
      <c r="BY1362" s="85"/>
      <c r="BZ1362" s="85"/>
      <c r="CA1362" s="85"/>
      <c r="CB1362" s="85"/>
      <c r="CC1362" s="85"/>
      <c r="CD1362" s="85"/>
      <c r="CE1362" s="85"/>
      <c r="CF1362" s="85"/>
      <c r="CG1362" s="85"/>
    </row>
    <row r="1363" spans="1:85" s="9" customFormat="1" x14ac:dyDescent="0.2">
      <c r="A1363" s="85"/>
      <c r="J1363" s="85"/>
      <c r="K1363" s="85"/>
      <c r="L1363" s="85"/>
      <c r="M1363" s="85"/>
      <c r="N1363" s="85"/>
      <c r="O1363" s="85"/>
      <c r="P1363" s="85"/>
      <c r="Q1363" s="85"/>
      <c r="R1363" s="85"/>
      <c r="S1363" s="85"/>
      <c r="T1363" s="85"/>
      <c r="U1363" s="85"/>
      <c r="V1363" s="85"/>
      <c r="W1363" s="85"/>
      <c r="X1363" s="85"/>
      <c r="Y1363" s="85"/>
      <c r="Z1363" s="85"/>
      <c r="AA1363" s="85"/>
      <c r="AB1363" s="85"/>
      <c r="AC1363" s="85"/>
      <c r="AD1363" s="85"/>
      <c r="AE1363" s="85"/>
      <c r="AF1363" s="85"/>
      <c r="AG1363" s="85"/>
      <c r="AH1363" s="85"/>
      <c r="AI1363" s="85"/>
      <c r="AJ1363" s="85"/>
      <c r="AK1363" s="85"/>
      <c r="AL1363" s="85"/>
      <c r="AM1363" s="85"/>
      <c r="AN1363" s="85"/>
      <c r="AO1363" s="85"/>
      <c r="AP1363" s="85"/>
      <c r="AQ1363" s="85"/>
      <c r="AR1363" s="85"/>
      <c r="AS1363" s="85"/>
      <c r="AT1363" s="85"/>
      <c r="AU1363" s="85"/>
      <c r="AV1363" s="85"/>
      <c r="AW1363" s="85"/>
      <c r="AX1363" s="85"/>
      <c r="AY1363" s="85"/>
      <c r="AZ1363" s="85"/>
      <c r="BA1363" s="85"/>
      <c r="BB1363" s="85"/>
      <c r="BC1363" s="85"/>
      <c r="BD1363" s="85"/>
      <c r="BE1363" s="85"/>
      <c r="BF1363" s="85"/>
      <c r="BG1363" s="85"/>
      <c r="BH1363" s="85"/>
      <c r="BI1363" s="85"/>
      <c r="BJ1363" s="85"/>
      <c r="BK1363" s="85"/>
      <c r="BL1363" s="85"/>
      <c r="BM1363" s="85"/>
      <c r="BN1363" s="85"/>
      <c r="BO1363" s="85"/>
      <c r="BP1363" s="85"/>
      <c r="BQ1363" s="85"/>
      <c r="BR1363" s="85"/>
      <c r="BS1363" s="85"/>
      <c r="BT1363" s="85"/>
      <c r="BU1363" s="85"/>
      <c r="BV1363" s="85"/>
      <c r="BW1363" s="85"/>
      <c r="BX1363" s="85"/>
      <c r="BY1363" s="85"/>
      <c r="BZ1363" s="85"/>
      <c r="CA1363" s="85"/>
      <c r="CB1363" s="85"/>
      <c r="CC1363" s="85"/>
      <c r="CD1363" s="85"/>
      <c r="CE1363" s="85"/>
      <c r="CF1363" s="85"/>
      <c r="CG1363" s="85"/>
    </row>
    <row r="1364" spans="1:85" s="9" customFormat="1" x14ac:dyDescent="0.2">
      <c r="A1364" s="85"/>
      <c r="J1364" s="85"/>
      <c r="K1364" s="85"/>
      <c r="L1364" s="85"/>
      <c r="M1364" s="85"/>
      <c r="N1364" s="85"/>
      <c r="O1364" s="85"/>
      <c r="P1364" s="85"/>
      <c r="Q1364" s="85"/>
      <c r="R1364" s="85"/>
      <c r="S1364" s="85"/>
      <c r="T1364" s="85"/>
      <c r="U1364" s="85"/>
      <c r="V1364" s="85"/>
      <c r="W1364" s="85"/>
      <c r="X1364" s="85"/>
      <c r="Y1364" s="85"/>
      <c r="Z1364" s="85"/>
      <c r="AA1364" s="85"/>
      <c r="AB1364" s="85"/>
      <c r="AC1364" s="85"/>
      <c r="AD1364" s="85"/>
      <c r="AE1364" s="85"/>
      <c r="AF1364" s="85"/>
      <c r="AG1364" s="85"/>
      <c r="AH1364" s="85"/>
      <c r="AI1364" s="85"/>
      <c r="AJ1364" s="85"/>
      <c r="AK1364" s="85"/>
      <c r="AL1364" s="85"/>
      <c r="AM1364" s="85"/>
      <c r="AN1364" s="85"/>
      <c r="AO1364" s="85"/>
      <c r="AP1364" s="85"/>
      <c r="AQ1364" s="85"/>
      <c r="AR1364" s="85"/>
      <c r="AS1364" s="85"/>
      <c r="AT1364" s="85"/>
      <c r="AU1364" s="85"/>
      <c r="AV1364" s="85"/>
      <c r="AW1364" s="85"/>
      <c r="AX1364" s="85"/>
      <c r="AY1364" s="85"/>
      <c r="AZ1364" s="85"/>
      <c r="BA1364" s="85"/>
      <c r="BB1364" s="85"/>
      <c r="BC1364" s="85"/>
      <c r="BD1364" s="85"/>
      <c r="BE1364" s="85"/>
      <c r="BF1364" s="85"/>
      <c r="BG1364" s="85"/>
      <c r="BH1364" s="85"/>
      <c r="BI1364" s="85"/>
      <c r="BJ1364" s="85"/>
      <c r="BK1364" s="85"/>
      <c r="BL1364" s="85"/>
      <c r="BM1364" s="85"/>
      <c r="BN1364" s="85"/>
      <c r="BO1364" s="85"/>
      <c r="BP1364" s="85"/>
      <c r="BQ1364" s="85"/>
      <c r="BR1364" s="85"/>
      <c r="BS1364" s="85"/>
      <c r="BT1364" s="85"/>
      <c r="BU1364" s="85"/>
      <c r="BV1364" s="85"/>
      <c r="BW1364" s="85"/>
      <c r="BX1364" s="85"/>
      <c r="BY1364" s="85"/>
      <c r="BZ1364" s="85"/>
      <c r="CA1364" s="85"/>
      <c r="CB1364" s="85"/>
      <c r="CC1364" s="85"/>
      <c r="CD1364" s="85"/>
      <c r="CE1364" s="85"/>
      <c r="CF1364" s="85"/>
      <c r="CG1364" s="85"/>
    </row>
    <row r="1365" spans="1:85" s="9" customFormat="1" x14ac:dyDescent="0.2">
      <c r="A1365" s="85"/>
      <c r="J1365" s="85"/>
      <c r="K1365" s="85"/>
      <c r="L1365" s="85"/>
      <c r="M1365" s="85"/>
      <c r="N1365" s="85"/>
      <c r="O1365" s="85"/>
      <c r="P1365" s="85"/>
      <c r="Q1365" s="85"/>
      <c r="R1365" s="85"/>
      <c r="S1365" s="85"/>
      <c r="T1365" s="85"/>
      <c r="U1365" s="85"/>
      <c r="V1365" s="85"/>
      <c r="W1365" s="85"/>
      <c r="X1365" s="85"/>
      <c r="Y1365" s="85"/>
      <c r="Z1365" s="85"/>
      <c r="AA1365" s="85"/>
      <c r="AB1365" s="85"/>
      <c r="AC1365" s="85"/>
      <c r="AD1365" s="85"/>
      <c r="AE1365" s="85"/>
      <c r="AF1365" s="85"/>
      <c r="AG1365" s="85"/>
      <c r="AH1365" s="85"/>
      <c r="AI1365" s="85"/>
      <c r="AJ1365" s="85"/>
      <c r="AK1365" s="85"/>
      <c r="AL1365" s="85"/>
      <c r="AM1365" s="85"/>
      <c r="AN1365" s="85"/>
      <c r="AO1365" s="85"/>
      <c r="AP1365" s="85"/>
      <c r="AQ1365" s="85"/>
      <c r="AR1365" s="85"/>
      <c r="AS1365" s="85"/>
      <c r="AT1365" s="85"/>
      <c r="AU1365" s="85"/>
      <c r="AV1365" s="85"/>
      <c r="AW1365" s="85"/>
      <c r="AX1365" s="85"/>
      <c r="AY1365" s="85"/>
      <c r="AZ1365" s="85"/>
      <c r="BA1365" s="85"/>
      <c r="BB1365" s="85"/>
      <c r="BC1365" s="85"/>
      <c r="BD1365" s="85"/>
      <c r="BE1365" s="85"/>
      <c r="BF1365" s="85"/>
      <c r="BG1365" s="85"/>
      <c r="BH1365" s="85"/>
      <c r="BI1365" s="85"/>
      <c r="BJ1365" s="85"/>
      <c r="BK1365" s="85"/>
      <c r="BL1365" s="85"/>
      <c r="BM1365" s="85"/>
      <c r="BN1365" s="85"/>
      <c r="BO1365" s="85"/>
      <c r="BP1365" s="85"/>
      <c r="BQ1365" s="85"/>
      <c r="BR1365" s="85"/>
      <c r="BS1365" s="85"/>
      <c r="BT1365" s="85"/>
      <c r="BU1365" s="85"/>
      <c r="BV1365" s="85"/>
      <c r="BW1365" s="85"/>
      <c r="BX1365" s="85"/>
      <c r="BY1365" s="85"/>
      <c r="BZ1365" s="85"/>
      <c r="CA1365" s="85"/>
      <c r="CB1365" s="85"/>
      <c r="CC1365" s="85"/>
      <c r="CD1365" s="85"/>
      <c r="CE1365" s="85"/>
      <c r="CF1365" s="85"/>
      <c r="CG1365" s="85"/>
    </row>
    <row r="1366" spans="1:85" s="9" customFormat="1" x14ac:dyDescent="0.2">
      <c r="A1366" s="85"/>
      <c r="J1366" s="85"/>
      <c r="K1366" s="85"/>
      <c r="L1366" s="85"/>
      <c r="M1366" s="85"/>
      <c r="N1366" s="85"/>
      <c r="O1366" s="85"/>
      <c r="P1366" s="85"/>
      <c r="Q1366" s="85"/>
      <c r="R1366" s="85"/>
      <c r="S1366" s="85"/>
      <c r="T1366" s="85"/>
      <c r="U1366" s="85"/>
      <c r="V1366" s="85"/>
      <c r="W1366" s="85"/>
      <c r="X1366" s="85"/>
      <c r="Y1366" s="85"/>
      <c r="Z1366" s="85"/>
      <c r="AA1366" s="85"/>
      <c r="AB1366" s="85"/>
      <c r="AC1366" s="85"/>
      <c r="AD1366" s="85"/>
      <c r="AE1366" s="85"/>
      <c r="AF1366" s="85"/>
      <c r="AG1366" s="85"/>
      <c r="AH1366" s="85"/>
      <c r="AI1366" s="85"/>
      <c r="AJ1366" s="85"/>
      <c r="AK1366" s="85"/>
      <c r="AL1366" s="85"/>
      <c r="AM1366" s="85"/>
      <c r="AN1366" s="85"/>
      <c r="AO1366" s="85"/>
      <c r="AP1366" s="85"/>
      <c r="AQ1366" s="85"/>
      <c r="AR1366" s="85"/>
      <c r="AS1366" s="85"/>
      <c r="AT1366" s="85"/>
      <c r="AU1366" s="85"/>
      <c r="AV1366" s="85"/>
      <c r="AW1366" s="85"/>
      <c r="AX1366" s="85"/>
      <c r="AY1366" s="85"/>
      <c r="AZ1366" s="85"/>
      <c r="BA1366" s="85"/>
      <c r="BB1366" s="85"/>
      <c r="BC1366" s="85"/>
      <c r="BD1366" s="85"/>
      <c r="BE1366" s="85"/>
      <c r="BF1366" s="85"/>
      <c r="BG1366" s="85"/>
      <c r="BH1366" s="85"/>
      <c r="BI1366" s="85"/>
      <c r="BJ1366" s="85"/>
      <c r="BK1366" s="85"/>
      <c r="BL1366" s="85"/>
      <c r="BM1366" s="85"/>
      <c r="BN1366" s="85"/>
      <c r="BO1366" s="85"/>
      <c r="BP1366" s="85"/>
      <c r="BQ1366" s="85"/>
      <c r="BR1366" s="85"/>
      <c r="BS1366" s="85"/>
      <c r="BT1366" s="85"/>
      <c r="BU1366" s="85"/>
      <c r="BV1366" s="85"/>
      <c r="BW1366" s="85"/>
      <c r="BX1366" s="85"/>
      <c r="BY1366" s="85"/>
      <c r="BZ1366" s="85"/>
      <c r="CA1366" s="85"/>
      <c r="CB1366" s="85"/>
      <c r="CC1366" s="85"/>
      <c r="CD1366" s="85"/>
      <c r="CE1366" s="85"/>
      <c r="CF1366" s="85"/>
      <c r="CG1366" s="85"/>
    </row>
    <row r="1367" spans="1:85" s="9" customFormat="1" x14ac:dyDescent="0.2">
      <c r="A1367" s="85"/>
      <c r="J1367" s="85"/>
      <c r="K1367" s="85"/>
      <c r="L1367" s="85"/>
      <c r="M1367" s="85"/>
      <c r="N1367" s="85"/>
      <c r="O1367" s="85"/>
      <c r="P1367" s="85"/>
      <c r="Q1367" s="85"/>
      <c r="R1367" s="85"/>
      <c r="S1367" s="85"/>
      <c r="T1367" s="85"/>
      <c r="U1367" s="85"/>
      <c r="V1367" s="85"/>
      <c r="W1367" s="85"/>
      <c r="X1367" s="85"/>
      <c r="Y1367" s="85"/>
      <c r="Z1367" s="85"/>
      <c r="AA1367" s="85"/>
      <c r="AB1367" s="85"/>
      <c r="AC1367" s="85"/>
      <c r="AD1367" s="85"/>
      <c r="AE1367" s="85"/>
      <c r="AF1367" s="85"/>
      <c r="AG1367" s="85"/>
      <c r="AH1367" s="85"/>
      <c r="AI1367" s="85"/>
      <c r="AJ1367" s="85"/>
      <c r="AK1367" s="85"/>
      <c r="AL1367" s="85"/>
      <c r="AM1367" s="85"/>
      <c r="AN1367" s="85"/>
      <c r="AO1367" s="85"/>
      <c r="AP1367" s="85"/>
      <c r="AQ1367" s="85"/>
      <c r="AR1367" s="85"/>
      <c r="AS1367" s="85"/>
      <c r="AT1367" s="85"/>
      <c r="AU1367" s="85"/>
      <c r="AV1367" s="85"/>
      <c r="AW1367" s="85"/>
      <c r="AX1367" s="85"/>
      <c r="AY1367" s="85"/>
      <c r="AZ1367" s="85"/>
      <c r="BA1367" s="85"/>
      <c r="BB1367" s="85"/>
      <c r="BC1367" s="85"/>
      <c r="BD1367" s="85"/>
      <c r="BE1367" s="85"/>
      <c r="BF1367" s="85"/>
      <c r="BG1367" s="85"/>
      <c r="BH1367" s="85"/>
      <c r="BI1367" s="85"/>
      <c r="BJ1367" s="85"/>
      <c r="BK1367" s="85"/>
      <c r="BL1367" s="85"/>
      <c r="BM1367" s="85"/>
      <c r="BN1367" s="85"/>
      <c r="BO1367" s="85"/>
      <c r="BP1367" s="85"/>
      <c r="BQ1367" s="85"/>
      <c r="BR1367" s="85"/>
      <c r="BS1367" s="85"/>
      <c r="BT1367" s="85"/>
      <c r="BU1367" s="85"/>
      <c r="BV1367" s="85"/>
      <c r="BW1367" s="85"/>
      <c r="BX1367" s="85"/>
      <c r="BY1367" s="85"/>
      <c r="BZ1367" s="85"/>
      <c r="CA1367" s="85"/>
      <c r="CB1367" s="85"/>
      <c r="CC1367" s="85"/>
      <c r="CD1367" s="85"/>
      <c r="CE1367" s="85"/>
      <c r="CF1367" s="85"/>
      <c r="CG1367" s="85"/>
    </row>
    <row r="1368" spans="1:85" s="9" customFormat="1" x14ac:dyDescent="0.2">
      <c r="A1368" s="85"/>
      <c r="J1368" s="85"/>
      <c r="K1368" s="85"/>
      <c r="L1368" s="85"/>
      <c r="M1368" s="85"/>
      <c r="N1368" s="85"/>
      <c r="O1368" s="85"/>
      <c r="P1368" s="85"/>
      <c r="Q1368" s="85"/>
      <c r="R1368" s="85"/>
      <c r="S1368" s="85"/>
      <c r="T1368" s="85"/>
      <c r="U1368" s="85"/>
      <c r="V1368" s="85"/>
      <c r="W1368" s="85"/>
      <c r="X1368" s="85"/>
      <c r="Y1368" s="85"/>
      <c r="Z1368" s="85"/>
      <c r="AA1368" s="85"/>
      <c r="AB1368" s="85"/>
      <c r="AC1368" s="85"/>
      <c r="AD1368" s="85"/>
      <c r="AE1368" s="85"/>
      <c r="AF1368" s="85"/>
      <c r="AG1368" s="85"/>
      <c r="AH1368" s="85"/>
      <c r="AI1368" s="85"/>
      <c r="AJ1368" s="85"/>
      <c r="AK1368" s="85"/>
      <c r="AL1368" s="85"/>
      <c r="AM1368" s="85"/>
      <c r="AN1368" s="85"/>
      <c r="AO1368" s="85"/>
      <c r="AP1368" s="85"/>
      <c r="AQ1368" s="85"/>
      <c r="AR1368" s="85"/>
      <c r="AS1368" s="85"/>
      <c r="AT1368" s="85"/>
      <c r="AU1368" s="85"/>
      <c r="AV1368" s="85"/>
      <c r="AW1368" s="85"/>
      <c r="AX1368" s="85"/>
      <c r="AY1368" s="85"/>
      <c r="AZ1368" s="85"/>
      <c r="BA1368" s="85"/>
      <c r="BB1368" s="85"/>
      <c r="BC1368" s="85"/>
      <c r="BD1368" s="85"/>
      <c r="BE1368" s="85"/>
      <c r="BF1368" s="85"/>
      <c r="BG1368" s="85"/>
      <c r="BH1368" s="85"/>
      <c r="BI1368" s="85"/>
      <c r="BJ1368" s="85"/>
      <c r="BK1368" s="85"/>
      <c r="BL1368" s="85"/>
      <c r="BM1368" s="85"/>
      <c r="BN1368" s="85"/>
      <c r="BO1368" s="85"/>
      <c r="BP1368" s="85"/>
      <c r="BQ1368" s="85"/>
      <c r="BR1368" s="85"/>
      <c r="BS1368" s="85"/>
      <c r="BT1368" s="85"/>
      <c r="BU1368" s="85"/>
      <c r="BV1368" s="85"/>
      <c r="BW1368" s="85"/>
      <c r="BX1368" s="85"/>
      <c r="BY1368" s="85"/>
      <c r="BZ1368" s="85"/>
      <c r="CA1368" s="85"/>
      <c r="CB1368" s="85"/>
      <c r="CC1368" s="85"/>
      <c r="CD1368" s="85"/>
      <c r="CE1368" s="85"/>
      <c r="CF1368" s="85"/>
      <c r="CG1368" s="85"/>
    </row>
    <row r="1369" spans="1:85" s="9" customFormat="1" x14ac:dyDescent="0.2">
      <c r="A1369" s="85"/>
      <c r="J1369" s="85"/>
      <c r="K1369" s="85"/>
      <c r="L1369" s="85"/>
      <c r="M1369" s="85"/>
      <c r="N1369" s="85"/>
      <c r="O1369" s="85"/>
      <c r="P1369" s="85"/>
      <c r="Q1369" s="85"/>
      <c r="R1369" s="85"/>
      <c r="S1369" s="85"/>
      <c r="T1369" s="85"/>
      <c r="U1369" s="85"/>
      <c r="V1369" s="85"/>
      <c r="W1369" s="85"/>
      <c r="X1369" s="85"/>
      <c r="Y1369" s="85"/>
      <c r="Z1369" s="85"/>
      <c r="AA1369" s="85"/>
      <c r="AB1369" s="85"/>
      <c r="AC1369" s="85"/>
      <c r="AD1369" s="85"/>
      <c r="AE1369" s="85"/>
      <c r="AF1369" s="85"/>
      <c r="AG1369" s="85"/>
      <c r="AH1369" s="85"/>
      <c r="AI1369" s="85"/>
      <c r="AJ1369" s="85"/>
      <c r="AK1369" s="85"/>
      <c r="AL1369" s="85"/>
      <c r="AM1369" s="85"/>
      <c r="AN1369" s="85"/>
      <c r="AO1369" s="85"/>
      <c r="AP1369" s="85"/>
      <c r="AQ1369" s="85"/>
      <c r="AR1369" s="85"/>
      <c r="AS1369" s="85"/>
      <c r="AT1369" s="85"/>
      <c r="AU1369" s="85"/>
      <c r="AV1369" s="85"/>
      <c r="AW1369" s="85"/>
      <c r="AX1369" s="85"/>
      <c r="AY1369" s="85"/>
      <c r="AZ1369" s="85"/>
      <c r="BA1369" s="85"/>
      <c r="BB1369" s="85"/>
      <c r="BC1369" s="85"/>
      <c r="BD1369" s="85"/>
      <c r="BE1369" s="85"/>
      <c r="BF1369" s="85"/>
      <c r="BG1369" s="85"/>
      <c r="BH1369" s="85"/>
      <c r="BI1369" s="85"/>
      <c r="BJ1369" s="85"/>
      <c r="BK1369" s="85"/>
      <c r="BL1369" s="85"/>
      <c r="BM1369" s="85"/>
      <c r="BN1369" s="85"/>
      <c r="BO1369" s="85"/>
      <c r="BP1369" s="85"/>
      <c r="BQ1369" s="85"/>
      <c r="BR1369" s="85"/>
      <c r="BS1369" s="85"/>
      <c r="BT1369" s="85"/>
      <c r="BU1369" s="85"/>
      <c r="BV1369" s="85"/>
      <c r="BW1369" s="85"/>
      <c r="BX1369" s="85"/>
      <c r="BY1369" s="85"/>
      <c r="BZ1369" s="85"/>
      <c r="CA1369" s="85"/>
      <c r="CB1369" s="85"/>
      <c r="CC1369" s="85"/>
      <c r="CD1369" s="85"/>
      <c r="CE1369" s="85"/>
      <c r="CF1369" s="85"/>
      <c r="CG1369" s="85"/>
    </row>
    <row r="1370" spans="1:85" s="9" customFormat="1" x14ac:dyDescent="0.2">
      <c r="A1370" s="85"/>
      <c r="J1370" s="85"/>
      <c r="K1370" s="85"/>
      <c r="L1370" s="85"/>
      <c r="M1370" s="85"/>
      <c r="N1370" s="85"/>
      <c r="O1370" s="85"/>
      <c r="P1370" s="85"/>
      <c r="Q1370" s="85"/>
      <c r="R1370" s="85"/>
      <c r="S1370" s="85"/>
      <c r="T1370" s="85"/>
      <c r="U1370" s="85"/>
      <c r="V1370" s="85"/>
      <c r="W1370" s="85"/>
      <c r="X1370" s="85"/>
      <c r="Y1370" s="85"/>
      <c r="Z1370" s="85"/>
      <c r="AA1370" s="85"/>
      <c r="AB1370" s="85"/>
      <c r="AC1370" s="85"/>
      <c r="AD1370" s="85"/>
      <c r="AE1370" s="85"/>
      <c r="AF1370" s="85"/>
      <c r="AG1370" s="85"/>
      <c r="AH1370" s="85"/>
      <c r="AI1370" s="85"/>
      <c r="AJ1370" s="85"/>
      <c r="AK1370" s="85"/>
      <c r="AL1370" s="85"/>
      <c r="AM1370" s="85"/>
      <c r="AN1370" s="85"/>
      <c r="AO1370" s="85"/>
      <c r="AP1370" s="85"/>
      <c r="AQ1370" s="85"/>
      <c r="AR1370" s="85"/>
      <c r="AS1370" s="85"/>
      <c r="AT1370" s="85"/>
      <c r="AU1370" s="85"/>
      <c r="AV1370" s="85"/>
      <c r="AW1370" s="85"/>
      <c r="AX1370" s="85"/>
      <c r="AY1370" s="85"/>
      <c r="AZ1370" s="85"/>
      <c r="BA1370" s="85"/>
      <c r="BB1370" s="85"/>
      <c r="BC1370" s="85"/>
      <c r="BD1370" s="85"/>
      <c r="BE1370" s="85"/>
      <c r="BF1370" s="85"/>
      <c r="BG1370" s="85"/>
      <c r="BH1370" s="85"/>
      <c r="BI1370" s="85"/>
      <c r="BJ1370" s="85"/>
      <c r="BK1370" s="85"/>
      <c r="BL1370" s="85"/>
      <c r="BM1370" s="85"/>
      <c r="BN1370" s="85"/>
      <c r="BO1370" s="85"/>
      <c r="BP1370" s="85"/>
      <c r="BQ1370" s="85"/>
      <c r="BR1370" s="85"/>
      <c r="BS1370" s="85"/>
      <c r="BT1370" s="85"/>
      <c r="BU1370" s="85"/>
      <c r="BV1370" s="85"/>
      <c r="BW1370" s="85"/>
      <c r="BX1370" s="85"/>
      <c r="BY1370" s="85"/>
      <c r="BZ1370" s="85"/>
      <c r="CA1370" s="85"/>
      <c r="CB1370" s="85"/>
      <c r="CC1370" s="85"/>
      <c r="CD1370" s="85"/>
      <c r="CE1370" s="85"/>
      <c r="CF1370" s="85"/>
      <c r="CG1370" s="85"/>
    </row>
    <row r="1371" spans="1:85" s="9" customFormat="1" x14ac:dyDescent="0.2">
      <c r="A1371" s="85"/>
      <c r="J1371" s="85"/>
      <c r="K1371" s="85"/>
      <c r="L1371" s="85"/>
      <c r="M1371" s="85"/>
      <c r="N1371" s="85"/>
      <c r="O1371" s="85"/>
      <c r="P1371" s="85"/>
      <c r="Q1371" s="85"/>
      <c r="R1371" s="85"/>
      <c r="S1371" s="85"/>
      <c r="T1371" s="85"/>
      <c r="U1371" s="85"/>
      <c r="V1371" s="85"/>
      <c r="W1371" s="85"/>
      <c r="X1371" s="85"/>
      <c r="Y1371" s="85"/>
      <c r="Z1371" s="85"/>
      <c r="AA1371" s="85"/>
      <c r="AB1371" s="85"/>
      <c r="AC1371" s="85"/>
      <c r="AD1371" s="85"/>
      <c r="AE1371" s="85"/>
      <c r="AF1371" s="85"/>
      <c r="AG1371" s="85"/>
      <c r="AH1371" s="85"/>
      <c r="AI1371" s="85"/>
      <c r="AJ1371" s="85"/>
      <c r="AK1371" s="85"/>
      <c r="AL1371" s="85"/>
      <c r="AM1371" s="85"/>
      <c r="AN1371" s="85"/>
      <c r="AO1371" s="85"/>
      <c r="AP1371" s="85"/>
      <c r="AQ1371" s="85"/>
      <c r="AR1371" s="85"/>
      <c r="AS1371" s="85"/>
      <c r="AT1371" s="85"/>
      <c r="AU1371" s="85"/>
      <c r="AV1371" s="85"/>
      <c r="AW1371" s="85"/>
      <c r="AX1371" s="85"/>
      <c r="AY1371" s="85"/>
      <c r="AZ1371" s="85"/>
      <c r="BA1371" s="85"/>
      <c r="BB1371" s="85"/>
      <c r="BC1371" s="85"/>
      <c r="BD1371" s="85"/>
      <c r="BE1371" s="85"/>
      <c r="BF1371" s="85"/>
      <c r="BG1371" s="85"/>
      <c r="BH1371" s="85"/>
      <c r="BI1371" s="85"/>
      <c r="BJ1371" s="85"/>
      <c r="BK1371" s="85"/>
      <c r="BL1371" s="85"/>
      <c r="BM1371" s="85"/>
      <c r="BN1371" s="85"/>
      <c r="BO1371" s="85"/>
      <c r="BP1371" s="85"/>
      <c r="BQ1371" s="85"/>
      <c r="BR1371" s="85"/>
      <c r="BS1371" s="85"/>
      <c r="BT1371" s="85"/>
      <c r="BU1371" s="85"/>
      <c r="BV1371" s="85"/>
      <c r="BW1371" s="85"/>
      <c r="BX1371" s="85"/>
      <c r="BY1371" s="85"/>
      <c r="BZ1371" s="85"/>
      <c r="CA1371" s="85"/>
      <c r="CB1371" s="85"/>
      <c r="CC1371" s="85"/>
      <c r="CD1371" s="85"/>
      <c r="CE1371" s="85"/>
      <c r="CF1371" s="85"/>
      <c r="CG1371" s="85"/>
    </row>
    <row r="1372" spans="1:85" s="9" customFormat="1" x14ac:dyDescent="0.2">
      <c r="A1372" s="85"/>
      <c r="J1372" s="85"/>
      <c r="K1372" s="85"/>
      <c r="L1372" s="85"/>
      <c r="M1372" s="85"/>
      <c r="N1372" s="85"/>
      <c r="O1372" s="85"/>
      <c r="P1372" s="85"/>
      <c r="Q1372" s="85"/>
      <c r="R1372" s="85"/>
      <c r="S1372" s="85"/>
      <c r="T1372" s="85"/>
      <c r="U1372" s="85"/>
      <c r="V1372" s="85"/>
      <c r="W1372" s="85"/>
      <c r="X1372" s="85"/>
      <c r="Y1372" s="85"/>
      <c r="Z1372" s="85"/>
      <c r="AA1372" s="85"/>
      <c r="AB1372" s="85"/>
      <c r="AC1372" s="85"/>
      <c r="AD1372" s="85"/>
      <c r="AE1372" s="85"/>
      <c r="AF1372" s="85"/>
      <c r="AG1372" s="85"/>
      <c r="AH1372" s="85"/>
      <c r="AI1372" s="85"/>
      <c r="AJ1372" s="85"/>
      <c r="AK1372" s="85"/>
      <c r="AL1372" s="85"/>
      <c r="AM1372" s="85"/>
      <c r="AN1372" s="85"/>
      <c r="AO1372" s="85"/>
      <c r="AP1372" s="85"/>
      <c r="AQ1372" s="85"/>
      <c r="AR1372" s="85"/>
      <c r="AS1372" s="85"/>
      <c r="AT1372" s="85"/>
      <c r="AU1372" s="85"/>
      <c r="AV1372" s="85"/>
      <c r="AW1372" s="85"/>
      <c r="AX1372" s="85"/>
      <c r="AY1372" s="85"/>
      <c r="AZ1372" s="85"/>
      <c r="BA1372" s="85"/>
      <c r="BB1372" s="85"/>
      <c r="BC1372" s="85"/>
      <c r="BD1372" s="85"/>
      <c r="BE1372" s="85"/>
      <c r="BF1372" s="85"/>
      <c r="BG1372" s="85"/>
      <c r="BH1372" s="85"/>
      <c r="BI1372" s="85"/>
      <c r="BJ1372" s="85"/>
      <c r="BK1372" s="85"/>
      <c r="BL1372" s="85"/>
      <c r="BM1372" s="85"/>
      <c r="BN1372" s="85"/>
      <c r="BO1372" s="85"/>
      <c r="BP1372" s="85"/>
      <c r="BQ1372" s="85"/>
      <c r="BR1372" s="85"/>
      <c r="BS1372" s="85"/>
      <c r="BT1372" s="85"/>
      <c r="BU1372" s="85"/>
      <c r="BV1372" s="85"/>
      <c r="BW1372" s="85"/>
      <c r="BX1372" s="85"/>
      <c r="BY1372" s="85"/>
      <c r="BZ1372" s="85"/>
      <c r="CA1372" s="85"/>
      <c r="CB1372" s="85"/>
      <c r="CC1372" s="85"/>
      <c r="CD1372" s="85"/>
      <c r="CE1372" s="85"/>
      <c r="CF1372" s="85"/>
      <c r="CG1372" s="85"/>
    </row>
    <row r="1373" spans="1:85" s="9" customFormat="1" x14ac:dyDescent="0.2">
      <c r="A1373" s="85"/>
      <c r="J1373" s="85"/>
      <c r="K1373" s="85"/>
      <c r="L1373" s="85"/>
      <c r="M1373" s="85"/>
      <c r="N1373" s="85"/>
      <c r="O1373" s="85"/>
      <c r="P1373" s="85"/>
      <c r="Q1373" s="85"/>
      <c r="R1373" s="85"/>
      <c r="S1373" s="85"/>
      <c r="T1373" s="85"/>
      <c r="U1373" s="85"/>
      <c r="V1373" s="85"/>
      <c r="W1373" s="85"/>
      <c r="X1373" s="85"/>
      <c r="Y1373" s="85"/>
      <c r="Z1373" s="85"/>
      <c r="AA1373" s="85"/>
      <c r="AB1373" s="85"/>
      <c r="AC1373" s="85"/>
      <c r="AD1373" s="85"/>
      <c r="AE1373" s="85"/>
      <c r="AF1373" s="85"/>
      <c r="AG1373" s="85"/>
      <c r="AH1373" s="85"/>
      <c r="AI1373" s="85"/>
      <c r="AJ1373" s="85"/>
      <c r="AK1373" s="85"/>
      <c r="AL1373" s="85"/>
      <c r="AM1373" s="85"/>
      <c r="AN1373" s="85"/>
      <c r="AO1373" s="85"/>
      <c r="AP1373" s="85"/>
      <c r="AQ1373" s="85"/>
      <c r="AR1373" s="85"/>
      <c r="AS1373" s="85"/>
      <c r="AT1373" s="85"/>
      <c r="AU1373" s="85"/>
      <c r="AV1373" s="85"/>
      <c r="AW1373" s="85"/>
      <c r="AX1373" s="85"/>
      <c r="AY1373" s="85"/>
      <c r="AZ1373" s="85"/>
      <c r="BA1373" s="85"/>
      <c r="BB1373" s="85"/>
      <c r="BC1373" s="85"/>
      <c r="BD1373" s="85"/>
      <c r="BE1373" s="85"/>
      <c r="BF1373" s="85"/>
      <c r="BG1373" s="85"/>
      <c r="BH1373" s="85"/>
      <c r="BI1373" s="85"/>
      <c r="BJ1373" s="85"/>
      <c r="BK1373" s="85"/>
      <c r="BL1373" s="85"/>
      <c r="BM1373" s="85"/>
      <c r="BN1373" s="85"/>
      <c r="BO1373" s="85"/>
      <c r="BP1373" s="85"/>
      <c r="BQ1373" s="85"/>
      <c r="BR1373" s="85"/>
      <c r="BS1373" s="85"/>
      <c r="BT1373" s="85"/>
      <c r="BU1373" s="85"/>
      <c r="BV1373" s="85"/>
      <c r="BW1373" s="85"/>
      <c r="BX1373" s="85"/>
      <c r="BY1373" s="85"/>
      <c r="BZ1373" s="85"/>
      <c r="CA1373" s="85"/>
      <c r="CB1373" s="85"/>
      <c r="CC1373" s="85"/>
      <c r="CD1373" s="85"/>
      <c r="CE1373" s="85"/>
      <c r="CF1373" s="85"/>
      <c r="CG1373" s="85"/>
    </row>
    <row r="1374" spans="1:85" s="9" customFormat="1" x14ac:dyDescent="0.2">
      <c r="A1374" s="85"/>
      <c r="J1374" s="85"/>
      <c r="K1374" s="85"/>
      <c r="L1374" s="85"/>
      <c r="M1374" s="85"/>
      <c r="N1374" s="85"/>
      <c r="O1374" s="85"/>
      <c r="P1374" s="85"/>
      <c r="Q1374" s="85"/>
      <c r="R1374" s="85"/>
      <c r="S1374" s="85"/>
      <c r="T1374" s="85"/>
      <c r="U1374" s="85"/>
      <c r="V1374" s="85"/>
      <c r="W1374" s="85"/>
      <c r="X1374" s="85"/>
      <c r="Y1374" s="85"/>
      <c r="Z1374" s="85"/>
      <c r="AA1374" s="85"/>
      <c r="AB1374" s="85"/>
      <c r="AC1374" s="85"/>
      <c r="AD1374" s="85"/>
      <c r="AE1374" s="85"/>
      <c r="AF1374" s="85"/>
      <c r="AG1374" s="85"/>
      <c r="AH1374" s="85"/>
      <c r="AI1374" s="85"/>
      <c r="AJ1374" s="85"/>
      <c r="AK1374" s="85"/>
      <c r="AL1374" s="85"/>
      <c r="AM1374" s="85"/>
      <c r="AN1374" s="85"/>
      <c r="AO1374" s="85"/>
      <c r="AP1374" s="85"/>
      <c r="AQ1374" s="85"/>
      <c r="AR1374" s="85"/>
      <c r="AS1374" s="85"/>
      <c r="AT1374" s="85"/>
      <c r="AU1374" s="85"/>
      <c r="AV1374" s="85"/>
      <c r="AW1374" s="85"/>
      <c r="AX1374" s="85"/>
      <c r="AY1374" s="85"/>
      <c r="AZ1374" s="85"/>
      <c r="BA1374" s="85"/>
      <c r="BB1374" s="85"/>
      <c r="BC1374" s="85"/>
      <c r="BD1374" s="85"/>
      <c r="BE1374" s="85"/>
      <c r="BF1374" s="85"/>
      <c r="BG1374" s="85"/>
      <c r="BH1374" s="85"/>
      <c r="BI1374" s="85"/>
      <c r="BJ1374" s="85"/>
      <c r="BK1374" s="85"/>
      <c r="BL1374" s="85"/>
      <c r="BM1374" s="85"/>
      <c r="BN1374" s="85"/>
      <c r="BO1374" s="85"/>
      <c r="BP1374" s="85"/>
      <c r="BQ1374" s="85"/>
      <c r="BR1374" s="85"/>
      <c r="BS1374" s="85"/>
      <c r="BT1374" s="85"/>
      <c r="BU1374" s="85"/>
      <c r="BV1374" s="85"/>
      <c r="BW1374" s="85"/>
      <c r="BX1374" s="85"/>
      <c r="BY1374" s="85"/>
      <c r="BZ1374" s="85"/>
      <c r="CA1374" s="85"/>
      <c r="CB1374" s="85"/>
      <c r="CC1374" s="85"/>
      <c r="CD1374" s="85"/>
      <c r="CE1374" s="85"/>
      <c r="CF1374" s="85"/>
      <c r="CG1374" s="85"/>
    </row>
    <row r="1375" spans="1:85" s="9" customFormat="1" x14ac:dyDescent="0.2">
      <c r="A1375" s="85"/>
      <c r="J1375" s="85"/>
      <c r="K1375" s="85"/>
      <c r="L1375" s="85"/>
      <c r="M1375" s="85"/>
      <c r="N1375" s="85"/>
      <c r="O1375" s="85"/>
      <c r="P1375" s="85"/>
      <c r="Q1375" s="85"/>
      <c r="R1375" s="85"/>
      <c r="S1375" s="85"/>
      <c r="T1375" s="85"/>
      <c r="U1375" s="85"/>
      <c r="V1375" s="85"/>
      <c r="W1375" s="85"/>
      <c r="X1375" s="85"/>
      <c r="Y1375" s="85"/>
      <c r="Z1375" s="85"/>
      <c r="AA1375" s="85"/>
      <c r="AB1375" s="85"/>
      <c r="AC1375" s="85"/>
      <c r="AD1375" s="85"/>
      <c r="AE1375" s="85"/>
      <c r="AF1375" s="85"/>
      <c r="AG1375" s="85"/>
      <c r="AH1375" s="85"/>
      <c r="AI1375" s="85"/>
      <c r="AJ1375" s="85"/>
      <c r="AK1375" s="85"/>
      <c r="AL1375" s="85"/>
      <c r="AM1375" s="85"/>
      <c r="AN1375" s="85"/>
      <c r="AO1375" s="85"/>
      <c r="AP1375" s="85"/>
      <c r="AQ1375" s="85"/>
      <c r="AR1375" s="85"/>
      <c r="AS1375" s="85"/>
      <c r="AT1375" s="85"/>
      <c r="AU1375" s="85"/>
      <c r="AV1375" s="85"/>
      <c r="AW1375" s="85"/>
      <c r="AX1375" s="85"/>
      <c r="AY1375" s="85"/>
      <c r="AZ1375" s="85"/>
      <c r="BA1375" s="85"/>
      <c r="BB1375" s="85"/>
      <c r="BC1375" s="85"/>
      <c r="BD1375" s="85"/>
      <c r="BE1375" s="85"/>
      <c r="BF1375" s="85"/>
      <c r="BG1375" s="85"/>
      <c r="BH1375" s="85"/>
      <c r="BI1375" s="85"/>
      <c r="BJ1375" s="85"/>
      <c r="BK1375" s="85"/>
      <c r="BL1375" s="85"/>
      <c r="BM1375" s="85"/>
      <c r="BN1375" s="85"/>
      <c r="BO1375" s="85"/>
      <c r="BP1375" s="85"/>
      <c r="BQ1375" s="85"/>
      <c r="BR1375" s="85"/>
      <c r="BS1375" s="85"/>
      <c r="BT1375" s="85"/>
      <c r="BU1375" s="85"/>
      <c r="BV1375" s="85"/>
      <c r="BW1375" s="85"/>
      <c r="BX1375" s="85"/>
      <c r="BY1375" s="85"/>
      <c r="BZ1375" s="85"/>
      <c r="CA1375" s="85"/>
      <c r="CB1375" s="85"/>
      <c r="CC1375" s="85"/>
      <c r="CD1375" s="85"/>
      <c r="CE1375" s="85"/>
      <c r="CF1375" s="85"/>
      <c r="CG1375" s="85"/>
    </row>
    <row r="1376" spans="1:85" s="9" customFormat="1" x14ac:dyDescent="0.2">
      <c r="A1376" s="85"/>
      <c r="J1376" s="85"/>
      <c r="K1376" s="85"/>
      <c r="L1376" s="85"/>
      <c r="M1376" s="85"/>
      <c r="N1376" s="85"/>
      <c r="O1376" s="85"/>
      <c r="P1376" s="85"/>
      <c r="Q1376" s="85"/>
      <c r="R1376" s="85"/>
      <c r="S1376" s="85"/>
      <c r="T1376" s="85"/>
      <c r="U1376" s="85"/>
      <c r="V1376" s="85"/>
      <c r="W1376" s="85"/>
      <c r="X1376" s="85"/>
      <c r="Y1376" s="85"/>
      <c r="Z1376" s="85"/>
      <c r="AA1376" s="85"/>
      <c r="AB1376" s="85"/>
      <c r="AC1376" s="85"/>
      <c r="AD1376" s="85"/>
      <c r="AE1376" s="85"/>
      <c r="AF1376" s="85"/>
      <c r="AG1376" s="85"/>
      <c r="AH1376" s="85"/>
      <c r="AI1376" s="85"/>
      <c r="AJ1376" s="85"/>
      <c r="AK1376" s="85"/>
      <c r="AL1376" s="85"/>
      <c r="AM1376" s="85"/>
      <c r="AN1376" s="85"/>
      <c r="AO1376" s="85"/>
      <c r="AP1376" s="85"/>
      <c r="AQ1376" s="85"/>
      <c r="AR1376" s="85"/>
      <c r="AS1376" s="85"/>
      <c r="AT1376" s="85"/>
      <c r="AU1376" s="85"/>
      <c r="AV1376" s="85"/>
      <c r="AW1376" s="85"/>
      <c r="AX1376" s="85"/>
      <c r="AY1376" s="85"/>
      <c r="AZ1376" s="85"/>
      <c r="BA1376" s="85"/>
      <c r="BB1376" s="85"/>
      <c r="BC1376" s="85"/>
      <c r="BD1376" s="85"/>
      <c r="BE1376" s="85"/>
      <c r="BF1376" s="85"/>
      <c r="BG1376" s="85"/>
      <c r="BH1376" s="85"/>
      <c r="BI1376" s="85"/>
      <c r="BJ1376" s="85"/>
      <c r="BK1376" s="85"/>
      <c r="BL1376" s="85"/>
      <c r="BM1376" s="85"/>
      <c r="BN1376" s="85"/>
      <c r="BO1376" s="85"/>
      <c r="BP1376" s="85"/>
      <c r="BQ1376" s="85"/>
      <c r="BR1376" s="85"/>
      <c r="BS1376" s="85"/>
      <c r="BT1376" s="85"/>
      <c r="BU1376" s="85"/>
      <c r="BV1376" s="85"/>
      <c r="BW1376" s="85"/>
      <c r="BX1376" s="85"/>
      <c r="BY1376" s="85"/>
      <c r="BZ1376" s="85"/>
      <c r="CA1376" s="85"/>
      <c r="CB1376" s="85"/>
      <c r="CC1376" s="85"/>
      <c r="CD1376" s="85"/>
      <c r="CE1376" s="85"/>
      <c r="CF1376" s="85"/>
      <c r="CG1376" s="85"/>
    </row>
    <row r="1377" spans="1:85" s="9" customFormat="1" x14ac:dyDescent="0.2">
      <c r="A1377" s="85"/>
      <c r="J1377" s="85"/>
      <c r="K1377" s="85"/>
      <c r="L1377" s="85"/>
      <c r="M1377" s="85"/>
      <c r="N1377" s="85"/>
      <c r="O1377" s="85"/>
      <c r="P1377" s="85"/>
      <c r="Q1377" s="85"/>
      <c r="R1377" s="85"/>
      <c r="S1377" s="85"/>
      <c r="T1377" s="85"/>
      <c r="U1377" s="85"/>
      <c r="V1377" s="85"/>
      <c r="W1377" s="85"/>
      <c r="X1377" s="85"/>
      <c r="Y1377" s="85"/>
      <c r="Z1377" s="85"/>
      <c r="AA1377" s="85"/>
      <c r="AB1377" s="85"/>
      <c r="AC1377" s="85"/>
      <c r="AD1377" s="85"/>
      <c r="AE1377" s="85"/>
      <c r="AF1377" s="85"/>
      <c r="AG1377" s="85"/>
      <c r="AH1377" s="85"/>
      <c r="AI1377" s="85"/>
      <c r="AJ1377" s="85"/>
      <c r="AK1377" s="85"/>
      <c r="AL1377" s="85"/>
      <c r="AM1377" s="85"/>
      <c r="AN1377" s="85"/>
      <c r="AO1377" s="85"/>
      <c r="AP1377" s="85"/>
      <c r="AQ1377" s="85"/>
      <c r="AR1377" s="85"/>
      <c r="AS1377" s="85"/>
      <c r="AT1377" s="85"/>
      <c r="AU1377" s="85"/>
      <c r="AV1377" s="85"/>
      <c r="AW1377" s="85"/>
      <c r="AX1377" s="85"/>
      <c r="AY1377" s="85"/>
      <c r="AZ1377" s="85"/>
      <c r="BA1377" s="85"/>
      <c r="BB1377" s="85"/>
      <c r="BC1377" s="85"/>
      <c r="BD1377" s="85"/>
      <c r="BE1377" s="85"/>
      <c r="BF1377" s="85"/>
      <c r="BG1377" s="85"/>
      <c r="BH1377" s="85"/>
      <c r="BI1377" s="85"/>
      <c r="BJ1377" s="85"/>
      <c r="BK1377" s="85"/>
      <c r="BL1377" s="85"/>
      <c r="BM1377" s="85"/>
      <c r="BN1377" s="85"/>
      <c r="BO1377" s="85"/>
      <c r="BP1377" s="85"/>
      <c r="BQ1377" s="85"/>
      <c r="BR1377" s="85"/>
      <c r="BS1377" s="85"/>
      <c r="BT1377" s="85"/>
      <c r="BU1377" s="85"/>
      <c r="BV1377" s="85"/>
      <c r="BW1377" s="85"/>
      <c r="BX1377" s="85"/>
      <c r="BY1377" s="85"/>
      <c r="BZ1377" s="85"/>
      <c r="CA1377" s="85"/>
      <c r="CB1377" s="85"/>
      <c r="CC1377" s="85"/>
      <c r="CD1377" s="85"/>
      <c r="CE1377" s="85"/>
      <c r="CF1377" s="85"/>
      <c r="CG1377" s="85"/>
    </row>
    <row r="1378" spans="1:85" s="9" customFormat="1" x14ac:dyDescent="0.2">
      <c r="A1378" s="85"/>
      <c r="J1378" s="85"/>
      <c r="K1378" s="85"/>
      <c r="L1378" s="85"/>
      <c r="M1378" s="85"/>
      <c r="N1378" s="85"/>
      <c r="O1378" s="85"/>
      <c r="P1378" s="85"/>
      <c r="Q1378" s="85"/>
      <c r="R1378" s="85"/>
      <c r="S1378" s="85"/>
      <c r="T1378" s="85"/>
      <c r="U1378" s="85"/>
      <c r="V1378" s="85"/>
      <c r="W1378" s="85"/>
      <c r="X1378" s="85"/>
      <c r="Y1378" s="85"/>
      <c r="Z1378" s="85"/>
      <c r="AA1378" s="85"/>
      <c r="AB1378" s="85"/>
      <c r="AC1378" s="85"/>
      <c r="AD1378" s="85"/>
      <c r="AE1378" s="85"/>
      <c r="AF1378" s="85"/>
      <c r="AG1378" s="85"/>
      <c r="AH1378" s="85"/>
      <c r="AI1378" s="85"/>
      <c r="AJ1378" s="85"/>
      <c r="AK1378" s="85"/>
      <c r="AL1378" s="85"/>
      <c r="AM1378" s="85"/>
      <c r="AN1378" s="85"/>
      <c r="AO1378" s="85"/>
      <c r="AP1378" s="85"/>
      <c r="AQ1378" s="85"/>
      <c r="AR1378" s="85"/>
      <c r="AS1378" s="85"/>
      <c r="AT1378" s="85"/>
      <c r="AU1378" s="85"/>
      <c r="AV1378" s="85"/>
      <c r="AW1378" s="85"/>
      <c r="AX1378" s="85"/>
      <c r="AY1378" s="85"/>
      <c r="AZ1378" s="85"/>
      <c r="BA1378" s="85"/>
      <c r="BB1378" s="85"/>
      <c r="BC1378" s="85"/>
      <c r="BD1378" s="85"/>
      <c r="BE1378" s="85"/>
      <c r="BF1378" s="85"/>
      <c r="BG1378" s="85"/>
      <c r="BH1378" s="85"/>
      <c r="BI1378" s="85"/>
      <c r="BJ1378" s="85"/>
      <c r="BK1378" s="85"/>
      <c r="BL1378" s="85"/>
      <c r="BM1378" s="85"/>
      <c r="BN1378" s="85"/>
      <c r="BO1378" s="85"/>
      <c r="BP1378" s="85"/>
      <c r="BQ1378" s="85"/>
      <c r="BR1378" s="85"/>
      <c r="BS1378" s="85"/>
      <c r="BT1378" s="85"/>
      <c r="BU1378" s="85"/>
      <c r="BV1378" s="85"/>
      <c r="BW1378" s="85"/>
      <c r="BX1378" s="85"/>
      <c r="BY1378" s="85"/>
      <c r="BZ1378" s="85"/>
      <c r="CA1378" s="85"/>
      <c r="CB1378" s="85"/>
      <c r="CC1378" s="85"/>
      <c r="CD1378" s="85"/>
      <c r="CE1378" s="85"/>
      <c r="CF1378" s="85"/>
      <c r="CG1378" s="85"/>
    </row>
    <row r="1379" spans="1:85" s="9" customFormat="1" x14ac:dyDescent="0.2">
      <c r="A1379" s="85"/>
      <c r="J1379" s="85"/>
      <c r="K1379" s="85"/>
      <c r="L1379" s="85"/>
      <c r="M1379" s="85"/>
      <c r="N1379" s="85"/>
      <c r="O1379" s="85"/>
      <c r="P1379" s="85"/>
      <c r="Q1379" s="85"/>
      <c r="R1379" s="85"/>
      <c r="S1379" s="85"/>
      <c r="T1379" s="85"/>
      <c r="U1379" s="85"/>
      <c r="V1379" s="85"/>
      <c r="W1379" s="85"/>
      <c r="X1379" s="85"/>
      <c r="Y1379" s="85"/>
      <c r="Z1379" s="85"/>
      <c r="AA1379" s="85"/>
      <c r="AB1379" s="85"/>
      <c r="AC1379" s="85"/>
      <c r="AD1379" s="85"/>
      <c r="AE1379" s="85"/>
      <c r="AF1379" s="85"/>
      <c r="AG1379" s="85"/>
      <c r="AH1379" s="85"/>
      <c r="AI1379" s="85"/>
      <c r="AJ1379" s="85"/>
      <c r="AK1379" s="85"/>
      <c r="AL1379" s="85"/>
      <c r="AM1379" s="85"/>
      <c r="AN1379" s="85"/>
      <c r="AO1379" s="85"/>
      <c r="AP1379" s="85"/>
      <c r="AQ1379" s="85"/>
      <c r="AR1379" s="85"/>
      <c r="AS1379" s="85"/>
      <c r="AT1379" s="85"/>
      <c r="AU1379" s="85"/>
      <c r="AV1379" s="85"/>
      <c r="AW1379" s="85"/>
      <c r="AX1379" s="85"/>
      <c r="AY1379" s="85"/>
      <c r="AZ1379" s="85"/>
      <c r="BA1379" s="85"/>
      <c r="BB1379" s="85"/>
      <c r="BC1379" s="85"/>
      <c r="BD1379" s="85"/>
      <c r="BE1379" s="85"/>
      <c r="BF1379" s="85"/>
      <c r="BG1379" s="85"/>
      <c r="BH1379" s="85"/>
      <c r="BI1379" s="85"/>
      <c r="BJ1379" s="85"/>
      <c r="BK1379" s="85"/>
      <c r="BL1379" s="85"/>
      <c r="BM1379" s="85"/>
      <c r="BN1379" s="85"/>
      <c r="BO1379" s="85"/>
      <c r="BP1379" s="85"/>
      <c r="BQ1379" s="85"/>
      <c r="BR1379" s="85"/>
      <c r="BS1379" s="85"/>
      <c r="BT1379" s="85"/>
      <c r="BU1379" s="85"/>
      <c r="BV1379" s="85"/>
      <c r="BW1379" s="85"/>
      <c r="BX1379" s="85"/>
      <c r="BY1379" s="85"/>
      <c r="BZ1379" s="85"/>
      <c r="CA1379" s="85"/>
      <c r="CB1379" s="85"/>
      <c r="CC1379" s="85"/>
      <c r="CD1379" s="85"/>
      <c r="CE1379" s="85"/>
      <c r="CF1379" s="85"/>
      <c r="CG1379" s="85"/>
    </row>
    <row r="1380" spans="1:85" s="9" customFormat="1" x14ac:dyDescent="0.2">
      <c r="A1380" s="85"/>
      <c r="J1380" s="85"/>
      <c r="K1380" s="85"/>
      <c r="L1380" s="85"/>
      <c r="M1380" s="85"/>
      <c r="N1380" s="85"/>
      <c r="O1380" s="85"/>
      <c r="P1380" s="85"/>
      <c r="Q1380" s="85"/>
      <c r="R1380" s="85"/>
      <c r="S1380" s="85"/>
      <c r="T1380" s="85"/>
      <c r="U1380" s="85"/>
      <c r="V1380" s="85"/>
      <c r="W1380" s="85"/>
      <c r="X1380" s="85"/>
      <c r="Y1380" s="85"/>
      <c r="Z1380" s="85"/>
      <c r="AA1380" s="85"/>
      <c r="AB1380" s="85"/>
      <c r="AC1380" s="85"/>
      <c r="AD1380" s="85"/>
      <c r="AE1380" s="85"/>
      <c r="AF1380" s="85"/>
      <c r="AG1380" s="85"/>
      <c r="AH1380" s="85"/>
      <c r="AI1380" s="85"/>
      <c r="AJ1380" s="85"/>
      <c r="AK1380" s="85"/>
      <c r="AL1380" s="85"/>
      <c r="AM1380" s="85"/>
      <c r="AN1380" s="85"/>
      <c r="AO1380" s="85"/>
      <c r="AP1380" s="85"/>
      <c r="AQ1380" s="85"/>
      <c r="AR1380" s="85"/>
      <c r="AS1380" s="85"/>
      <c r="AT1380" s="85"/>
      <c r="AU1380" s="85"/>
      <c r="AV1380" s="85"/>
      <c r="AW1380" s="85"/>
      <c r="AX1380" s="85"/>
      <c r="AY1380" s="85"/>
      <c r="AZ1380" s="85"/>
      <c r="BA1380" s="85"/>
      <c r="BB1380" s="85"/>
      <c r="BC1380" s="85"/>
      <c r="BD1380" s="85"/>
      <c r="BE1380" s="85"/>
      <c r="BF1380" s="85"/>
      <c r="BG1380" s="85"/>
      <c r="BH1380" s="85"/>
      <c r="BI1380" s="85"/>
      <c r="BJ1380" s="85"/>
      <c r="BK1380" s="85"/>
      <c r="BL1380" s="85"/>
      <c r="BM1380" s="85"/>
      <c r="BN1380" s="85"/>
      <c r="BO1380" s="85"/>
      <c r="BP1380" s="85"/>
      <c r="BQ1380" s="85"/>
      <c r="BR1380" s="85"/>
      <c r="BS1380" s="85"/>
      <c r="BT1380" s="85"/>
      <c r="BU1380" s="85"/>
      <c r="BV1380" s="85"/>
      <c r="BW1380" s="85"/>
      <c r="BX1380" s="85"/>
      <c r="BY1380" s="85"/>
      <c r="BZ1380" s="85"/>
      <c r="CA1380" s="85"/>
      <c r="CB1380" s="85"/>
      <c r="CC1380" s="85"/>
      <c r="CD1380" s="85"/>
      <c r="CE1380" s="85"/>
      <c r="CF1380" s="85"/>
      <c r="CG1380" s="85"/>
    </row>
    <row r="1381" spans="1:85" s="9" customFormat="1" x14ac:dyDescent="0.2">
      <c r="A1381" s="85"/>
      <c r="J1381" s="85"/>
      <c r="K1381" s="85"/>
      <c r="L1381" s="85"/>
      <c r="M1381" s="85"/>
      <c r="N1381" s="85"/>
      <c r="O1381" s="85"/>
      <c r="P1381" s="85"/>
      <c r="Q1381" s="85"/>
      <c r="R1381" s="85"/>
      <c r="S1381" s="85"/>
      <c r="T1381" s="85"/>
      <c r="U1381" s="85"/>
      <c r="V1381" s="85"/>
      <c r="W1381" s="85"/>
      <c r="X1381" s="85"/>
      <c r="Y1381" s="85"/>
      <c r="Z1381" s="85"/>
      <c r="AA1381" s="85"/>
      <c r="AB1381" s="85"/>
      <c r="AC1381" s="85"/>
      <c r="AD1381" s="85"/>
      <c r="AE1381" s="85"/>
      <c r="AF1381" s="85"/>
      <c r="AG1381" s="85"/>
      <c r="AH1381" s="85"/>
      <c r="AI1381" s="85"/>
      <c r="AJ1381" s="85"/>
      <c r="AK1381" s="85"/>
      <c r="AL1381" s="85"/>
      <c r="AM1381" s="85"/>
      <c r="AN1381" s="85"/>
      <c r="AO1381" s="85"/>
      <c r="AP1381" s="85"/>
      <c r="AQ1381" s="85"/>
      <c r="AR1381" s="85"/>
      <c r="AS1381" s="85"/>
      <c r="AT1381" s="85"/>
      <c r="AU1381" s="85"/>
      <c r="AV1381" s="85"/>
      <c r="AW1381" s="85"/>
      <c r="AX1381" s="85"/>
      <c r="AY1381" s="85"/>
      <c r="AZ1381" s="85"/>
      <c r="BA1381" s="85"/>
      <c r="BB1381" s="85"/>
      <c r="BC1381" s="85"/>
      <c r="BD1381" s="85"/>
      <c r="BE1381" s="85"/>
      <c r="BF1381" s="85"/>
      <c r="BG1381" s="85"/>
      <c r="BH1381" s="85"/>
      <c r="BI1381" s="85"/>
      <c r="BJ1381" s="85"/>
      <c r="BK1381" s="85"/>
      <c r="BL1381" s="85"/>
      <c r="BM1381" s="85"/>
      <c r="BN1381" s="85"/>
      <c r="BO1381" s="85"/>
      <c r="BP1381" s="85"/>
      <c r="BQ1381" s="85"/>
      <c r="BR1381" s="85"/>
      <c r="BS1381" s="85"/>
      <c r="BT1381" s="85"/>
      <c r="BU1381" s="85"/>
      <c r="BV1381" s="85"/>
      <c r="BW1381" s="85"/>
      <c r="BX1381" s="85"/>
      <c r="BY1381" s="85"/>
      <c r="BZ1381" s="85"/>
      <c r="CA1381" s="85"/>
      <c r="CB1381" s="85"/>
      <c r="CC1381" s="85"/>
      <c r="CD1381" s="85"/>
      <c r="CE1381" s="85"/>
      <c r="CF1381" s="85"/>
      <c r="CG1381" s="85"/>
    </row>
    <row r="1382" spans="1:85" s="9" customFormat="1" x14ac:dyDescent="0.2">
      <c r="A1382" s="85"/>
      <c r="J1382" s="85"/>
      <c r="K1382" s="85"/>
      <c r="L1382" s="85"/>
      <c r="M1382" s="85"/>
      <c r="N1382" s="85"/>
      <c r="O1382" s="85"/>
      <c r="P1382" s="85"/>
      <c r="Q1382" s="85"/>
      <c r="R1382" s="85"/>
      <c r="S1382" s="85"/>
      <c r="T1382" s="85"/>
      <c r="U1382" s="85"/>
      <c r="V1382" s="85"/>
      <c r="W1382" s="85"/>
      <c r="X1382" s="85"/>
      <c r="Y1382" s="85"/>
      <c r="Z1382" s="85"/>
      <c r="AA1382" s="85"/>
      <c r="AB1382" s="85"/>
      <c r="AC1382" s="85"/>
      <c r="AD1382" s="85"/>
      <c r="AE1382" s="85"/>
      <c r="AF1382" s="85"/>
      <c r="AG1382" s="85"/>
      <c r="AH1382" s="85"/>
      <c r="AI1382" s="85"/>
      <c r="AJ1382" s="85"/>
      <c r="AK1382" s="85"/>
      <c r="AL1382" s="85"/>
      <c r="AM1382" s="85"/>
      <c r="AN1382" s="85"/>
      <c r="AO1382" s="85"/>
      <c r="AP1382" s="85"/>
      <c r="AQ1382" s="85"/>
      <c r="AR1382" s="85"/>
      <c r="AS1382" s="85"/>
      <c r="AT1382" s="85"/>
      <c r="AU1382" s="85"/>
      <c r="AV1382" s="85"/>
      <c r="AW1382" s="85"/>
      <c r="AX1382" s="85"/>
      <c r="AY1382" s="85"/>
      <c r="AZ1382" s="85"/>
      <c r="BA1382" s="85"/>
      <c r="BB1382" s="85"/>
      <c r="BC1382" s="85"/>
      <c r="BD1382" s="85"/>
      <c r="BE1382" s="85"/>
      <c r="BF1382" s="85"/>
      <c r="BG1382" s="85"/>
      <c r="BH1382" s="85"/>
      <c r="BI1382" s="85"/>
      <c r="BJ1382" s="85"/>
      <c r="BK1382" s="85"/>
      <c r="BL1382" s="85"/>
      <c r="BM1382" s="85"/>
      <c r="BN1382" s="85"/>
      <c r="BO1382" s="85"/>
      <c r="BP1382" s="85"/>
      <c r="BQ1382" s="85"/>
      <c r="BR1382" s="85"/>
      <c r="BS1382" s="85"/>
      <c r="BT1382" s="85"/>
      <c r="BU1382" s="85"/>
      <c r="BV1382" s="85"/>
      <c r="BW1382" s="85"/>
      <c r="BX1382" s="85"/>
      <c r="BY1382" s="85"/>
      <c r="BZ1382" s="85"/>
      <c r="CA1382" s="85"/>
      <c r="CB1382" s="85"/>
      <c r="CC1382" s="85"/>
      <c r="CD1382" s="85"/>
      <c r="CE1382" s="85"/>
      <c r="CF1382" s="85"/>
      <c r="CG1382" s="85"/>
    </row>
    <row r="1383" spans="1:85" s="9" customFormat="1" x14ac:dyDescent="0.2">
      <c r="A1383" s="85"/>
      <c r="J1383" s="85"/>
      <c r="K1383" s="85"/>
      <c r="L1383" s="85"/>
      <c r="M1383" s="85"/>
      <c r="N1383" s="85"/>
      <c r="O1383" s="85"/>
      <c r="P1383" s="85"/>
      <c r="Q1383" s="85"/>
      <c r="R1383" s="85"/>
      <c r="S1383" s="85"/>
      <c r="T1383" s="85"/>
      <c r="U1383" s="85"/>
      <c r="V1383" s="85"/>
      <c r="W1383" s="85"/>
      <c r="X1383" s="85"/>
      <c r="Y1383" s="85"/>
      <c r="Z1383" s="85"/>
      <c r="AA1383" s="85"/>
      <c r="AB1383" s="85"/>
      <c r="AC1383" s="85"/>
      <c r="AD1383" s="85"/>
      <c r="AE1383" s="85"/>
      <c r="AF1383" s="85"/>
      <c r="AG1383" s="85"/>
      <c r="AH1383" s="85"/>
      <c r="AI1383" s="85"/>
      <c r="AJ1383" s="85"/>
      <c r="AK1383" s="85"/>
      <c r="AL1383" s="85"/>
      <c r="AM1383" s="85"/>
      <c r="AN1383" s="85"/>
      <c r="AO1383" s="85"/>
      <c r="AP1383" s="85"/>
      <c r="AQ1383" s="85"/>
      <c r="AR1383" s="85"/>
      <c r="AS1383" s="85"/>
      <c r="AT1383" s="85"/>
      <c r="AU1383" s="85"/>
      <c r="AV1383" s="85"/>
      <c r="AW1383" s="85"/>
      <c r="AX1383" s="85"/>
      <c r="AY1383" s="85"/>
      <c r="AZ1383" s="85"/>
      <c r="BA1383" s="85"/>
      <c r="BB1383" s="85"/>
      <c r="BC1383" s="85"/>
      <c r="BD1383" s="85"/>
      <c r="BE1383" s="85"/>
      <c r="BF1383" s="85"/>
      <c r="BG1383" s="85"/>
      <c r="BH1383" s="85"/>
      <c r="BI1383" s="85"/>
      <c r="BJ1383" s="85"/>
      <c r="BK1383" s="85"/>
      <c r="BL1383" s="85"/>
      <c r="BM1383" s="85"/>
      <c r="BN1383" s="85"/>
      <c r="BO1383" s="85"/>
      <c r="BP1383" s="85"/>
      <c r="BQ1383" s="85"/>
      <c r="BR1383" s="85"/>
      <c r="BS1383" s="85"/>
      <c r="BT1383" s="85"/>
      <c r="BU1383" s="85"/>
      <c r="BV1383" s="85"/>
      <c r="BW1383" s="85"/>
      <c r="BX1383" s="85"/>
      <c r="BY1383" s="85"/>
      <c r="BZ1383" s="85"/>
      <c r="CA1383" s="85"/>
      <c r="CB1383" s="85"/>
      <c r="CC1383" s="85"/>
      <c r="CD1383" s="85"/>
      <c r="CE1383" s="85"/>
      <c r="CF1383" s="85"/>
      <c r="CG1383" s="85"/>
    </row>
    <row r="1384" spans="1:85" s="9" customFormat="1" x14ac:dyDescent="0.2">
      <c r="A1384" s="85"/>
      <c r="J1384" s="85"/>
      <c r="K1384" s="85"/>
      <c r="L1384" s="85"/>
      <c r="M1384" s="85"/>
      <c r="N1384" s="85"/>
      <c r="O1384" s="85"/>
      <c r="P1384" s="85"/>
      <c r="Q1384" s="85"/>
      <c r="R1384" s="85"/>
      <c r="S1384" s="85"/>
      <c r="T1384" s="85"/>
      <c r="U1384" s="85"/>
      <c r="V1384" s="85"/>
      <c r="W1384" s="85"/>
      <c r="X1384" s="85"/>
      <c r="Y1384" s="85"/>
      <c r="Z1384" s="85"/>
      <c r="AA1384" s="85"/>
      <c r="AB1384" s="85"/>
      <c r="AC1384" s="85"/>
      <c r="AD1384" s="85"/>
      <c r="AE1384" s="85"/>
      <c r="AF1384" s="85"/>
      <c r="AG1384" s="85"/>
      <c r="AH1384" s="85"/>
      <c r="AI1384" s="85"/>
      <c r="AJ1384" s="85"/>
      <c r="AK1384" s="85"/>
      <c r="AL1384" s="85"/>
      <c r="AM1384" s="85"/>
      <c r="AN1384" s="85"/>
      <c r="AO1384" s="85"/>
      <c r="AP1384" s="85"/>
      <c r="AQ1384" s="85"/>
      <c r="AR1384" s="85"/>
      <c r="AS1384" s="85"/>
      <c r="AT1384" s="85"/>
      <c r="AU1384" s="85"/>
      <c r="AV1384" s="85"/>
      <c r="AW1384" s="85"/>
      <c r="AX1384" s="85"/>
      <c r="AY1384" s="85"/>
      <c r="AZ1384" s="85"/>
      <c r="BA1384" s="85"/>
      <c r="BB1384" s="85"/>
      <c r="BC1384" s="85"/>
      <c r="BD1384" s="85"/>
      <c r="BE1384" s="85"/>
      <c r="BF1384" s="85"/>
      <c r="BG1384" s="85"/>
      <c r="BH1384" s="85"/>
      <c r="BI1384" s="85"/>
      <c r="BJ1384" s="85"/>
      <c r="BK1384" s="85"/>
      <c r="BL1384" s="85"/>
      <c r="BM1384" s="85"/>
      <c r="BN1384" s="85"/>
      <c r="BO1384" s="85"/>
      <c r="BP1384" s="85"/>
      <c r="BQ1384" s="85"/>
      <c r="BR1384" s="85"/>
      <c r="BS1384" s="85"/>
      <c r="BT1384" s="85"/>
      <c r="BU1384" s="85"/>
      <c r="BV1384" s="85"/>
      <c r="BW1384" s="85"/>
      <c r="BX1384" s="85"/>
      <c r="BY1384" s="85"/>
      <c r="BZ1384" s="85"/>
      <c r="CA1384" s="85"/>
      <c r="CB1384" s="85"/>
      <c r="CC1384" s="85"/>
      <c r="CD1384" s="85"/>
      <c r="CE1384" s="85"/>
      <c r="CF1384" s="85"/>
      <c r="CG1384" s="85"/>
    </row>
    <row r="1385" spans="1:85" s="9" customFormat="1" x14ac:dyDescent="0.2">
      <c r="A1385" s="85"/>
      <c r="J1385" s="85"/>
      <c r="K1385" s="85"/>
      <c r="L1385" s="85"/>
      <c r="M1385" s="85"/>
      <c r="N1385" s="85"/>
      <c r="O1385" s="85"/>
      <c r="P1385" s="85"/>
      <c r="Q1385" s="85"/>
      <c r="R1385" s="85"/>
      <c r="S1385" s="85"/>
      <c r="T1385" s="85"/>
      <c r="U1385" s="85"/>
      <c r="V1385" s="85"/>
      <c r="W1385" s="85"/>
      <c r="X1385" s="85"/>
      <c r="Y1385" s="85"/>
      <c r="Z1385" s="85"/>
      <c r="AA1385" s="85"/>
      <c r="AB1385" s="85"/>
      <c r="AC1385" s="85"/>
      <c r="AD1385" s="85"/>
      <c r="AE1385" s="85"/>
      <c r="AF1385" s="85"/>
      <c r="AG1385" s="85"/>
      <c r="AH1385" s="85"/>
      <c r="AI1385" s="85"/>
      <c r="AJ1385" s="85"/>
      <c r="AK1385" s="85"/>
      <c r="AL1385" s="85"/>
      <c r="AM1385" s="85"/>
      <c r="AN1385" s="85"/>
      <c r="AO1385" s="85"/>
      <c r="AP1385" s="85"/>
      <c r="AQ1385" s="85"/>
      <c r="AR1385" s="85"/>
      <c r="AS1385" s="85"/>
      <c r="AT1385" s="85"/>
      <c r="AU1385" s="85"/>
      <c r="AV1385" s="85"/>
      <c r="AW1385" s="85"/>
      <c r="AX1385" s="85"/>
      <c r="AY1385" s="85"/>
      <c r="AZ1385" s="85"/>
      <c r="BA1385" s="85"/>
      <c r="BB1385" s="85"/>
      <c r="BC1385" s="85"/>
      <c r="BD1385" s="85"/>
      <c r="BE1385" s="85"/>
      <c r="BF1385" s="85"/>
      <c r="BG1385" s="85"/>
      <c r="BH1385" s="85"/>
      <c r="BI1385" s="85"/>
      <c r="BJ1385" s="85"/>
      <c r="BK1385" s="85"/>
      <c r="BL1385" s="85"/>
      <c r="BM1385" s="85"/>
      <c r="BN1385" s="85"/>
      <c r="BO1385" s="85"/>
      <c r="BP1385" s="85"/>
      <c r="BQ1385" s="85"/>
      <c r="BR1385" s="85"/>
      <c r="BS1385" s="85"/>
      <c r="BT1385" s="85"/>
      <c r="BU1385" s="85"/>
      <c r="BV1385" s="85"/>
      <c r="BW1385" s="85"/>
      <c r="BX1385" s="85"/>
      <c r="BY1385" s="85"/>
      <c r="BZ1385" s="85"/>
      <c r="CA1385" s="85"/>
      <c r="CB1385" s="85"/>
      <c r="CC1385" s="85"/>
      <c r="CD1385" s="85"/>
      <c r="CE1385" s="85"/>
      <c r="CF1385" s="85"/>
      <c r="CG1385" s="85"/>
    </row>
    <row r="1386" spans="1:85" s="9" customFormat="1" x14ac:dyDescent="0.2">
      <c r="A1386" s="85"/>
      <c r="J1386" s="85"/>
      <c r="K1386" s="85"/>
      <c r="L1386" s="85"/>
      <c r="M1386" s="85"/>
      <c r="N1386" s="85"/>
      <c r="O1386" s="85"/>
      <c r="P1386" s="85"/>
      <c r="Q1386" s="85"/>
      <c r="R1386" s="85"/>
      <c r="S1386" s="85"/>
      <c r="T1386" s="85"/>
      <c r="U1386" s="85"/>
      <c r="V1386" s="85"/>
      <c r="W1386" s="85"/>
      <c r="X1386" s="85"/>
      <c r="Y1386" s="85"/>
      <c r="Z1386" s="85"/>
      <c r="AA1386" s="85"/>
      <c r="AB1386" s="85"/>
      <c r="AC1386" s="85"/>
      <c r="AD1386" s="85"/>
      <c r="AE1386" s="85"/>
      <c r="AF1386" s="85"/>
      <c r="AG1386" s="85"/>
      <c r="AH1386" s="85"/>
      <c r="AI1386" s="85"/>
      <c r="AJ1386" s="85"/>
      <c r="AK1386" s="85"/>
      <c r="AL1386" s="85"/>
      <c r="AM1386" s="85"/>
      <c r="AN1386" s="85"/>
      <c r="AO1386" s="85"/>
      <c r="AP1386" s="85"/>
      <c r="AQ1386" s="85"/>
      <c r="AR1386" s="85"/>
      <c r="AS1386" s="85"/>
      <c r="AT1386" s="85"/>
      <c r="AU1386" s="85"/>
      <c r="AV1386" s="85"/>
      <c r="AW1386" s="85"/>
      <c r="AX1386" s="85"/>
      <c r="AY1386" s="85"/>
      <c r="AZ1386" s="85"/>
      <c r="BA1386" s="85"/>
      <c r="BB1386" s="85"/>
      <c r="BC1386" s="85"/>
      <c r="BD1386" s="85"/>
      <c r="BE1386" s="85"/>
      <c r="BF1386" s="85"/>
      <c r="BG1386" s="85"/>
      <c r="BH1386" s="85"/>
      <c r="BI1386" s="85"/>
      <c r="BJ1386" s="85"/>
      <c r="BK1386" s="85"/>
      <c r="BL1386" s="85"/>
      <c r="BM1386" s="85"/>
      <c r="BN1386" s="85"/>
      <c r="BO1386" s="85"/>
      <c r="BP1386" s="85"/>
      <c r="BQ1386" s="85"/>
      <c r="BR1386" s="85"/>
      <c r="BS1386" s="85"/>
      <c r="BT1386" s="85"/>
      <c r="BU1386" s="85"/>
      <c r="BV1386" s="85"/>
      <c r="BW1386" s="85"/>
      <c r="BX1386" s="85"/>
      <c r="BY1386" s="85"/>
      <c r="BZ1386" s="85"/>
      <c r="CA1386" s="85"/>
      <c r="CB1386" s="85"/>
      <c r="CC1386" s="85"/>
      <c r="CD1386" s="85"/>
      <c r="CE1386" s="85"/>
      <c r="CF1386" s="85"/>
      <c r="CG1386" s="85"/>
    </row>
    <row r="1387" spans="1:85" s="9" customFormat="1" x14ac:dyDescent="0.2">
      <c r="A1387" s="85"/>
      <c r="J1387" s="85"/>
      <c r="K1387" s="85"/>
      <c r="L1387" s="85"/>
      <c r="M1387" s="85"/>
      <c r="N1387" s="85"/>
      <c r="O1387" s="85"/>
      <c r="P1387" s="85"/>
      <c r="Q1387" s="85"/>
      <c r="R1387" s="85"/>
      <c r="S1387" s="85"/>
      <c r="T1387" s="85"/>
      <c r="U1387" s="85"/>
      <c r="V1387" s="85"/>
      <c r="W1387" s="85"/>
      <c r="X1387" s="85"/>
      <c r="Y1387" s="85"/>
      <c r="Z1387" s="85"/>
      <c r="AA1387" s="85"/>
      <c r="AB1387" s="85"/>
      <c r="AC1387" s="85"/>
      <c r="AD1387" s="85"/>
      <c r="AE1387" s="85"/>
      <c r="AF1387" s="85"/>
      <c r="AG1387" s="85"/>
      <c r="AH1387" s="85"/>
      <c r="AI1387" s="85"/>
      <c r="AJ1387" s="85"/>
      <c r="AK1387" s="85"/>
      <c r="AL1387" s="85"/>
      <c r="AM1387" s="85"/>
      <c r="AN1387" s="85"/>
      <c r="AO1387" s="85"/>
      <c r="AP1387" s="85"/>
      <c r="AQ1387" s="85"/>
      <c r="AR1387" s="85"/>
      <c r="AS1387" s="85"/>
      <c r="AT1387" s="85"/>
      <c r="AU1387" s="85"/>
      <c r="AV1387" s="85"/>
      <c r="AW1387" s="85"/>
      <c r="AX1387" s="85"/>
      <c r="AY1387" s="85"/>
      <c r="AZ1387" s="85"/>
      <c r="BA1387" s="85"/>
      <c r="BB1387" s="85"/>
      <c r="BC1387" s="85"/>
      <c r="BD1387" s="85"/>
      <c r="BE1387" s="85"/>
      <c r="BF1387" s="85"/>
      <c r="BG1387" s="85"/>
      <c r="BH1387" s="85"/>
      <c r="BI1387" s="85"/>
      <c r="BJ1387" s="85"/>
      <c r="BK1387" s="85"/>
      <c r="BL1387" s="85"/>
      <c r="BM1387" s="85"/>
      <c r="BN1387" s="85"/>
      <c r="BO1387" s="85"/>
      <c r="BP1387" s="85"/>
      <c r="BQ1387" s="85"/>
      <c r="BR1387" s="85"/>
      <c r="BS1387" s="85"/>
      <c r="BT1387" s="85"/>
      <c r="BU1387" s="85"/>
      <c r="BV1387" s="85"/>
      <c r="BW1387" s="85"/>
      <c r="BX1387" s="85"/>
      <c r="BY1387" s="85"/>
      <c r="BZ1387" s="85"/>
      <c r="CA1387" s="85"/>
      <c r="CB1387" s="85"/>
      <c r="CC1387" s="85"/>
      <c r="CD1387" s="85"/>
      <c r="CE1387" s="85"/>
      <c r="CF1387" s="85"/>
      <c r="CG1387" s="85"/>
    </row>
    <row r="1388" spans="1:85" s="9" customFormat="1" x14ac:dyDescent="0.2">
      <c r="A1388" s="85"/>
      <c r="J1388" s="85"/>
      <c r="K1388" s="85"/>
      <c r="L1388" s="85"/>
      <c r="M1388" s="85"/>
      <c r="N1388" s="85"/>
      <c r="O1388" s="85"/>
      <c r="P1388" s="85"/>
      <c r="Q1388" s="85"/>
      <c r="R1388" s="85"/>
      <c r="S1388" s="85"/>
      <c r="T1388" s="85"/>
      <c r="U1388" s="85"/>
      <c r="V1388" s="85"/>
      <c r="W1388" s="85"/>
      <c r="X1388" s="85"/>
      <c r="Y1388" s="85"/>
      <c r="Z1388" s="85"/>
      <c r="AA1388" s="85"/>
      <c r="AB1388" s="85"/>
      <c r="AC1388" s="85"/>
      <c r="AD1388" s="85"/>
      <c r="AE1388" s="85"/>
      <c r="AF1388" s="85"/>
      <c r="AG1388" s="85"/>
      <c r="AH1388" s="85"/>
      <c r="AI1388" s="85"/>
      <c r="AJ1388" s="85"/>
      <c r="AK1388" s="85"/>
      <c r="AL1388" s="85"/>
      <c r="AM1388" s="85"/>
      <c r="AN1388" s="85"/>
      <c r="AO1388" s="85"/>
      <c r="AP1388" s="85"/>
      <c r="AQ1388" s="85"/>
      <c r="AR1388" s="85"/>
      <c r="AS1388" s="85"/>
      <c r="AT1388" s="85"/>
      <c r="AU1388" s="85"/>
      <c r="AV1388" s="85"/>
      <c r="AW1388" s="85"/>
      <c r="AX1388" s="85"/>
      <c r="AY1388" s="85"/>
      <c r="AZ1388" s="85"/>
      <c r="BA1388" s="85"/>
      <c r="BB1388" s="85"/>
      <c r="BC1388" s="85"/>
      <c r="BD1388" s="85"/>
      <c r="BE1388" s="85"/>
      <c r="BF1388" s="85"/>
      <c r="BG1388" s="85"/>
      <c r="BH1388" s="85"/>
      <c r="BI1388" s="85"/>
      <c r="BJ1388" s="85"/>
      <c r="BK1388" s="85"/>
      <c r="BL1388" s="85"/>
      <c r="BM1388" s="85"/>
      <c r="BN1388" s="85"/>
      <c r="BO1388" s="85"/>
      <c r="BP1388" s="85"/>
      <c r="BQ1388" s="85"/>
      <c r="BR1388" s="85"/>
      <c r="BS1388" s="85"/>
      <c r="BT1388" s="85"/>
      <c r="BU1388" s="85"/>
      <c r="BV1388" s="85"/>
      <c r="BW1388" s="85"/>
      <c r="BX1388" s="85"/>
      <c r="BY1388" s="85"/>
      <c r="BZ1388" s="85"/>
      <c r="CA1388" s="85"/>
      <c r="CB1388" s="85"/>
      <c r="CC1388" s="85"/>
      <c r="CD1388" s="85"/>
      <c r="CE1388" s="85"/>
      <c r="CF1388" s="85"/>
      <c r="CG1388" s="85"/>
    </row>
    <row r="1389" spans="1:85" s="9" customFormat="1" x14ac:dyDescent="0.2">
      <c r="A1389" s="85"/>
      <c r="J1389" s="85"/>
      <c r="K1389" s="85"/>
      <c r="L1389" s="85"/>
      <c r="M1389" s="85"/>
      <c r="N1389" s="85"/>
      <c r="O1389" s="85"/>
      <c r="P1389" s="85"/>
      <c r="Q1389" s="85"/>
      <c r="R1389" s="85"/>
      <c r="S1389" s="85"/>
      <c r="T1389" s="85"/>
      <c r="U1389" s="85"/>
      <c r="V1389" s="85"/>
      <c r="W1389" s="85"/>
      <c r="X1389" s="85"/>
      <c r="Y1389" s="85"/>
      <c r="Z1389" s="85"/>
      <c r="AA1389" s="85"/>
      <c r="AB1389" s="85"/>
      <c r="AC1389" s="85"/>
      <c r="AD1389" s="85"/>
      <c r="AE1389" s="85"/>
      <c r="AF1389" s="85"/>
      <c r="AG1389" s="85"/>
      <c r="AH1389" s="85"/>
      <c r="AI1389" s="85"/>
      <c r="AJ1389" s="85"/>
      <c r="AK1389" s="85"/>
      <c r="AL1389" s="85"/>
      <c r="AM1389" s="85"/>
      <c r="AN1389" s="85"/>
      <c r="AO1389" s="85"/>
      <c r="AP1389" s="85"/>
      <c r="AQ1389" s="85"/>
      <c r="AR1389" s="85"/>
      <c r="AS1389" s="85"/>
      <c r="AT1389" s="85"/>
      <c r="AU1389" s="85"/>
      <c r="AV1389" s="85"/>
      <c r="AW1389" s="85"/>
      <c r="AX1389" s="85"/>
      <c r="AY1389" s="85"/>
      <c r="AZ1389" s="85"/>
      <c r="BA1389" s="85"/>
      <c r="BB1389" s="85"/>
      <c r="BC1389" s="85"/>
      <c r="BD1389" s="85"/>
      <c r="BE1389" s="85"/>
      <c r="BF1389" s="85"/>
      <c r="BG1389" s="85"/>
      <c r="BH1389" s="85"/>
      <c r="BI1389" s="85"/>
      <c r="BJ1389" s="85"/>
      <c r="BK1389" s="85"/>
      <c r="BL1389" s="85"/>
      <c r="BM1389" s="85"/>
      <c r="BN1389" s="85"/>
      <c r="BO1389" s="85"/>
      <c r="BP1389" s="85"/>
      <c r="BQ1389" s="85"/>
      <c r="BR1389" s="85"/>
      <c r="BS1389" s="85"/>
      <c r="BT1389" s="85"/>
      <c r="BU1389" s="85"/>
      <c r="BV1389" s="85"/>
      <c r="BW1389" s="85"/>
      <c r="BX1389" s="85"/>
      <c r="BY1389" s="85"/>
      <c r="BZ1389" s="85"/>
      <c r="CA1389" s="85"/>
      <c r="CB1389" s="85"/>
      <c r="CC1389" s="85"/>
      <c r="CD1389" s="85"/>
      <c r="CE1389" s="85"/>
      <c r="CF1389" s="85"/>
      <c r="CG1389" s="85"/>
    </row>
    <row r="1390" spans="1:85" s="9" customFormat="1" x14ac:dyDescent="0.2">
      <c r="A1390" s="85"/>
      <c r="J1390" s="85"/>
      <c r="K1390" s="85"/>
      <c r="L1390" s="85"/>
      <c r="M1390" s="85"/>
      <c r="N1390" s="85"/>
      <c r="O1390" s="85"/>
      <c r="P1390" s="85"/>
      <c r="Q1390" s="85"/>
      <c r="R1390" s="85"/>
      <c r="S1390" s="85"/>
      <c r="T1390" s="85"/>
      <c r="U1390" s="85"/>
      <c r="V1390" s="85"/>
      <c r="W1390" s="85"/>
      <c r="X1390" s="85"/>
      <c r="Y1390" s="85"/>
      <c r="Z1390" s="85"/>
      <c r="AA1390" s="85"/>
      <c r="AB1390" s="85"/>
      <c r="AC1390" s="85"/>
      <c r="AD1390" s="85"/>
      <c r="AE1390" s="85"/>
      <c r="AF1390" s="85"/>
      <c r="AG1390" s="85"/>
      <c r="AH1390" s="85"/>
      <c r="AI1390" s="85"/>
      <c r="AJ1390" s="85"/>
      <c r="AK1390" s="85"/>
      <c r="AL1390" s="85"/>
      <c r="AM1390" s="85"/>
      <c r="AN1390" s="85"/>
      <c r="AO1390" s="85"/>
      <c r="AP1390" s="85"/>
      <c r="AQ1390" s="85"/>
      <c r="AR1390" s="85"/>
      <c r="AS1390" s="85"/>
      <c r="AT1390" s="85"/>
      <c r="AU1390" s="85"/>
      <c r="AV1390" s="85"/>
      <c r="AW1390" s="85"/>
      <c r="AX1390" s="85"/>
      <c r="AY1390" s="85"/>
      <c r="AZ1390" s="85"/>
      <c r="BA1390" s="85"/>
      <c r="BB1390" s="85"/>
      <c r="BC1390" s="85"/>
      <c r="BD1390" s="85"/>
      <c r="BE1390" s="85"/>
      <c r="BF1390" s="85"/>
      <c r="BG1390" s="85"/>
      <c r="BH1390" s="85"/>
      <c r="BI1390" s="85"/>
      <c r="BJ1390" s="85"/>
      <c r="BK1390" s="85"/>
      <c r="BL1390" s="85"/>
      <c r="BM1390" s="85"/>
      <c r="BN1390" s="85"/>
      <c r="BO1390" s="85"/>
      <c r="BP1390" s="85"/>
      <c r="BQ1390" s="85"/>
      <c r="BR1390" s="85"/>
      <c r="BS1390" s="85"/>
      <c r="BT1390" s="85"/>
      <c r="BU1390" s="85"/>
      <c r="BV1390" s="85"/>
      <c r="BW1390" s="85"/>
      <c r="BX1390" s="85"/>
      <c r="BY1390" s="85"/>
      <c r="BZ1390" s="85"/>
      <c r="CA1390" s="85"/>
      <c r="CB1390" s="85"/>
      <c r="CC1390" s="85"/>
      <c r="CD1390" s="85"/>
      <c r="CE1390" s="85"/>
      <c r="CF1390" s="85"/>
      <c r="CG1390" s="85"/>
    </row>
    <row r="1391" spans="1:85" s="9" customFormat="1" x14ac:dyDescent="0.2">
      <c r="A1391" s="85"/>
      <c r="J1391" s="85"/>
      <c r="K1391" s="85"/>
      <c r="L1391" s="85"/>
      <c r="M1391" s="85"/>
      <c r="N1391" s="85"/>
      <c r="O1391" s="85"/>
      <c r="P1391" s="85"/>
      <c r="Q1391" s="85"/>
      <c r="R1391" s="85"/>
      <c r="S1391" s="85"/>
      <c r="T1391" s="85"/>
      <c r="U1391" s="85"/>
      <c r="V1391" s="85"/>
      <c r="W1391" s="85"/>
      <c r="X1391" s="85"/>
      <c r="Y1391" s="85"/>
      <c r="Z1391" s="85"/>
      <c r="AA1391" s="85"/>
      <c r="AB1391" s="85"/>
      <c r="AC1391" s="85"/>
      <c r="AD1391" s="85"/>
      <c r="AE1391" s="85"/>
      <c r="AF1391" s="85"/>
      <c r="AG1391" s="85"/>
      <c r="AH1391" s="85"/>
      <c r="AI1391" s="85"/>
      <c r="AJ1391" s="85"/>
      <c r="AK1391" s="85"/>
      <c r="AL1391" s="85"/>
      <c r="AM1391" s="85"/>
      <c r="AN1391" s="85"/>
      <c r="AO1391" s="85"/>
      <c r="AP1391" s="85"/>
      <c r="AQ1391" s="85"/>
      <c r="AR1391" s="85"/>
      <c r="AS1391" s="85"/>
      <c r="AT1391" s="85"/>
      <c r="AU1391" s="85"/>
      <c r="AV1391" s="85"/>
      <c r="AW1391" s="85"/>
      <c r="AX1391" s="85"/>
      <c r="AY1391" s="85"/>
      <c r="AZ1391" s="85"/>
      <c r="BA1391" s="85"/>
      <c r="BB1391" s="85"/>
      <c r="BC1391" s="85"/>
      <c r="BD1391" s="85"/>
      <c r="BE1391" s="85"/>
      <c r="BF1391" s="85"/>
      <c r="BG1391" s="85"/>
      <c r="BH1391" s="85"/>
      <c r="BI1391" s="85"/>
      <c r="BJ1391" s="85"/>
      <c r="BK1391" s="85"/>
      <c r="BL1391" s="85"/>
      <c r="BM1391" s="85"/>
      <c r="BN1391" s="85"/>
      <c r="BO1391" s="85"/>
      <c r="BP1391" s="85"/>
      <c r="BQ1391" s="85"/>
      <c r="BR1391" s="85"/>
      <c r="BS1391" s="85"/>
      <c r="BT1391" s="85"/>
      <c r="BU1391" s="85"/>
      <c r="BV1391" s="85"/>
      <c r="BW1391" s="85"/>
      <c r="BX1391" s="85"/>
      <c r="BY1391" s="85"/>
      <c r="BZ1391" s="85"/>
      <c r="CA1391" s="85"/>
      <c r="CB1391" s="85"/>
      <c r="CC1391" s="85"/>
      <c r="CD1391" s="85"/>
      <c r="CE1391" s="85"/>
      <c r="CF1391" s="85"/>
      <c r="CG1391" s="85"/>
    </row>
    <row r="1392" spans="1:85" s="9" customFormat="1" x14ac:dyDescent="0.2">
      <c r="A1392" s="85"/>
      <c r="J1392" s="85"/>
      <c r="K1392" s="85"/>
      <c r="L1392" s="85"/>
      <c r="M1392" s="85"/>
      <c r="N1392" s="85"/>
      <c r="O1392" s="85"/>
      <c r="P1392" s="85"/>
      <c r="Q1392" s="85"/>
      <c r="R1392" s="85"/>
      <c r="S1392" s="85"/>
      <c r="T1392" s="85"/>
      <c r="U1392" s="85"/>
      <c r="V1392" s="85"/>
      <c r="W1392" s="85"/>
      <c r="X1392" s="85"/>
      <c r="Y1392" s="85"/>
      <c r="Z1392" s="85"/>
      <c r="AA1392" s="85"/>
      <c r="AB1392" s="85"/>
      <c r="AC1392" s="85"/>
      <c r="AD1392" s="85"/>
      <c r="AE1392" s="85"/>
      <c r="AF1392" s="85"/>
      <c r="AG1392" s="85"/>
      <c r="AH1392" s="85"/>
      <c r="AI1392" s="85"/>
      <c r="AJ1392" s="85"/>
      <c r="AK1392" s="85"/>
      <c r="AL1392" s="85"/>
      <c r="AM1392" s="85"/>
      <c r="AN1392" s="85"/>
      <c r="AO1392" s="85"/>
      <c r="AP1392" s="85"/>
      <c r="AQ1392" s="85"/>
      <c r="AR1392" s="85"/>
      <c r="AS1392" s="85"/>
      <c r="AT1392" s="85"/>
      <c r="AU1392" s="85"/>
      <c r="AV1392" s="85"/>
      <c r="AW1392" s="85"/>
      <c r="AX1392" s="85"/>
      <c r="AY1392" s="85"/>
      <c r="AZ1392" s="85"/>
      <c r="BA1392" s="85"/>
      <c r="BB1392" s="85"/>
      <c r="BC1392" s="85"/>
      <c r="BD1392" s="85"/>
      <c r="BE1392" s="85"/>
      <c r="BF1392" s="85"/>
      <c r="BG1392" s="85"/>
      <c r="BH1392" s="85"/>
      <c r="BI1392" s="85"/>
      <c r="BJ1392" s="85"/>
      <c r="BK1392" s="85"/>
      <c r="BL1392" s="85"/>
      <c r="BM1392" s="85"/>
      <c r="BN1392" s="85"/>
      <c r="BO1392" s="85"/>
      <c r="BP1392" s="85"/>
      <c r="BQ1392" s="85"/>
      <c r="BR1392" s="85"/>
      <c r="BS1392" s="85"/>
      <c r="BT1392" s="85"/>
      <c r="BU1392" s="85"/>
      <c r="BV1392" s="85"/>
      <c r="BW1392" s="85"/>
      <c r="BX1392" s="85"/>
      <c r="BY1392" s="85"/>
      <c r="BZ1392" s="85"/>
      <c r="CA1392" s="85"/>
      <c r="CB1392" s="85"/>
      <c r="CC1392" s="85"/>
      <c r="CD1392" s="85"/>
      <c r="CE1392" s="85"/>
      <c r="CF1392" s="85"/>
      <c r="CG1392" s="85"/>
    </row>
    <row r="1393" spans="1:85" s="9" customFormat="1" x14ac:dyDescent="0.2">
      <c r="A1393" s="85"/>
      <c r="J1393" s="85"/>
      <c r="K1393" s="85"/>
      <c r="L1393" s="85"/>
      <c r="M1393" s="85"/>
      <c r="N1393" s="85"/>
      <c r="O1393" s="85"/>
      <c r="P1393" s="85"/>
      <c r="Q1393" s="85"/>
      <c r="R1393" s="85"/>
      <c r="S1393" s="85"/>
      <c r="T1393" s="85"/>
      <c r="U1393" s="85"/>
      <c r="V1393" s="85"/>
      <c r="W1393" s="85"/>
      <c r="X1393" s="85"/>
      <c r="Y1393" s="85"/>
      <c r="Z1393" s="85"/>
      <c r="AA1393" s="85"/>
      <c r="AB1393" s="85"/>
      <c r="AC1393" s="85"/>
      <c r="AD1393" s="85"/>
      <c r="AE1393" s="85"/>
      <c r="AF1393" s="85"/>
      <c r="AG1393" s="85"/>
      <c r="AH1393" s="85"/>
      <c r="AI1393" s="85"/>
      <c r="AJ1393" s="85"/>
      <c r="AK1393" s="85"/>
      <c r="AL1393" s="85"/>
      <c r="AM1393" s="85"/>
      <c r="AN1393" s="85"/>
      <c r="AO1393" s="85"/>
      <c r="AP1393" s="85"/>
      <c r="AQ1393" s="85"/>
      <c r="AR1393" s="85"/>
      <c r="AS1393" s="85"/>
      <c r="AT1393" s="85"/>
      <c r="AU1393" s="85"/>
      <c r="AV1393" s="85"/>
      <c r="AW1393" s="85"/>
      <c r="AX1393" s="85"/>
      <c r="AY1393" s="85"/>
      <c r="AZ1393" s="85"/>
      <c r="BA1393" s="85"/>
      <c r="BB1393" s="85"/>
      <c r="BC1393" s="85"/>
      <c r="BD1393" s="85"/>
      <c r="BE1393" s="85"/>
      <c r="BF1393" s="85"/>
      <c r="BG1393" s="85"/>
      <c r="BH1393" s="85"/>
      <c r="BI1393" s="85"/>
      <c r="BJ1393" s="85"/>
      <c r="BK1393" s="85"/>
      <c r="BL1393" s="85"/>
      <c r="BM1393" s="85"/>
      <c r="BN1393" s="85"/>
      <c r="BO1393" s="85"/>
      <c r="BP1393" s="85"/>
      <c r="BQ1393" s="85"/>
      <c r="BR1393" s="85"/>
      <c r="BS1393" s="85"/>
      <c r="BT1393" s="85"/>
      <c r="BU1393" s="85"/>
      <c r="BV1393" s="85"/>
      <c r="BW1393" s="85"/>
      <c r="BX1393" s="85"/>
      <c r="BY1393" s="85"/>
      <c r="BZ1393" s="85"/>
      <c r="CA1393" s="85"/>
      <c r="CB1393" s="85"/>
      <c r="CC1393" s="85"/>
      <c r="CD1393" s="85"/>
      <c r="CE1393" s="85"/>
      <c r="CF1393" s="85"/>
      <c r="CG1393" s="85"/>
    </row>
    <row r="1394" spans="1:85" s="9" customFormat="1" x14ac:dyDescent="0.2">
      <c r="A1394" s="85"/>
      <c r="J1394" s="85"/>
      <c r="K1394" s="85"/>
      <c r="L1394" s="85"/>
      <c r="M1394" s="85"/>
      <c r="N1394" s="85"/>
      <c r="O1394" s="85"/>
      <c r="P1394" s="85"/>
      <c r="Q1394" s="85"/>
      <c r="R1394" s="85"/>
      <c r="S1394" s="85"/>
      <c r="T1394" s="85"/>
      <c r="U1394" s="85"/>
      <c r="V1394" s="85"/>
      <c r="W1394" s="85"/>
      <c r="X1394" s="85"/>
      <c r="Y1394" s="85"/>
      <c r="Z1394" s="85"/>
      <c r="AA1394" s="85"/>
      <c r="AB1394" s="85"/>
      <c r="AC1394" s="85"/>
      <c r="AD1394" s="85"/>
      <c r="AE1394" s="85"/>
      <c r="AF1394" s="85"/>
      <c r="AG1394" s="85"/>
      <c r="AH1394" s="85"/>
      <c r="AI1394" s="85"/>
      <c r="AJ1394" s="85"/>
      <c r="AK1394" s="85"/>
      <c r="AL1394" s="85"/>
      <c r="AM1394" s="85"/>
      <c r="AN1394" s="85"/>
      <c r="AO1394" s="85"/>
      <c r="AP1394" s="85"/>
      <c r="AQ1394" s="85"/>
      <c r="AR1394" s="85"/>
      <c r="AS1394" s="85"/>
      <c r="AT1394" s="85"/>
      <c r="AU1394" s="85"/>
      <c r="AV1394" s="85"/>
      <c r="AW1394" s="85"/>
      <c r="AX1394" s="85"/>
      <c r="AY1394" s="85"/>
      <c r="AZ1394" s="85"/>
      <c r="BA1394" s="85"/>
      <c r="BB1394" s="85"/>
      <c r="BC1394" s="85"/>
      <c r="BD1394" s="85"/>
      <c r="BE1394" s="85"/>
      <c r="BF1394" s="85"/>
      <c r="BG1394" s="85"/>
      <c r="BH1394" s="85"/>
      <c r="BI1394" s="85"/>
      <c r="BJ1394" s="85"/>
      <c r="BK1394" s="85"/>
      <c r="BL1394" s="85"/>
      <c r="BM1394" s="85"/>
      <c r="BN1394" s="85"/>
      <c r="BO1394" s="85"/>
      <c r="BP1394" s="85"/>
      <c r="BQ1394" s="85"/>
      <c r="BR1394" s="85"/>
      <c r="BS1394" s="85"/>
      <c r="BT1394" s="85"/>
      <c r="BU1394" s="85"/>
      <c r="BV1394" s="85"/>
      <c r="BW1394" s="85"/>
      <c r="BX1394" s="85"/>
      <c r="BY1394" s="85"/>
      <c r="BZ1394" s="85"/>
      <c r="CA1394" s="85"/>
      <c r="CB1394" s="85"/>
      <c r="CC1394" s="85"/>
      <c r="CD1394" s="85"/>
      <c r="CE1394" s="85"/>
      <c r="CF1394" s="85"/>
      <c r="CG1394" s="85"/>
    </row>
    <row r="1395" spans="1:85" s="9" customFormat="1" x14ac:dyDescent="0.2">
      <c r="A1395" s="85"/>
      <c r="J1395" s="85"/>
      <c r="K1395" s="85"/>
      <c r="L1395" s="85"/>
      <c r="M1395" s="85"/>
      <c r="N1395" s="85"/>
      <c r="O1395" s="85"/>
      <c r="P1395" s="85"/>
      <c r="Q1395" s="85"/>
      <c r="R1395" s="85"/>
      <c r="S1395" s="85"/>
      <c r="T1395" s="85"/>
      <c r="U1395" s="85"/>
      <c r="V1395" s="85"/>
      <c r="W1395" s="85"/>
      <c r="X1395" s="85"/>
      <c r="Y1395" s="85"/>
      <c r="Z1395" s="85"/>
      <c r="AA1395" s="85"/>
      <c r="AB1395" s="85"/>
      <c r="AC1395" s="85"/>
      <c r="AD1395" s="85"/>
      <c r="AE1395" s="85"/>
      <c r="AF1395" s="85"/>
      <c r="AG1395" s="85"/>
      <c r="AH1395" s="85"/>
      <c r="AI1395" s="85"/>
      <c r="AJ1395" s="85"/>
      <c r="AK1395" s="85"/>
      <c r="AL1395" s="85"/>
      <c r="AM1395" s="85"/>
      <c r="AN1395" s="85"/>
      <c r="AO1395" s="85"/>
      <c r="AP1395" s="85"/>
      <c r="AQ1395" s="85"/>
      <c r="AR1395" s="85"/>
      <c r="AS1395" s="85"/>
      <c r="AT1395" s="85"/>
      <c r="AU1395" s="85"/>
      <c r="AV1395" s="85"/>
      <c r="AW1395" s="85"/>
      <c r="AX1395" s="85"/>
      <c r="AY1395" s="85"/>
      <c r="AZ1395" s="85"/>
      <c r="BA1395" s="85"/>
      <c r="BB1395" s="85"/>
      <c r="BC1395" s="85"/>
      <c r="BD1395" s="85"/>
      <c r="BE1395" s="85"/>
      <c r="BF1395" s="85"/>
      <c r="BG1395" s="85"/>
      <c r="BH1395" s="85"/>
      <c r="BI1395" s="85"/>
      <c r="BJ1395" s="85"/>
      <c r="BK1395" s="85"/>
      <c r="BL1395" s="85"/>
      <c r="BM1395" s="85"/>
      <c r="BN1395" s="85"/>
      <c r="BO1395" s="85"/>
      <c r="BP1395" s="85"/>
      <c r="BQ1395" s="85"/>
      <c r="BR1395" s="85"/>
      <c r="BS1395" s="85"/>
      <c r="BT1395" s="85"/>
      <c r="BU1395" s="85"/>
      <c r="BV1395" s="85"/>
      <c r="BW1395" s="85"/>
      <c r="BX1395" s="85"/>
      <c r="BY1395" s="85"/>
      <c r="BZ1395" s="85"/>
      <c r="CA1395" s="85"/>
      <c r="CB1395" s="85"/>
      <c r="CC1395" s="85"/>
      <c r="CD1395" s="85"/>
      <c r="CE1395" s="85"/>
      <c r="CF1395" s="85"/>
      <c r="CG1395" s="85"/>
    </row>
    <row r="1396" spans="1:85" s="9" customFormat="1" x14ac:dyDescent="0.2">
      <c r="A1396" s="85"/>
      <c r="J1396" s="85"/>
      <c r="K1396" s="85"/>
      <c r="L1396" s="85"/>
      <c r="M1396" s="85"/>
      <c r="N1396" s="85"/>
      <c r="O1396" s="85"/>
      <c r="P1396" s="85"/>
      <c r="Q1396" s="85"/>
      <c r="R1396" s="85"/>
      <c r="S1396" s="85"/>
      <c r="T1396" s="85"/>
      <c r="U1396" s="85"/>
      <c r="V1396" s="85"/>
      <c r="W1396" s="85"/>
      <c r="X1396" s="85"/>
      <c r="Y1396" s="85"/>
      <c r="Z1396" s="85"/>
      <c r="AA1396" s="85"/>
      <c r="AB1396" s="85"/>
      <c r="AC1396" s="85"/>
      <c r="AD1396" s="85"/>
      <c r="AE1396" s="85"/>
      <c r="AF1396" s="85"/>
      <c r="AG1396" s="85"/>
      <c r="AH1396" s="85"/>
      <c r="AI1396" s="85"/>
      <c r="AJ1396" s="85"/>
      <c r="AK1396" s="85"/>
      <c r="AL1396" s="85"/>
      <c r="AM1396" s="85"/>
      <c r="AN1396" s="85"/>
      <c r="AO1396" s="85"/>
      <c r="AP1396" s="85"/>
      <c r="AQ1396" s="85"/>
      <c r="AR1396" s="85"/>
      <c r="AS1396" s="85"/>
      <c r="AT1396" s="85"/>
      <c r="AU1396" s="85"/>
      <c r="AV1396" s="85"/>
      <c r="AW1396" s="85"/>
      <c r="AX1396" s="85"/>
      <c r="AY1396" s="85"/>
      <c r="AZ1396" s="85"/>
      <c r="BA1396" s="85"/>
      <c r="BB1396" s="85"/>
      <c r="BC1396" s="85"/>
      <c r="BD1396" s="85"/>
      <c r="BE1396" s="85"/>
      <c r="BF1396" s="85"/>
      <c r="BG1396" s="85"/>
      <c r="BH1396" s="85"/>
      <c r="BI1396" s="85"/>
      <c r="BJ1396" s="85"/>
      <c r="BK1396" s="85"/>
      <c r="BL1396" s="85"/>
      <c r="BM1396" s="85"/>
      <c r="BN1396" s="85"/>
      <c r="BO1396" s="85"/>
      <c r="BP1396" s="85"/>
      <c r="BQ1396" s="85"/>
      <c r="BR1396" s="85"/>
      <c r="BS1396" s="85"/>
      <c r="BT1396" s="85"/>
      <c r="BU1396" s="85"/>
      <c r="BV1396" s="85"/>
      <c r="BW1396" s="85"/>
      <c r="BX1396" s="85"/>
      <c r="BY1396" s="85"/>
      <c r="BZ1396" s="85"/>
      <c r="CA1396" s="85"/>
      <c r="CB1396" s="85"/>
      <c r="CC1396" s="85"/>
      <c r="CD1396" s="85"/>
      <c r="CE1396" s="85"/>
      <c r="CF1396" s="85"/>
      <c r="CG1396" s="85"/>
    </row>
    <row r="1397" spans="1:85" s="9" customFormat="1" x14ac:dyDescent="0.2">
      <c r="A1397" s="85"/>
      <c r="J1397" s="85"/>
      <c r="K1397" s="85"/>
      <c r="L1397" s="85"/>
      <c r="M1397" s="85"/>
      <c r="N1397" s="85"/>
      <c r="O1397" s="85"/>
      <c r="P1397" s="85"/>
      <c r="Q1397" s="85"/>
      <c r="R1397" s="85"/>
      <c r="S1397" s="85"/>
      <c r="T1397" s="85"/>
      <c r="U1397" s="85"/>
      <c r="V1397" s="85"/>
      <c r="W1397" s="85"/>
      <c r="X1397" s="85"/>
      <c r="Y1397" s="85"/>
      <c r="Z1397" s="85"/>
      <c r="AA1397" s="85"/>
      <c r="AB1397" s="85"/>
      <c r="AC1397" s="85"/>
      <c r="AD1397" s="85"/>
      <c r="AE1397" s="85"/>
      <c r="AF1397" s="85"/>
      <c r="AG1397" s="85"/>
      <c r="AH1397" s="85"/>
      <c r="AI1397" s="85"/>
      <c r="AJ1397" s="85"/>
      <c r="AK1397" s="85"/>
      <c r="AL1397" s="85"/>
      <c r="AM1397" s="85"/>
      <c r="AN1397" s="85"/>
      <c r="AO1397" s="85"/>
      <c r="AP1397" s="85"/>
      <c r="AQ1397" s="85"/>
      <c r="AR1397" s="85"/>
      <c r="AS1397" s="85"/>
      <c r="AT1397" s="85"/>
      <c r="AU1397" s="85"/>
      <c r="AV1397" s="85"/>
      <c r="AW1397" s="85"/>
      <c r="AX1397" s="85"/>
      <c r="AY1397" s="85"/>
      <c r="AZ1397" s="85"/>
      <c r="BA1397" s="85"/>
      <c r="BB1397" s="85"/>
      <c r="BC1397" s="85"/>
      <c r="BD1397" s="85"/>
      <c r="BE1397" s="85"/>
      <c r="BF1397" s="85"/>
      <c r="BG1397" s="85"/>
      <c r="BH1397" s="85"/>
      <c r="BI1397" s="85"/>
      <c r="BJ1397" s="85"/>
      <c r="BK1397" s="85"/>
      <c r="BL1397" s="85"/>
      <c r="BM1397" s="85"/>
      <c r="BN1397" s="85"/>
      <c r="BO1397" s="85"/>
      <c r="BP1397" s="85"/>
      <c r="BQ1397" s="85"/>
      <c r="BR1397" s="85"/>
      <c r="BS1397" s="85"/>
      <c r="BT1397" s="85"/>
      <c r="BU1397" s="85"/>
      <c r="BV1397" s="85"/>
      <c r="BW1397" s="85"/>
      <c r="BX1397" s="85"/>
      <c r="BY1397" s="85"/>
      <c r="BZ1397" s="85"/>
      <c r="CA1397" s="85"/>
      <c r="CB1397" s="85"/>
      <c r="CC1397" s="85"/>
      <c r="CD1397" s="85"/>
      <c r="CE1397" s="85"/>
      <c r="CF1397" s="85"/>
      <c r="CG1397" s="85"/>
    </row>
    <row r="1398" spans="1:85" s="9" customFormat="1" x14ac:dyDescent="0.2">
      <c r="A1398" s="85"/>
      <c r="J1398" s="85"/>
      <c r="K1398" s="85"/>
      <c r="L1398" s="85"/>
      <c r="M1398" s="85"/>
      <c r="N1398" s="85"/>
      <c r="O1398" s="85"/>
      <c r="P1398" s="85"/>
      <c r="Q1398" s="85"/>
      <c r="R1398" s="85"/>
      <c r="S1398" s="85"/>
      <c r="T1398" s="85"/>
      <c r="U1398" s="85"/>
      <c r="V1398" s="85"/>
      <c r="W1398" s="85"/>
      <c r="X1398" s="85"/>
      <c r="Y1398" s="85"/>
      <c r="Z1398" s="85"/>
      <c r="AA1398" s="85"/>
      <c r="AB1398" s="85"/>
      <c r="AC1398" s="85"/>
      <c r="AD1398" s="85"/>
      <c r="AE1398" s="85"/>
      <c r="AF1398" s="85"/>
      <c r="AG1398" s="85"/>
      <c r="AH1398" s="85"/>
      <c r="AI1398" s="85"/>
      <c r="AJ1398" s="85"/>
      <c r="AK1398" s="85"/>
      <c r="AL1398" s="85"/>
      <c r="AM1398" s="85"/>
      <c r="AN1398" s="85"/>
      <c r="AO1398" s="85"/>
      <c r="AP1398" s="85"/>
      <c r="AQ1398" s="85"/>
      <c r="AR1398" s="85"/>
      <c r="AS1398" s="85"/>
      <c r="AT1398" s="85"/>
      <c r="AU1398" s="85"/>
      <c r="AV1398" s="85"/>
      <c r="AW1398" s="85"/>
      <c r="AX1398" s="85"/>
      <c r="AY1398" s="85"/>
      <c r="AZ1398" s="85"/>
      <c r="BA1398" s="85"/>
      <c r="BB1398" s="85"/>
      <c r="BC1398" s="85"/>
      <c r="BD1398" s="85"/>
      <c r="BE1398" s="85"/>
      <c r="BF1398" s="85"/>
      <c r="BG1398" s="85"/>
      <c r="BH1398" s="85"/>
      <c r="BI1398" s="85"/>
      <c r="BJ1398" s="85"/>
      <c r="BK1398" s="85"/>
      <c r="BL1398" s="85"/>
      <c r="BM1398" s="85"/>
      <c r="BN1398" s="85"/>
      <c r="BO1398" s="85"/>
      <c r="BP1398" s="85"/>
      <c r="BQ1398" s="85"/>
      <c r="BR1398" s="85"/>
      <c r="BS1398" s="85"/>
      <c r="BT1398" s="85"/>
      <c r="BU1398" s="85"/>
      <c r="BV1398" s="85"/>
      <c r="BW1398" s="85"/>
      <c r="BX1398" s="85"/>
      <c r="BY1398" s="85"/>
      <c r="BZ1398" s="85"/>
      <c r="CA1398" s="85"/>
      <c r="CB1398" s="85"/>
      <c r="CC1398" s="85"/>
      <c r="CD1398" s="85"/>
      <c r="CE1398" s="85"/>
      <c r="CF1398" s="85"/>
      <c r="CG1398" s="85"/>
    </row>
    <row r="1399" spans="1:85" s="9" customFormat="1" x14ac:dyDescent="0.2">
      <c r="A1399" s="85"/>
      <c r="J1399" s="85"/>
      <c r="K1399" s="85"/>
      <c r="L1399" s="85"/>
      <c r="M1399" s="85"/>
      <c r="N1399" s="85"/>
      <c r="O1399" s="85"/>
      <c r="P1399" s="85"/>
      <c r="Q1399" s="85"/>
      <c r="R1399" s="85"/>
      <c r="S1399" s="85"/>
      <c r="T1399" s="85"/>
      <c r="U1399" s="85"/>
      <c r="V1399" s="85"/>
      <c r="W1399" s="85"/>
      <c r="X1399" s="85"/>
      <c r="Y1399" s="85"/>
      <c r="Z1399" s="85"/>
      <c r="AA1399" s="85"/>
      <c r="AB1399" s="85"/>
      <c r="AC1399" s="85"/>
      <c r="AD1399" s="85"/>
      <c r="AE1399" s="85"/>
      <c r="AF1399" s="85"/>
      <c r="AG1399" s="85"/>
      <c r="AH1399" s="85"/>
      <c r="AI1399" s="85"/>
      <c r="AJ1399" s="85"/>
      <c r="AK1399" s="85"/>
      <c r="AL1399" s="85"/>
      <c r="AM1399" s="85"/>
      <c r="AN1399" s="85"/>
      <c r="AO1399" s="85"/>
      <c r="AP1399" s="85"/>
      <c r="AQ1399" s="85"/>
      <c r="AR1399" s="85"/>
      <c r="AS1399" s="85"/>
      <c r="AT1399" s="85"/>
      <c r="AU1399" s="85"/>
      <c r="AV1399" s="85"/>
      <c r="AW1399" s="85"/>
      <c r="AX1399" s="85"/>
      <c r="AY1399" s="85"/>
      <c r="AZ1399" s="85"/>
      <c r="BA1399" s="85"/>
      <c r="BB1399" s="85"/>
      <c r="BC1399" s="85"/>
      <c r="BD1399" s="85"/>
      <c r="BE1399" s="85"/>
      <c r="BF1399" s="85"/>
      <c r="BG1399" s="85"/>
      <c r="BH1399" s="85"/>
      <c r="BI1399" s="85"/>
      <c r="BJ1399" s="85"/>
      <c r="BK1399" s="85"/>
      <c r="BL1399" s="85"/>
      <c r="BM1399" s="85"/>
      <c r="BN1399" s="85"/>
      <c r="BO1399" s="85"/>
      <c r="BP1399" s="85"/>
      <c r="BQ1399" s="85"/>
      <c r="BR1399" s="85"/>
      <c r="BS1399" s="85"/>
      <c r="BT1399" s="85"/>
      <c r="BU1399" s="85"/>
      <c r="BV1399" s="85"/>
      <c r="BW1399" s="85"/>
      <c r="BX1399" s="85"/>
      <c r="BY1399" s="85"/>
      <c r="BZ1399" s="85"/>
      <c r="CA1399" s="85"/>
      <c r="CB1399" s="85"/>
      <c r="CC1399" s="85"/>
      <c r="CD1399" s="85"/>
      <c r="CE1399" s="85"/>
      <c r="CF1399" s="85"/>
      <c r="CG1399" s="85"/>
    </row>
    <row r="1400" spans="1:85" s="9" customFormat="1" x14ac:dyDescent="0.2">
      <c r="A1400" s="85"/>
      <c r="J1400" s="85"/>
      <c r="K1400" s="85"/>
      <c r="L1400" s="85"/>
      <c r="M1400" s="85"/>
      <c r="N1400" s="85"/>
      <c r="O1400" s="85"/>
      <c r="P1400" s="85"/>
      <c r="Q1400" s="85"/>
      <c r="R1400" s="85"/>
      <c r="S1400" s="85"/>
      <c r="T1400" s="85"/>
      <c r="U1400" s="85"/>
      <c r="V1400" s="85"/>
      <c r="W1400" s="85"/>
      <c r="X1400" s="85"/>
      <c r="Y1400" s="85"/>
      <c r="Z1400" s="85"/>
      <c r="AA1400" s="85"/>
      <c r="AB1400" s="85"/>
      <c r="AC1400" s="85"/>
      <c r="AD1400" s="85"/>
      <c r="AE1400" s="85"/>
      <c r="AF1400" s="85"/>
      <c r="AG1400" s="85"/>
      <c r="AH1400" s="85"/>
      <c r="AI1400" s="85"/>
      <c r="AJ1400" s="85"/>
      <c r="AK1400" s="85"/>
      <c r="AL1400" s="85"/>
      <c r="AM1400" s="85"/>
      <c r="AN1400" s="85"/>
      <c r="AO1400" s="85"/>
      <c r="AP1400" s="85"/>
      <c r="AQ1400" s="85"/>
      <c r="AR1400" s="85"/>
      <c r="AS1400" s="85"/>
      <c r="AT1400" s="85"/>
      <c r="AU1400" s="85"/>
      <c r="AV1400" s="85"/>
      <c r="AW1400" s="85"/>
      <c r="AX1400" s="85"/>
      <c r="AY1400" s="85"/>
      <c r="AZ1400" s="85"/>
      <c r="BA1400" s="85"/>
      <c r="BB1400" s="85"/>
      <c r="BC1400" s="85"/>
      <c r="BD1400" s="85"/>
      <c r="BE1400" s="85"/>
      <c r="BF1400" s="85"/>
      <c r="BG1400" s="85"/>
      <c r="BH1400" s="85"/>
      <c r="BI1400" s="85"/>
      <c r="BJ1400" s="85"/>
      <c r="BK1400" s="85"/>
      <c r="BL1400" s="85"/>
      <c r="BM1400" s="85"/>
      <c r="BN1400" s="85"/>
      <c r="BO1400" s="85"/>
      <c r="BP1400" s="85"/>
      <c r="BQ1400" s="85"/>
      <c r="BR1400" s="85"/>
      <c r="BS1400" s="85"/>
      <c r="BT1400" s="85"/>
      <c r="BU1400" s="85"/>
      <c r="BV1400" s="85"/>
      <c r="BW1400" s="85"/>
      <c r="BX1400" s="85"/>
      <c r="BY1400" s="85"/>
      <c r="BZ1400" s="85"/>
      <c r="CA1400" s="85"/>
      <c r="CB1400" s="85"/>
      <c r="CC1400" s="85"/>
      <c r="CD1400" s="85"/>
      <c r="CE1400" s="85"/>
      <c r="CF1400" s="85"/>
      <c r="CG1400" s="85"/>
    </row>
    <row r="1401" spans="1:85" s="9" customFormat="1" x14ac:dyDescent="0.2">
      <c r="A1401" s="85"/>
      <c r="J1401" s="85"/>
      <c r="K1401" s="85"/>
      <c r="L1401" s="85"/>
      <c r="M1401" s="85"/>
      <c r="N1401" s="85"/>
      <c r="O1401" s="85"/>
      <c r="P1401" s="85"/>
      <c r="Q1401" s="85"/>
      <c r="R1401" s="85"/>
      <c r="S1401" s="85"/>
      <c r="T1401" s="85"/>
      <c r="U1401" s="85"/>
      <c r="V1401" s="85"/>
      <c r="W1401" s="85"/>
      <c r="X1401" s="85"/>
      <c r="Y1401" s="85"/>
      <c r="Z1401" s="85"/>
      <c r="AA1401" s="85"/>
      <c r="AB1401" s="85"/>
      <c r="AC1401" s="85"/>
      <c r="AD1401" s="85"/>
      <c r="AE1401" s="85"/>
      <c r="AF1401" s="85"/>
      <c r="AG1401" s="85"/>
      <c r="AH1401" s="85"/>
      <c r="AI1401" s="85"/>
      <c r="AJ1401" s="85"/>
      <c r="AK1401" s="85"/>
      <c r="AL1401" s="85"/>
      <c r="AM1401" s="85"/>
      <c r="AN1401" s="85"/>
      <c r="AO1401" s="85"/>
      <c r="AP1401" s="85"/>
      <c r="AQ1401" s="85"/>
      <c r="AR1401" s="85"/>
      <c r="AS1401" s="85"/>
      <c r="AT1401" s="85"/>
      <c r="AU1401" s="85"/>
      <c r="AV1401" s="85"/>
      <c r="AW1401" s="85"/>
      <c r="AX1401" s="85"/>
      <c r="AY1401" s="85"/>
      <c r="AZ1401" s="85"/>
      <c r="BA1401" s="85"/>
      <c r="BB1401" s="85"/>
      <c r="BC1401" s="85"/>
      <c r="BD1401" s="85"/>
      <c r="BE1401" s="85"/>
      <c r="BF1401" s="85"/>
      <c r="BG1401" s="85"/>
      <c r="BH1401" s="85"/>
      <c r="BI1401" s="85"/>
      <c r="BJ1401" s="85"/>
      <c r="BK1401" s="85"/>
      <c r="BL1401" s="85"/>
      <c r="BM1401" s="85"/>
      <c r="BN1401" s="85"/>
      <c r="BO1401" s="85"/>
      <c r="BP1401" s="85"/>
      <c r="BQ1401" s="85"/>
      <c r="BR1401" s="85"/>
      <c r="BS1401" s="85"/>
      <c r="BT1401" s="85"/>
      <c r="BU1401" s="85"/>
      <c r="BV1401" s="85"/>
      <c r="BW1401" s="85"/>
      <c r="BX1401" s="85"/>
      <c r="BY1401" s="85"/>
      <c r="BZ1401" s="85"/>
      <c r="CA1401" s="85"/>
      <c r="CB1401" s="85"/>
      <c r="CC1401" s="85"/>
      <c r="CD1401" s="85"/>
      <c r="CE1401" s="85"/>
      <c r="CF1401" s="85"/>
      <c r="CG1401" s="85"/>
    </row>
    <row r="1402" spans="1:85" s="9" customFormat="1" x14ac:dyDescent="0.2">
      <c r="A1402" s="85"/>
      <c r="J1402" s="85"/>
      <c r="K1402" s="85"/>
      <c r="L1402" s="85"/>
      <c r="M1402" s="85"/>
      <c r="N1402" s="85"/>
      <c r="O1402" s="85"/>
      <c r="P1402" s="85"/>
      <c r="Q1402" s="85"/>
      <c r="R1402" s="85"/>
      <c r="S1402" s="85"/>
      <c r="T1402" s="85"/>
      <c r="U1402" s="85"/>
      <c r="V1402" s="85"/>
      <c r="W1402" s="85"/>
      <c r="X1402" s="85"/>
      <c r="Y1402" s="85"/>
      <c r="Z1402" s="85"/>
      <c r="AA1402" s="85"/>
      <c r="AB1402" s="85"/>
      <c r="AC1402" s="85"/>
      <c r="AD1402" s="85"/>
      <c r="AE1402" s="85"/>
      <c r="AF1402" s="85"/>
      <c r="AG1402" s="85"/>
      <c r="AH1402" s="85"/>
      <c r="AI1402" s="85"/>
      <c r="AJ1402" s="85"/>
      <c r="AK1402" s="85"/>
      <c r="AL1402" s="85"/>
      <c r="AM1402" s="85"/>
      <c r="AN1402" s="85"/>
      <c r="AO1402" s="85"/>
      <c r="AP1402" s="85"/>
      <c r="AQ1402" s="85"/>
      <c r="AR1402" s="85"/>
      <c r="AS1402" s="85"/>
      <c r="AT1402" s="85"/>
      <c r="AU1402" s="85"/>
      <c r="AV1402" s="85"/>
      <c r="AW1402" s="85"/>
      <c r="AX1402" s="85"/>
      <c r="AY1402" s="85"/>
      <c r="AZ1402" s="85"/>
      <c r="BA1402" s="85"/>
      <c r="BB1402" s="85"/>
      <c r="BC1402" s="85"/>
      <c r="BD1402" s="85"/>
      <c r="BE1402" s="85"/>
      <c r="BF1402" s="85"/>
      <c r="BG1402" s="85"/>
      <c r="BH1402" s="85"/>
      <c r="BI1402" s="85"/>
      <c r="BJ1402" s="85"/>
      <c r="BK1402" s="85"/>
      <c r="BL1402" s="85"/>
      <c r="BM1402" s="85"/>
      <c r="BN1402" s="85"/>
      <c r="BO1402" s="85"/>
      <c r="BP1402" s="85"/>
      <c r="BQ1402" s="85"/>
      <c r="BR1402" s="85"/>
      <c r="BS1402" s="85"/>
      <c r="BT1402" s="85"/>
      <c r="BU1402" s="85"/>
      <c r="BV1402" s="85"/>
      <c r="BW1402" s="85"/>
      <c r="BX1402" s="85"/>
      <c r="BY1402" s="85"/>
      <c r="BZ1402" s="85"/>
      <c r="CA1402" s="85"/>
      <c r="CB1402" s="85"/>
      <c r="CC1402" s="85"/>
      <c r="CD1402" s="85"/>
      <c r="CE1402" s="85"/>
      <c r="CF1402" s="85"/>
      <c r="CG1402" s="85"/>
    </row>
    <row r="1403" spans="1:85" s="9" customFormat="1" x14ac:dyDescent="0.2">
      <c r="A1403" s="85"/>
      <c r="J1403" s="85"/>
      <c r="K1403" s="85"/>
      <c r="L1403" s="85"/>
      <c r="M1403" s="85"/>
      <c r="N1403" s="85"/>
      <c r="O1403" s="85"/>
      <c r="P1403" s="85"/>
      <c r="Q1403" s="85"/>
      <c r="R1403" s="85"/>
      <c r="S1403" s="85"/>
      <c r="T1403" s="85"/>
      <c r="U1403" s="85"/>
      <c r="V1403" s="85"/>
      <c r="W1403" s="85"/>
      <c r="X1403" s="85"/>
      <c r="Y1403" s="85"/>
      <c r="Z1403" s="85"/>
      <c r="AA1403" s="85"/>
      <c r="AB1403" s="85"/>
      <c r="AC1403" s="85"/>
      <c r="AD1403" s="85"/>
      <c r="AE1403" s="85"/>
      <c r="AF1403" s="85"/>
      <c r="AG1403" s="85"/>
      <c r="AH1403" s="85"/>
      <c r="AI1403" s="85"/>
      <c r="AJ1403" s="85"/>
      <c r="AK1403" s="85"/>
      <c r="AL1403" s="85"/>
      <c r="AM1403" s="85"/>
      <c r="AN1403" s="85"/>
      <c r="AO1403" s="85"/>
      <c r="AP1403" s="85"/>
      <c r="AQ1403" s="85"/>
      <c r="AR1403" s="85"/>
      <c r="AS1403" s="85"/>
      <c r="AT1403" s="85"/>
      <c r="AU1403" s="85"/>
      <c r="AV1403" s="85"/>
      <c r="AW1403" s="85"/>
      <c r="AX1403" s="85"/>
      <c r="AY1403" s="85"/>
      <c r="AZ1403" s="85"/>
      <c r="BA1403" s="85"/>
      <c r="BB1403" s="85"/>
      <c r="BC1403" s="85"/>
      <c r="BD1403" s="85"/>
      <c r="BE1403" s="85"/>
      <c r="BF1403" s="85"/>
      <c r="BG1403" s="85"/>
      <c r="BH1403" s="85"/>
      <c r="BI1403" s="85"/>
      <c r="BJ1403" s="85"/>
      <c r="BK1403" s="85"/>
      <c r="BL1403" s="85"/>
      <c r="BM1403" s="85"/>
      <c r="BN1403" s="85"/>
      <c r="BO1403" s="85"/>
      <c r="BP1403" s="85"/>
      <c r="BQ1403" s="85"/>
      <c r="BR1403" s="85"/>
      <c r="BS1403" s="85"/>
      <c r="BT1403" s="85"/>
      <c r="BU1403" s="85"/>
      <c r="BV1403" s="85"/>
      <c r="BW1403" s="85"/>
      <c r="BX1403" s="85"/>
      <c r="BY1403" s="85"/>
      <c r="BZ1403" s="85"/>
      <c r="CA1403" s="85"/>
      <c r="CB1403" s="85"/>
      <c r="CC1403" s="85"/>
      <c r="CD1403" s="85"/>
      <c r="CE1403" s="85"/>
      <c r="CF1403" s="85"/>
      <c r="CG1403" s="85"/>
    </row>
    <row r="1404" spans="1:85" s="9" customFormat="1" x14ac:dyDescent="0.2">
      <c r="A1404" s="85"/>
      <c r="J1404" s="85"/>
      <c r="K1404" s="85"/>
      <c r="L1404" s="85"/>
      <c r="M1404" s="85"/>
      <c r="N1404" s="85"/>
      <c r="O1404" s="85"/>
      <c r="P1404" s="85"/>
      <c r="Q1404" s="85"/>
      <c r="R1404" s="85"/>
      <c r="S1404" s="85"/>
      <c r="T1404" s="85"/>
      <c r="U1404" s="85"/>
      <c r="V1404" s="85"/>
      <c r="W1404" s="85"/>
      <c r="X1404" s="85"/>
      <c r="Y1404" s="85"/>
      <c r="Z1404" s="85"/>
      <c r="AA1404" s="85"/>
      <c r="AB1404" s="85"/>
      <c r="AC1404" s="85"/>
      <c r="AD1404" s="85"/>
      <c r="AE1404" s="85"/>
      <c r="AF1404" s="85"/>
      <c r="AG1404" s="85"/>
      <c r="AH1404" s="85"/>
      <c r="AI1404" s="85"/>
      <c r="AJ1404" s="85"/>
      <c r="AK1404" s="85"/>
      <c r="AL1404" s="85"/>
      <c r="AM1404" s="85"/>
      <c r="AN1404" s="85"/>
      <c r="AO1404" s="85"/>
      <c r="AP1404" s="85"/>
      <c r="AQ1404" s="85"/>
      <c r="AR1404" s="85"/>
      <c r="AS1404" s="85"/>
      <c r="AT1404" s="85"/>
      <c r="AU1404" s="85"/>
      <c r="AV1404" s="85"/>
      <c r="AW1404" s="85"/>
      <c r="AX1404" s="85"/>
      <c r="AY1404" s="85"/>
      <c r="AZ1404" s="85"/>
      <c r="BA1404" s="85"/>
      <c r="BB1404" s="85"/>
      <c r="BC1404" s="85"/>
      <c r="BD1404" s="85"/>
      <c r="BE1404" s="85"/>
      <c r="BF1404" s="85"/>
      <c r="BG1404" s="85"/>
      <c r="BH1404" s="85"/>
      <c r="BI1404" s="85"/>
      <c r="BJ1404" s="85"/>
      <c r="BK1404" s="85"/>
      <c r="BL1404" s="85"/>
      <c r="BM1404" s="85"/>
      <c r="BN1404" s="85"/>
      <c r="BO1404" s="85"/>
      <c r="BP1404" s="85"/>
      <c r="BQ1404" s="85"/>
      <c r="BR1404" s="85"/>
      <c r="BS1404" s="85"/>
      <c r="BT1404" s="85"/>
      <c r="BU1404" s="85"/>
      <c r="BV1404" s="85"/>
      <c r="BW1404" s="85"/>
      <c r="BX1404" s="85"/>
      <c r="BY1404" s="85"/>
      <c r="BZ1404" s="85"/>
      <c r="CA1404" s="85"/>
      <c r="CB1404" s="85"/>
      <c r="CC1404" s="85"/>
      <c r="CD1404" s="85"/>
      <c r="CE1404" s="85"/>
      <c r="CF1404" s="85"/>
      <c r="CG1404" s="85"/>
    </row>
    <row r="1405" spans="1:85" s="9" customFormat="1" x14ac:dyDescent="0.2">
      <c r="A1405" s="85"/>
      <c r="J1405" s="85"/>
      <c r="K1405" s="85"/>
      <c r="L1405" s="85"/>
      <c r="M1405" s="85"/>
      <c r="N1405" s="85"/>
      <c r="O1405" s="85"/>
      <c r="P1405" s="85"/>
      <c r="Q1405" s="85"/>
      <c r="R1405" s="85"/>
      <c r="S1405" s="85"/>
      <c r="T1405" s="85"/>
      <c r="U1405" s="85"/>
      <c r="V1405" s="85"/>
      <c r="W1405" s="85"/>
      <c r="X1405" s="85"/>
      <c r="Y1405" s="85"/>
      <c r="Z1405" s="85"/>
      <c r="AA1405" s="85"/>
      <c r="AB1405" s="85"/>
      <c r="AC1405" s="85"/>
      <c r="AD1405" s="85"/>
      <c r="AE1405" s="85"/>
      <c r="AF1405" s="85"/>
      <c r="AG1405" s="85"/>
      <c r="AH1405" s="85"/>
      <c r="AI1405" s="85"/>
      <c r="AJ1405" s="85"/>
      <c r="AK1405" s="85"/>
      <c r="AL1405" s="85"/>
      <c r="AM1405" s="85"/>
      <c r="AN1405" s="85"/>
      <c r="AO1405" s="85"/>
      <c r="AP1405" s="85"/>
      <c r="AQ1405" s="85"/>
      <c r="AR1405" s="85"/>
      <c r="AS1405" s="85"/>
      <c r="AT1405" s="85"/>
      <c r="AU1405" s="85"/>
      <c r="AV1405" s="85"/>
      <c r="AW1405" s="85"/>
      <c r="AX1405" s="85"/>
      <c r="AY1405" s="85"/>
      <c r="AZ1405" s="85"/>
      <c r="BA1405" s="85"/>
      <c r="BB1405" s="85"/>
      <c r="BC1405" s="85"/>
      <c r="BD1405" s="85"/>
      <c r="BE1405" s="85"/>
      <c r="BF1405" s="85"/>
      <c r="BG1405" s="85"/>
      <c r="BH1405" s="85"/>
      <c r="BI1405" s="85"/>
      <c r="BJ1405" s="85"/>
      <c r="BK1405" s="85"/>
      <c r="BL1405" s="85"/>
      <c r="BM1405" s="85"/>
      <c r="BN1405" s="85"/>
      <c r="BO1405" s="85"/>
      <c r="BP1405" s="85"/>
      <c r="BQ1405" s="85"/>
      <c r="BR1405" s="85"/>
      <c r="BS1405" s="85"/>
      <c r="BT1405" s="85"/>
      <c r="BU1405" s="85"/>
      <c r="BV1405" s="85"/>
      <c r="BW1405" s="85"/>
      <c r="BX1405" s="85"/>
      <c r="BY1405" s="85"/>
      <c r="BZ1405" s="85"/>
      <c r="CA1405" s="85"/>
      <c r="CB1405" s="85"/>
      <c r="CC1405" s="85"/>
      <c r="CD1405" s="85"/>
      <c r="CE1405" s="85"/>
      <c r="CF1405" s="85"/>
      <c r="CG1405" s="85"/>
    </row>
    <row r="1406" spans="1:85" s="9" customFormat="1" x14ac:dyDescent="0.2">
      <c r="A1406" s="85"/>
      <c r="J1406" s="85"/>
      <c r="K1406" s="85"/>
      <c r="L1406" s="85"/>
      <c r="M1406" s="85"/>
      <c r="N1406" s="85"/>
      <c r="O1406" s="85"/>
      <c r="P1406" s="85"/>
      <c r="Q1406" s="85"/>
      <c r="R1406" s="85"/>
      <c r="S1406" s="85"/>
      <c r="T1406" s="85"/>
      <c r="U1406" s="85"/>
      <c r="V1406" s="85"/>
      <c r="W1406" s="85"/>
      <c r="X1406" s="85"/>
      <c r="Y1406" s="85"/>
      <c r="Z1406" s="85"/>
      <c r="AA1406" s="85"/>
      <c r="AB1406" s="85"/>
      <c r="AC1406" s="85"/>
      <c r="AD1406" s="85"/>
      <c r="AE1406" s="85"/>
      <c r="AF1406" s="85"/>
      <c r="AG1406" s="85"/>
      <c r="AH1406" s="85"/>
      <c r="AI1406" s="85"/>
      <c r="AJ1406" s="85"/>
      <c r="AK1406" s="85"/>
      <c r="AL1406" s="85"/>
      <c r="AM1406" s="85"/>
      <c r="AN1406" s="85"/>
      <c r="AO1406" s="85"/>
      <c r="AP1406" s="85"/>
      <c r="AQ1406" s="85"/>
      <c r="AR1406" s="85"/>
      <c r="AS1406" s="85"/>
      <c r="AT1406" s="85"/>
      <c r="AU1406" s="85"/>
      <c r="AV1406" s="85"/>
      <c r="AW1406" s="85"/>
      <c r="AX1406" s="85"/>
      <c r="AY1406" s="85"/>
      <c r="AZ1406" s="85"/>
      <c r="BA1406" s="85"/>
      <c r="BB1406" s="85"/>
      <c r="BC1406" s="85"/>
      <c r="BD1406" s="85"/>
      <c r="BE1406" s="85"/>
      <c r="BF1406" s="85"/>
      <c r="BG1406" s="85"/>
      <c r="BH1406" s="85"/>
      <c r="BI1406" s="85"/>
      <c r="BJ1406" s="85"/>
      <c r="BK1406" s="85"/>
      <c r="BL1406" s="85"/>
      <c r="BM1406" s="85"/>
      <c r="BN1406" s="85"/>
      <c r="BO1406" s="85"/>
      <c r="BP1406" s="85"/>
      <c r="BQ1406" s="85"/>
      <c r="BR1406" s="85"/>
      <c r="BS1406" s="85"/>
      <c r="BT1406" s="85"/>
      <c r="BU1406" s="85"/>
      <c r="BV1406" s="85"/>
      <c r="BW1406" s="85"/>
      <c r="BX1406" s="85"/>
      <c r="BY1406" s="85"/>
      <c r="BZ1406" s="85"/>
      <c r="CA1406" s="85"/>
      <c r="CB1406" s="85"/>
      <c r="CC1406" s="85"/>
      <c r="CD1406" s="85"/>
      <c r="CE1406" s="85"/>
      <c r="CF1406" s="85"/>
      <c r="CG1406" s="85"/>
    </row>
    <row r="1407" spans="1:85" s="9" customFormat="1" x14ac:dyDescent="0.2">
      <c r="A1407" s="85"/>
      <c r="J1407" s="85"/>
      <c r="K1407" s="85"/>
      <c r="L1407" s="85"/>
      <c r="M1407" s="85"/>
      <c r="N1407" s="85"/>
      <c r="O1407" s="85"/>
      <c r="P1407" s="85"/>
      <c r="Q1407" s="85"/>
      <c r="R1407" s="85"/>
      <c r="S1407" s="85"/>
      <c r="T1407" s="85"/>
      <c r="U1407" s="85"/>
      <c r="V1407" s="85"/>
      <c r="W1407" s="85"/>
      <c r="X1407" s="85"/>
      <c r="Y1407" s="85"/>
      <c r="Z1407" s="85"/>
      <c r="AA1407" s="85"/>
      <c r="AB1407" s="85"/>
      <c r="AC1407" s="85"/>
      <c r="AD1407" s="85"/>
      <c r="AE1407" s="85"/>
      <c r="AF1407" s="85"/>
      <c r="AG1407" s="85"/>
      <c r="AH1407" s="85"/>
      <c r="AI1407" s="85"/>
      <c r="AJ1407" s="85"/>
      <c r="AK1407" s="85"/>
      <c r="AL1407" s="85"/>
      <c r="AM1407" s="85"/>
      <c r="AN1407" s="85"/>
      <c r="AO1407" s="85"/>
      <c r="AP1407" s="85"/>
      <c r="AQ1407" s="85"/>
      <c r="AR1407" s="85"/>
      <c r="AS1407" s="85"/>
      <c r="AT1407" s="85"/>
      <c r="AU1407" s="85"/>
      <c r="AV1407" s="85"/>
      <c r="AW1407" s="85"/>
      <c r="AX1407" s="85"/>
      <c r="AY1407" s="85"/>
      <c r="AZ1407" s="85"/>
      <c r="BA1407" s="85"/>
      <c r="BB1407" s="85"/>
      <c r="BC1407" s="85"/>
      <c r="BD1407" s="85"/>
      <c r="BE1407" s="85"/>
      <c r="BF1407" s="85"/>
      <c r="BG1407" s="85"/>
      <c r="BH1407" s="85"/>
      <c r="BI1407" s="85"/>
      <c r="BJ1407" s="85"/>
      <c r="BK1407" s="85"/>
      <c r="BL1407" s="85"/>
      <c r="BM1407" s="85"/>
      <c r="BN1407" s="85"/>
      <c r="BO1407" s="85"/>
      <c r="BP1407" s="85"/>
      <c r="BQ1407" s="85"/>
      <c r="BR1407" s="85"/>
      <c r="BS1407" s="85"/>
      <c r="BT1407" s="85"/>
      <c r="BU1407" s="85"/>
      <c r="BV1407" s="85"/>
      <c r="BW1407" s="85"/>
      <c r="BX1407" s="85"/>
      <c r="BY1407" s="85"/>
      <c r="BZ1407" s="85"/>
      <c r="CA1407" s="85"/>
      <c r="CB1407" s="85"/>
      <c r="CC1407" s="85"/>
      <c r="CD1407" s="85"/>
      <c r="CE1407" s="85"/>
      <c r="CF1407" s="85"/>
      <c r="CG1407" s="85"/>
    </row>
    <row r="1408" spans="1:85" s="9" customFormat="1" x14ac:dyDescent="0.2">
      <c r="A1408" s="85"/>
      <c r="J1408" s="85"/>
      <c r="K1408" s="85"/>
      <c r="L1408" s="85"/>
      <c r="M1408" s="85"/>
      <c r="N1408" s="85"/>
      <c r="O1408" s="85"/>
      <c r="P1408" s="85"/>
      <c r="Q1408" s="85"/>
      <c r="R1408" s="85"/>
      <c r="S1408" s="85"/>
      <c r="T1408" s="85"/>
      <c r="U1408" s="85"/>
      <c r="V1408" s="85"/>
      <c r="W1408" s="85"/>
      <c r="X1408" s="85"/>
      <c r="Y1408" s="85"/>
      <c r="Z1408" s="85"/>
      <c r="AA1408" s="85"/>
      <c r="AB1408" s="85"/>
      <c r="AC1408" s="85"/>
      <c r="AD1408" s="85"/>
      <c r="AE1408" s="85"/>
      <c r="AF1408" s="85"/>
      <c r="AG1408" s="85"/>
      <c r="AH1408" s="85"/>
      <c r="AI1408" s="85"/>
      <c r="AJ1408" s="85"/>
      <c r="AK1408" s="85"/>
      <c r="AL1408" s="85"/>
      <c r="AM1408" s="85"/>
      <c r="AN1408" s="85"/>
      <c r="AO1408" s="85"/>
      <c r="AP1408" s="85"/>
      <c r="AQ1408" s="85"/>
      <c r="AR1408" s="85"/>
      <c r="AS1408" s="85"/>
      <c r="AT1408" s="85"/>
      <c r="AU1408" s="85"/>
      <c r="AV1408" s="85"/>
      <c r="AW1408" s="85"/>
      <c r="AX1408" s="85"/>
      <c r="AY1408" s="85"/>
      <c r="AZ1408" s="85"/>
      <c r="BA1408" s="85"/>
      <c r="BB1408" s="85"/>
      <c r="BC1408" s="85"/>
      <c r="BD1408" s="85"/>
      <c r="BE1408" s="85"/>
      <c r="BF1408" s="85"/>
      <c r="BG1408" s="85"/>
      <c r="BH1408" s="85"/>
      <c r="BI1408" s="85"/>
      <c r="BJ1408" s="85"/>
      <c r="BK1408" s="85"/>
      <c r="BL1408" s="85"/>
      <c r="BM1408" s="85"/>
      <c r="BN1408" s="85"/>
      <c r="BO1408" s="85"/>
      <c r="BP1408" s="85"/>
      <c r="BQ1408" s="85"/>
      <c r="BR1408" s="85"/>
      <c r="BS1408" s="85"/>
      <c r="BT1408" s="85"/>
      <c r="BU1408" s="85"/>
      <c r="BV1408" s="85"/>
      <c r="BW1408" s="85"/>
      <c r="BX1408" s="85"/>
      <c r="BY1408" s="85"/>
      <c r="BZ1408" s="85"/>
      <c r="CA1408" s="85"/>
      <c r="CB1408" s="85"/>
      <c r="CC1408" s="85"/>
      <c r="CD1408" s="85"/>
      <c r="CE1408" s="85"/>
      <c r="CF1408" s="85"/>
      <c r="CG1408" s="85"/>
    </row>
    <row r="1409" spans="1:85" s="9" customFormat="1" x14ac:dyDescent="0.2">
      <c r="A1409" s="85"/>
      <c r="J1409" s="85"/>
      <c r="K1409" s="85"/>
      <c r="L1409" s="85"/>
      <c r="M1409" s="85"/>
      <c r="N1409" s="85"/>
      <c r="O1409" s="85"/>
      <c r="P1409" s="85"/>
      <c r="Q1409" s="85"/>
      <c r="R1409" s="85"/>
      <c r="S1409" s="85"/>
      <c r="T1409" s="85"/>
      <c r="U1409" s="85"/>
      <c r="V1409" s="85"/>
      <c r="W1409" s="85"/>
      <c r="X1409" s="85"/>
      <c r="Y1409" s="85"/>
      <c r="Z1409" s="85"/>
      <c r="AA1409" s="85"/>
      <c r="AB1409" s="85"/>
      <c r="AC1409" s="85"/>
      <c r="AD1409" s="85"/>
      <c r="AE1409" s="85"/>
      <c r="AF1409" s="85"/>
      <c r="AG1409" s="85"/>
      <c r="AH1409" s="85"/>
      <c r="AI1409" s="85"/>
      <c r="AJ1409" s="85"/>
      <c r="AK1409" s="85"/>
      <c r="AL1409" s="85"/>
      <c r="AM1409" s="85"/>
      <c r="AN1409" s="85"/>
      <c r="AO1409" s="85"/>
      <c r="AP1409" s="85"/>
      <c r="AQ1409" s="85"/>
      <c r="AR1409" s="85"/>
      <c r="AS1409" s="85"/>
      <c r="AT1409" s="85"/>
      <c r="AU1409" s="85"/>
      <c r="AV1409" s="85"/>
      <c r="AW1409" s="85"/>
      <c r="AX1409" s="85"/>
      <c r="AY1409" s="85"/>
      <c r="AZ1409" s="85"/>
      <c r="BA1409" s="85"/>
      <c r="BB1409" s="85"/>
      <c r="BC1409" s="85"/>
      <c r="BD1409" s="85"/>
      <c r="BE1409" s="85"/>
      <c r="BF1409" s="85"/>
      <c r="BG1409" s="85"/>
      <c r="BH1409" s="85"/>
      <c r="BI1409" s="85"/>
      <c r="BJ1409" s="85"/>
      <c r="BK1409" s="85"/>
      <c r="BL1409" s="85"/>
      <c r="BM1409" s="85"/>
      <c r="BN1409" s="85"/>
      <c r="BO1409" s="85"/>
      <c r="BP1409" s="85"/>
      <c r="BQ1409" s="85"/>
      <c r="BR1409" s="85"/>
      <c r="BS1409" s="85"/>
      <c r="BT1409" s="85"/>
      <c r="BU1409" s="85"/>
      <c r="BV1409" s="85"/>
      <c r="BW1409" s="85"/>
      <c r="BX1409" s="85"/>
      <c r="BY1409" s="85"/>
      <c r="BZ1409" s="85"/>
      <c r="CA1409" s="85"/>
      <c r="CB1409" s="85"/>
      <c r="CC1409" s="85"/>
      <c r="CD1409" s="85"/>
      <c r="CE1409" s="85"/>
      <c r="CF1409" s="85"/>
      <c r="CG1409" s="85"/>
    </row>
    <row r="1410" spans="1:85" s="9" customFormat="1" x14ac:dyDescent="0.2">
      <c r="A1410" s="85"/>
      <c r="J1410" s="85"/>
      <c r="K1410" s="85"/>
      <c r="L1410" s="85"/>
      <c r="M1410" s="85"/>
      <c r="N1410" s="85"/>
      <c r="O1410" s="85"/>
      <c r="P1410" s="85"/>
      <c r="Q1410" s="85"/>
      <c r="R1410" s="85"/>
      <c r="S1410" s="85"/>
      <c r="T1410" s="85"/>
      <c r="U1410" s="85"/>
      <c r="V1410" s="85"/>
      <c r="W1410" s="85"/>
      <c r="X1410" s="85"/>
      <c r="Y1410" s="85"/>
      <c r="Z1410" s="85"/>
      <c r="AA1410" s="85"/>
      <c r="AB1410" s="85"/>
      <c r="AC1410" s="85"/>
      <c r="AD1410" s="85"/>
      <c r="AE1410" s="85"/>
      <c r="AF1410" s="85"/>
      <c r="AG1410" s="85"/>
      <c r="AH1410" s="85"/>
      <c r="AI1410" s="85"/>
      <c r="AJ1410" s="85"/>
      <c r="AK1410" s="85"/>
      <c r="AL1410" s="85"/>
      <c r="AM1410" s="85"/>
      <c r="AN1410" s="85"/>
      <c r="AO1410" s="85"/>
      <c r="AP1410" s="85"/>
      <c r="AQ1410" s="85"/>
      <c r="AR1410" s="85"/>
      <c r="AS1410" s="85"/>
      <c r="AT1410" s="85"/>
      <c r="AU1410" s="85"/>
      <c r="AV1410" s="85"/>
      <c r="AW1410" s="85"/>
      <c r="AX1410" s="85"/>
      <c r="AY1410" s="85"/>
      <c r="AZ1410" s="85"/>
      <c r="BA1410" s="85"/>
      <c r="BB1410" s="85"/>
      <c r="BC1410" s="85"/>
      <c r="BD1410" s="85"/>
      <c r="BE1410" s="85"/>
      <c r="BF1410" s="85"/>
      <c r="BG1410" s="85"/>
      <c r="BH1410" s="85"/>
      <c r="BI1410" s="85"/>
      <c r="BJ1410" s="85"/>
      <c r="BK1410" s="85"/>
      <c r="BL1410" s="85"/>
      <c r="BM1410" s="85"/>
      <c r="BN1410" s="85"/>
      <c r="BO1410" s="85"/>
      <c r="BP1410" s="85"/>
      <c r="BQ1410" s="85"/>
      <c r="BR1410" s="85"/>
      <c r="BS1410" s="85"/>
      <c r="BT1410" s="85"/>
      <c r="BU1410" s="85"/>
      <c r="BV1410" s="85"/>
      <c r="BW1410" s="85"/>
      <c r="BX1410" s="85"/>
      <c r="BY1410" s="85"/>
      <c r="BZ1410" s="85"/>
      <c r="CA1410" s="85"/>
      <c r="CB1410" s="85"/>
      <c r="CC1410" s="85"/>
      <c r="CD1410" s="85"/>
      <c r="CE1410" s="85"/>
      <c r="CF1410" s="85"/>
      <c r="CG1410" s="85"/>
    </row>
    <row r="1411" spans="1:85" s="9" customFormat="1" x14ac:dyDescent="0.2">
      <c r="A1411" s="85"/>
      <c r="J1411" s="85"/>
      <c r="K1411" s="85"/>
      <c r="L1411" s="85"/>
      <c r="M1411" s="85"/>
      <c r="N1411" s="85"/>
      <c r="O1411" s="85"/>
      <c r="P1411" s="85"/>
      <c r="Q1411" s="85"/>
      <c r="R1411" s="85"/>
      <c r="S1411" s="85"/>
      <c r="T1411" s="85"/>
      <c r="U1411" s="85"/>
      <c r="V1411" s="85"/>
      <c r="W1411" s="85"/>
      <c r="X1411" s="85"/>
      <c r="Y1411" s="85"/>
      <c r="Z1411" s="85"/>
      <c r="AA1411" s="85"/>
      <c r="AB1411" s="85"/>
      <c r="AC1411" s="85"/>
      <c r="AD1411" s="85"/>
      <c r="AE1411" s="85"/>
      <c r="AF1411" s="85"/>
      <c r="AG1411" s="85"/>
      <c r="AH1411" s="85"/>
      <c r="AI1411" s="85"/>
      <c r="AJ1411" s="85"/>
      <c r="AK1411" s="85"/>
      <c r="AL1411" s="85"/>
      <c r="AM1411" s="85"/>
      <c r="AN1411" s="85"/>
      <c r="AO1411" s="85"/>
      <c r="AP1411" s="85"/>
      <c r="AQ1411" s="85"/>
      <c r="AR1411" s="85"/>
      <c r="AS1411" s="85"/>
      <c r="AT1411" s="85"/>
      <c r="AU1411" s="85"/>
      <c r="AV1411" s="85"/>
      <c r="AW1411" s="85"/>
      <c r="AX1411" s="85"/>
      <c r="AY1411" s="85"/>
      <c r="AZ1411" s="85"/>
      <c r="BA1411" s="85"/>
      <c r="BB1411" s="85"/>
      <c r="BC1411" s="85"/>
      <c r="BD1411" s="85"/>
      <c r="BE1411" s="85"/>
      <c r="BF1411" s="85"/>
      <c r="BG1411" s="85"/>
      <c r="BH1411" s="85"/>
      <c r="BI1411" s="85"/>
      <c r="BJ1411" s="85"/>
      <c r="BK1411" s="85"/>
      <c r="BL1411" s="85"/>
      <c r="BM1411" s="85"/>
      <c r="BN1411" s="85"/>
      <c r="BO1411" s="85"/>
      <c r="BP1411" s="85"/>
      <c r="BQ1411" s="85"/>
      <c r="BR1411" s="85"/>
      <c r="BS1411" s="85"/>
      <c r="BT1411" s="85"/>
      <c r="BU1411" s="85"/>
      <c r="BV1411" s="85"/>
      <c r="BW1411" s="85"/>
      <c r="BX1411" s="85"/>
      <c r="BY1411" s="85"/>
      <c r="BZ1411" s="85"/>
      <c r="CA1411" s="85"/>
      <c r="CB1411" s="85"/>
      <c r="CC1411" s="85"/>
      <c r="CD1411" s="85"/>
      <c r="CE1411" s="85"/>
      <c r="CF1411" s="85"/>
      <c r="CG1411" s="85"/>
    </row>
    <row r="1412" spans="1:85" s="9" customFormat="1" x14ac:dyDescent="0.2">
      <c r="A1412" s="85"/>
      <c r="J1412" s="85"/>
      <c r="K1412" s="85"/>
      <c r="L1412" s="85"/>
      <c r="M1412" s="85"/>
      <c r="N1412" s="85"/>
      <c r="O1412" s="85"/>
      <c r="P1412" s="85"/>
      <c r="Q1412" s="85"/>
      <c r="R1412" s="85"/>
      <c r="S1412" s="85"/>
      <c r="T1412" s="85"/>
      <c r="U1412" s="85"/>
      <c r="V1412" s="85"/>
      <c r="W1412" s="85"/>
      <c r="X1412" s="85"/>
      <c r="Y1412" s="85"/>
      <c r="Z1412" s="85"/>
      <c r="AA1412" s="85"/>
      <c r="AB1412" s="85"/>
      <c r="AC1412" s="85"/>
      <c r="AD1412" s="85"/>
      <c r="AE1412" s="85"/>
      <c r="AF1412" s="85"/>
      <c r="AG1412" s="85"/>
      <c r="AH1412" s="85"/>
      <c r="AI1412" s="85"/>
      <c r="AJ1412" s="85"/>
      <c r="AK1412" s="85"/>
      <c r="AL1412" s="85"/>
      <c r="AM1412" s="85"/>
      <c r="AN1412" s="85"/>
      <c r="AO1412" s="85"/>
      <c r="AP1412" s="85"/>
      <c r="AQ1412" s="85"/>
      <c r="AR1412" s="85"/>
      <c r="AS1412" s="85"/>
      <c r="AT1412" s="85"/>
      <c r="AU1412" s="85"/>
      <c r="AV1412" s="85"/>
      <c r="AW1412" s="85"/>
      <c r="AX1412" s="85"/>
      <c r="AY1412" s="85"/>
      <c r="AZ1412" s="85"/>
      <c r="BA1412" s="85"/>
      <c r="BB1412" s="85"/>
      <c r="BC1412" s="85"/>
      <c r="BD1412" s="85"/>
      <c r="BE1412" s="85"/>
      <c r="BF1412" s="85"/>
      <c r="BG1412" s="85"/>
      <c r="BH1412" s="85"/>
      <c r="BI1412" s="85"/>
      <c r="BJ1412" s="85"/>
      <c r="BK1412" s="85"/>
      <c r="BL1412" s="85"/>
      <c r="BM1412" s="85"/>
      <c r="BN1412" s="85"/>
      <c r="BO1412" s="85"/>
      <c r="BP1412" s="85"/>
      <c r="BQ1412" s="85"/>
      <c r="BR1412" s="85"/>
      <c r="BS1412" s="85"/>
      <c r="BT1412" s="85"/>
      <c r="BU1412" s="85"/>
      <c r="BV1412" s="85"/>
      <c r="BW1412" s="85"/>
      <c r="BX1412" s="85"/>
      <c r="BY1412" s="85"/>
      <c r="BZ1412" s="85"/>
      <c r="CA1412" s="85"/>
      <c r="CB1412" s="85"/>
      <c r="CC1412" s="85"/>
      <c r="CD1412" s="85"/>
      <c r="CE1412" s="85"/>
      <c r="CF1412" s="85"/>
      <c r="CG1412" s="85"/>
    </row>
    <row r="1413" spans="1:85" s="9" customFormat="1" x14ac:dyDescent="0.2">
      <c r="A1413" s="85"/>
      <c r="J1413" s="85"/>
      <c r="K1413" s="85"/>
      <c r="L1413" s="85"/>
      <c r="M1413" s="85"/>
      <c r="N1413" s="85"/>
      <c r="O1413" s="85"/>
      <c r="P1413" s="85"/>
      <c r="Q1413" s="85"/>
      <c r="R1413" s="85"/>
      <c r="S1413" s="85"/>
      <c r="T1413" s="85"/>
      <c r="U1413" s="85"/>
      <c r="V1413" s="85"/>
      <c r="W1413" s="85"/>
      <c r="X1413" s="85"/>
      <c r="Y1413" s="85"/>
      <c r="Z1413" s="85"/>
      <c r="AA1413" s="85"/>
      <c r="AB1413" s="85"/>
      <c r="AC1413" s="85"/>
      <c r="AD1413" s="85"/>
      <c r="AE1413" s="85"/>
      <c r="AF1413" s="85"/>
      <c r="AG1413" s="85"/>
      <c r="AH1413" s="85"/>
      <c r="AI1413" s="85"/>
      <c r="AJ1413" s="85"/>
      <c r="AK1413" s="85"/>
      <c r="AL1413" s="85"/>
      <c r="AM1413" s="85"/>
      <c r="AN1413" s="85"/>
      <c r="AO1413" s="85"/>
      <c r="AP1413" s="85"/>
      <c r="AQ1413" s="85"/>
      <c r="AR1413" s="85"/>
      <c r="AS1413" s="85"/>
      <c r="AT1413" s="85"/>
      <c r="AU1413" s="85"/>
      <c r="AV1413" s="85"/>
      <c r="AW1413" s="85"/>
      <c r="AX1413" s="85"/>
      <c r="AY1413" s="85"/>
      <c r="AZ1413" s="85"/>
      <c r="BA1413" s="85"/>
      <c r="BB1413" s="85"/>
      <c r="BC1413" s="85"/>
      <c r="BD1413" s="85"/>
      <c r="BE1413" s="85"/>
      <c r="BF1413" s="85"/>
      <c r="BG1413" s="85"/>
      <c r="BH1413" s="85"/>
      <c r="BI1413" s="85"/>
      <c r="BJ1413" s="85"/>
      <c r="BK1413" s="85"/>
      <c r="BL1413" s="85"/>
      <c r="BM1413" s="85"/>
      <c r="BN1413" s="85"/>
      <c r="BO1413" s="85"/>
      <c r="BP1413" s="85"/>
      <c r="BQ1413" s="85"/>
      <c r="BR1413" s="85"/>
      <c r="BS1413" s="85"/>
      <c r="BT1413" s="85"/>
      <c r="BU1413" s="85"/>
      <c r="BV1413" s="85"/>
      <c r="BW1413" s="85"/>
      <c r="BX1413" s="85"/>
      <c r="BY1413" s="85"/>
      <c r="BZ1413" s="85"/>
      <c r="CA1413" s="85"/>
      <c r="CB1413" s="85"/>
      <c r="CC1413" s="85"/>
      <c r="CD1413" s="85"/>
      <c r="CE1413" s="85"/>
      <c r="CF1413" s="85"/>
      <c r="CG1413" s="85"/>
    </row>
    <row r="1414" spans="1:85" s="9" customFormat="1" x14ac:dyDescent="0.2">
      <c r="A1414" s="85"/>
      <c r="J1414" s="85"/>
      <c r="K1414" s="85"/>
      <c r="L1414" s="85"/>
      <c r="M1414" s="85"/>
      <c r="N1414" s="85"/>
      <c r="O1414" s="85"/>
      <c r="P1414" s="85"/>
      <c r="Q1414" s="85"/>
      <c r="R1414" s="85"/>
      <c r="S1414" s="85"/>
      <c r="T1414" s="85"/>
      <c r="U1414" s="85"/>
      <c r="V1414" s="85"/>
      <c r="W1414" s="85"/>
      <c r="X1414" s="85"/>
      <c r="Y1414" s="85"/>
      <c r="Z1414" s="85"/>
      <c r="AA1414" s="85"/>
      <c r="AB1414" s="85"/>
      <c r="AC1414" s="85"/>
      <c r="AD1414" s="85"/>
      <c r="AE1414" s="85"/>
      <c r="AF1414" s="85"/>
      <c r="AG1414" s="85"/>
      <c r="AH1414" s="85"/>
      <c r="AI1414" s="85"/>
      <c r="AJ1414" s="85"/>
      <c r="AK1414" s="85"/>
      <c r="AL1414" s="85"/>
      <c r="AM1414" s="85"/>
      <c r="AN1414" s="85"/>
      <c r="AO1414" s="85"/>
      <c r="AP1414" s="85"/>
      <c r="AQ1414" s="85"/>
      <c r="AR1414" s="85"/>
      <c r="AS1414" s="85"/>
      <c r="AT1414" s="85"/>
      <c r="AU1414" s="85"/>
      <c r="AV1414" s="85"/>
      <c r="AW1414" s="85"/>
      <c r="AX1414" s="85"/>
      <c r="AY1414" s="85"/>
      <c r="AZ1414" s="85"/>
      <c r="BA1414" s="85"/>
      <c r="BB1414" s="85"/>
      <c r="BC1414" s="85"/>
      <c r="BD1414" s="85"/>
      <c r="BE1414" s="85"/>
      <c r="BF1414" s="85"/>
      <c r="BG1414" s="85"/>
      <c r="BH1414" s="85"/>
      <c r="BI1414" s="85"/>
      <c r="BJ1414" s="85"/>
      <c r="BK1414" s="85"/>
      <c r="BL1414" s="85"/>
      <c r="BM1414" s="85"/>
      <c r="BN1414" s="85"/>
      <c r="BO1414" s="85"/>
      <c r="BP1414" s="85"/>
      <c r="BQ1414" s="85"/>
      <c r="BR1414" s="85"/>
      <c r="BS1414" s="85"/>
      <c r="BT1414" s="85"/>
      <c r="BU1414" s="85"/>
      <c r="BV1414" s="85"/>
      <c r="BW1414" s="85"/>
      <c r="BX1414" s="85"/>
      <c r="BY1414" s="85"/>
      <c r="BZ1414" s="85"/>
      <c r="CA1414" s="85"/>
      <c r="CB1414" s="85"/>
      <c r="CC1414" s="85"/>
      <c r="CD1414" s="85"/>
      <c r="CE1414" s="85"/>
      <c r="CF1414" s="85"/>
      <c r="CG1414" s="85"/>
    </row>
    <row r="1415" spans="1:85" s="9" customFormat="1" x14ac:dyDescent="0.2">
      <c r="A1415" s="85"/>
      <c r="J1415" s="85"/>
      <c r="K1415" s="85"/>
      <c r="L1415" s="85"/>
      <c r="M1415" s="85"/>
      <c r="N1415" s="85"/>
      <c r="O1415" s="85"/>
      <c r="P1415" s="85"/>
      <c r="Q1415" s="85"/>
      <c r="R1415" s="85"/>
      <c r="S1415" s="85"/>
      <c r="T1415" s="85"/>
      <c r="U1415" s="85"/>
      <c r="V1415" s="85"/>
      <c r="W1415" s="85"/>
      <c r="X1415" s="85"/>
      <c r="Y1415" s="85"/>
      <c r="Z1415" s="85"/>
      <c r="AA1415" s="85"/>
      <c r="AB1415" s="85"/>
      <c r="AC1415" s="85"/>
      <c r="AD1415" s="85"/>
      <c r="AE1415" s="85"/>
      <c r="AF1415" s="85"/>
      <c r="AG1415" s="85"/>
      <c r="AH1415" s="85"/>
      <c r="AI1415" s="85"/>
      <c r="AJ1415" s="85"/>
      <c r="AK1415" s="85"/>
      <c r="AL1415" s="85"/>
      <c r="AM1415" s="85"/>
      <c r="AN1415" s="85"/>
      <c r="AO1415" s="85"/>
      <c r="AP1415" s="85"/>
      <c r="AQ1415" s="85"/>
      <c r="AR1415" s="85"/>
      <c r="AS1415" s="85"/>
      <c r="AT1415" s="85"/>
      <c r="AU1415" s="85"/>
      <c r="AV1415" s="85"/>
      <c r="AW1415" s="85"/>
      <c r="AX1415" s="85"/>
      <c r="AY1415" s="85"/>
      <c r="AZ1415" s="85"/>
      <c r="BA1415" s="85"/>
      <c r="BB1415" s="85"/>
      <c r="BC1415" s="85"/>
      <c r="BD1415" s="85"/>
      <c r="BE1415" s="85"/>
      <c r="BF1415" s="85"/>
      <c r="BG1415" s="85"/>
      <c r="BH1415" s="85"/>
      <c r="BI1415" s="85"/>
      <c r="BJ1415" s="85"/>
      <c r="BK1415" s="85"/>
      <c r="BL1415" s="85"/>
      <c r="BM1415" s="85"/>
      <c r="BN1415" s="85"/>
      <c r="BO1415" s="85"/>
      <c r="BP1415" s="85"/>
      <c r="BQ1415" s="85"/>
      <c r="BR1415" s="85"/>
      <c r="BS1415" s="85"/>
      <c r="BT1415" s="85"/>
      <c r="BU1415" s="85"/>
      <c r="BV1415" s="85"/>
      <c r="BW1415" s="85"/>
      <c r="BX1415" s="85"/>
      <c r="BY1415" s="85"/>
      <c r="BZ1415" s="85"/>
      <c r="CA1415" s="85"/>
      <c r="CB1415" s="85"/>
      <c r="CC1415" s="85"/>
      <c r="CD1415" s="85"/>
      <c r="CE1415" s="85"/>
      <c r="CF1415" s="85"/>
      <c r="CG1415" s="85"/>
    </row>
    <row r="1416" spans="1:85" s="9" customFormat="1" x14ac:dyDescent="0.2">
      <c r="A1416" s="85"/>
      <c r="J1416" s="85"/>
      <c r="K1416" s="85"/>
      <c r="L1416" s="85"/>
      <c r="M1416" s="85"/>
      <c r="N1416" s="85"/>
      <c r="O1416" s="85"/>
      <c r="P1416" s="85"/>
      <c r="Q1416" s="85"/>
      <c r="R1416" s="85"/>
      <c r="S1416" s="85"/>
      <c r="T1416" s="85"/>
      <c r="U1416" s="85"/>
      <c r="V1416" s="85"/>
      <c r="W1416" s="85"/>
      <c r="X1416" s="85"/>
      <c r="Y1416" s="85"/>
      <c r="Z1416" s="85"/>
      <c r="AA1416" s="85"/>
      <c r="AB1416" s="85"/>
      <c r="AC1416" s="85"/>
      <c r="AD1416" s="85"/>
      <c r="AE1416" s="85"/>
      <c r="AF1416" s="85"/>
      <c r="AG1416" s="85"/>
      <c r="AH1416" s="85"/>
      <c r="AI1416" s="85"/>
      <c r="AJ1416" s="85"/>
      <c r="AK1416" s="85"/>
      <c r="AL1416" s="85"/>
      <c r="AM1416" s="85"/>
      <c r="AN1416" s="85"/>
      <c r="AO1416" s="85"/>
      <c r="AP1416" s="85"/>
      <c r="AQ1416" s="85"/>
      <c r="AR1416" s="85"/>
      <c r="AS1416" s="85"/>
      <c r="AT1416" s="85"/>
      <c r="AU1416" s="85"/>
      <c r="AV1416" s="85"/>
      <c r="AW1416" s="85"/>
      <c r="AX1416" s="85"/>
      <c r="AY1416" s="85"/>
      <c r="AZ1416" s="85"/>
      <c r="BA1416" s="85"/>
      <c r="BB1416" s="85"/>
      <c r="BC1416" s="85"/>
      <c r="BD1416" s="85"/>
      <c r="BE1416" s="85"/>
      <c r="BF1416" s="85"/>
      <c r="BG1416" s="85"/>
      <c r="BH1416" s="85"/>
      <c r="BI1416" s="85"/>
      <c r="BJ1416" s="85"/>
      <c r="BK1416" s="85"/>
      <c r="BL1416" s="85"/>
      <c r="BM1416" s="85"/>
      <c r="BN1416" s="85"/>
      <c r="BO1416" s="85"/>
      <c r="BP1416" s="85"/>
      <c r="BQ1416" s="85"/>
      <c r="BR1416" s="85"/>
      <c r="BS1416" s="85"/>
      <c r="BT1416" s="85"/>
      <c r="BU1416" s="85"/>
      <c r="BV1416" s="85"/>
      <c r="BW1416" s="85"/>
      <c r="BX1416" s="85"/>
      <c r="BY1416" s="85"/>
      <c r="BZ1416" s="85"/>
      <c r="CA1416" s="85"/>
      <c r="CB1416" s="85"/>
      <c r="CC1416" s="85"/>
      <c r="CD1416" s="85"/>
      <c r="CE1416" s="85"/>
      <c r="CF1416" s="85"/>
      <c r="CG1416" s="85"/>
    </row>
    <row r="1417" spans="1:85" s="9" customFormat="1" x14ac:dyDescent="0.2">
      <c r="A1417" s="85"/>
      <c r="J1417" s="85"/>
      <c r="K1417" s="85"/>
      <c r="L1417" s="85"/>
      <c r="M1417" s="85"/>
      <c r="N1417" s="85"/>
      <c r="O1417" s="85"/>
      <c r="P1417" s="85"/>
      <c r="Q1417" s="85"/>
      <c r="R1417" s="85"/>
      <c r="S1417" s="85"/>
      <c r="T1417" s="85"/>
      <c r="U1417" s="85"/>
      <c r="V1417" s="85"/>
      <c r="W1417" s="85"/>
      <c r="X1417" s="85"/>
      <c r="Y1417" s="85"/>
      <c r="Z1417" s="85"/>
      <c r="AA1417" s="85"/>
      <c r="AB1417" s="85"/>
      <c r="AC1417" s="85"/>
      <c r="AD1417" s="85"/>
      <c r="AE1417" s="85"/>
      <c r="AF1417" s="85"/>
      <c r="AG1417" s="85"/>
      <c r="AH1417" s="85"/>
      <c r="AI1417" s="85"/>
      <c r="AJ1417" s="85"/>
      <c r="AK1417" s="85"/>
      <c r="AL1417" s="85"/>
      <c r="AM1417" s="85"/>
      <c r="AN1417" s="85"/>
      <c r="AO1417" s="85"/>
      <c r="AP1417" s="85"/>
      <c r="AQ1417" s="85"/>
      <c r="AR1417" s="85"/>
      <c r="AS1417" s="85"/>
      <c r="AT1417" s="85"/>
      <c r="AU1417" s="85"/>
      <c r="AV1417" s="85"/>
      <c r="AW1417" s="85"/>
      <c r="AX1417" s="85"/>
      <c r="AY1417" s="85"/>
      <c r="AZ1417" s="85"/>
      <c r="BA1417" s="85"/>
      <c r="BB1417" s="85"/>
      <c r="BC1417" s="85"/>
      <c r="BD1417" s="85"/>
      <c r="BE1417" s="85"/>
      <c r="BF1417" s="85"/>
      <c r="BG1417" s="85"/>
      <c r="BH1417" s="85"/>
      <c r="BI1417" s="85"/>
      <c r="BJ1417" s="85"/>
      <c r="BK1417" s="85"/>
      <c r="BL1417" s="85"/>
      <c r="BM1417" s="85"/>
      <c r="BN1417" s="85"/>
      <c r="BO1417" s="85"/>
      <c r="BP1417" s="85"/>
      <c r="BQ1417" s="85"/>
      <c r="BR1417" s="85"/>
      <c r="BS1417" s="85"/>
      <c r="BT1417" s="85"/>
      <c r="BU1417" s="85"/>
      <c r="BV1417" s="85"/>
      <c r="BW1417" s="85"/>
      <c r="BX1417" s="85"/>
      <c r="BY1417" s="85"/>
      <c r="BZ1417" s="85"/>
      <c r="CA1417" s="85"/>
      <c r="CB1417" s="85"/>
      <c r="CC1417" s="85"/>
      <c r="CD1417" s="85"/>
      <c r="CE1417" s="85"/>
      <c r="CF1417" s="85"/>
      <c r="CG1417" s="85"/>
    </row>
    <row r="1418" spans="1:85" s="9" customFormat="1" x14ac:dyDescent="0.2">
      <c r="A1418" s="85"/>
      <c r="J1418" s="85"/>
      <c r="K1418" s="85"/>
      <c r="L1418" s="85"/>
      <c r="M1418" s="85"/>
      <c r="N1418" s="85"/>
      <c r="O1418" s="85"/>
      <c r="P1418" s="85"/>
      <c r="Q1418" s="85"/>
      <c r="R1418" s="85"/>
      <c r="S1418" s="85"/>
      <c r="T1418" s="85"/>
      <c r="U1418" s="85"/>
      <c r="V1418" s="85"/>
      <c r="W1418" s="85"/>
      <c r="X1418" s="85"/>
      <c r="Y1418" s="85"/>
      <c r="Z1418" s="85"/>
      <c r="AA1418" s="85"/>
      <c r="AB1418" s="85"/>
      <c r="AC1418" s="85"/>
      <c r="AD1418" s="85"/>
      <c r="AE1418" s="85"/>
      <c r="AF1418" s="85"/>
      <c r="AG1418" s="85"/>
      <c r="AH1418" s="85"/>
      <c r="AI1418" s="85"/>
      <c r="AJ1418" s="85"/>
      <c r="AK1418" s="85"/>
      <c r="AL1418" s="85"/>
      <c r="AM1418" s="85"/>
      <c r="AN1418" s="85"/>
      <c r="AO1418" s="85"/>
      <c r="AP1418" s="85"/>
      <c r="AQ1418" s="85"/>
      <c r="AR1418" s="85"/>
      <c r="AS1418" s="85"/>
      <c r="AT1418" s="85"/>
      <c r="AU1418" s="85"/>
      <c r="AV1418" s="85"/>
      <c r="AW1418" s="85"/>
      <c r="AX1418" s="85"/>
      <c r="AY1418" s="85"/>
      <c r="AZ1418" s="85"/>
      <c r="BA1418" s="85"/>
      <c r="BB1418" s="85"/>
      <c r="BC1418" s="85"/>
      <c r="BD1418" s="85"/>
      <c r="BE1418" s="85"/>
      <c r="BF1418" s="85"/>
      <c r="BG1418" s="85"/>
      <c r="BH1418" s="85"/>
      <c r="BI1418" s="85"/>
      <c r="BJ1418" s="85"/>
      <c r="BK1418" s="85"/>
      <c r="BL1418" s="85"/>
      <c r="BM1418" s="85"/>
      <c r="BN1418" s="85"/>
      <c r="BO1418" s="85"/>
      <c r="BP1418" s="85"/>
      <c r="BQ1418" s="85"/>
      <c r="BR1418" s="85"/>
      <c r="BS1418" s="85"/>
      <c r="BT1418" s="85"/>
      <c r="BU1418" s="85"/>
      <c r="BV1418" s="85"/>
      <c r="BW1418" s="85"/>
      <c r="BX1418" s="85"/>
      <c r="BY1418" s="85"/>
      <c r="BZ1418" s="85"/>
      <c r="CA1418" s="85"/>
      <c r="CB1418" s="85"/>
      <c r="CC1418" s="85"/>
      <c r="CD1418" s="85"/>
      <c r="CE1418" s="85"/>
      <c r="CF1418" s="85"/>
      <c r="CG1418" s="85"/>
    </row>
    <row r="1419" spans="1:85" s="9" customFormat="1" x14ac:dyDescent="0.2">
      <c r="A1419" s="85"/>
      <c r="J1419" s="85"/>
      <c r="K1419" s="85"/>
      <c r="L1419" s="85"/>
      <c r="M1419" s="85"/>
      <c r="N1419" s="85"/>
      <c r="O1419" s="85"/>
      <c r="P1419" s="85"/>
      <c r="Q1419" s="85"/>
      <c r="R1419" s="85"/>
      <c r="S1419" s="85"/>
      <c r="T1419" s="85"/>
      <c r="U1419" s="85"/>
      <c r="V1419" s="85"/>
      <c r="W1419" s="85"/>
      <c r="X1419" s="85"/>
      <c r="Y1419" s="85"/>
      <c r="Z1419" s="85"/>
      <c r="AA1419" s="85"/>
      <c r="AB1419" s="85"/>
      <c r="AC1419" s="85"/>
      <c r="AD1419" s="85"/>
      <c r="AE1419" s="85"/>
      <c r="AF1419" s="85"/>
      <c r="AG1419" s="85"/>
      <c r="AH1419" s="85"/>
      <c r="AI1419" s="85"/>
      <c r="AJ1419" s="85"/>
      <c r="AK1419" s="85"/>
      <c r="AL1419" s="85"/>
      <c r="AM1419" s="85"/>
      <c r="AN1419" s="85"/>
      <c r="AO1419" s="85"/>
      <c r="AP1419" s="85"/>
      <c r="AQ1419" s="85"/>
      <c r="AR1419" s="85"/>
      <c r="AS1419" s="85"/>
      <c r="AT1419" s="85"/>
      <c r="AU1419" s="85"/>
      <c r="AV1419" s="85"/>
      <c r="AW1419" s="85"/>
      <c r="AX1419" s="85"/>
      <c r="AY1419" s="85"/>
      <c r="AZ1419" s="85"/>
      <c r="BA1419" s="85"/>
      <c r="BB1419" s="85"/>
      <c r="BC1419" s="85"/>
      <c r="BD1419" s="85"/>
      <c r="BE1419" s="85"/>
      <c r="BF1419" s="85"/>
      <c r="BG1419" s="85"/>
      <c r="BH1419" s="85"/>
      <c r="BI1419" s="85"/>
      <c r="BJ1419" s="85"/>
      <c r="BK1419" s="85"/>
      <c r="BL1419" s="85"/>
      <c r="BM1419" s="85"/>
      <c r="BN1419" s="85"/>
      <c r="BO1419" s="85"/>
      <c r="BP1419" s="85"/>
      <c r="BQ1419" s="85"/>
      <c r="BR1419" s="85"/>
      <c r="BS1419" s="85"/>
      <c r="BT1419" s="85"/>
      <c r="BU1419" s="85"/>
      <c r="BV1419" s="85"/>
      <c r="BW1419" s="85"/>
      <c r="BX1419" s="85"/>
      <c r="BY1419" s="85"/>
      <c r="BZ1419" s="85"/>
      <c r="CA1419" s="85"/>
      <c r="CB1419" s="85"/>
      <c r="CC1419" s="85"/>
      <c r="CD1419" s="85"/>
      <c r="CE1419" s="85"/>
      <c r="CF1419" s="85"/>
      <c r="CG1419" s="85"/>
    </row>
    <row r="1420" spans="1:85" s="9" customFormat="1" x14ac:dyDescent="0.2">
      <c r="A1420" s="85"/>
      <c r="J1420" s="85"/>
      <c r="K1420" s="85"/>
      <c r="L1420" s="85"/>
      <c r="M1420" s="85"/>
      <c r="N1420" s="85"/>
      <c r="O1420" s="85"/>
      <c r="P1420" s="85"/>
      <c r="Q1420" s="85"/>
      <c r="R1420" s="85"/>
      <c r="S1420" s="85"/>
      <c r="T1420" s="85"/>
      <c r="U1420" s="85"/>
      <c r="V1420" s="85"/>
      <c r="W1420" s="85"/>
      <c r="X1420" s="85"/>
      <c r="Y1420" s="85"/>
      <c r="Z1420" s="85"/>
      <c r="AA1420" s="85"/>
      <c r="AB1420" s="85"/>
      <c r="AC1420" s="85"/>
      <c r="AD1420" s="85"/>
      <c r="AE1420" s="85"/>
      <c r="AF1420" s="85"/>
      <c r="AG1420" s="85"/>
      <c r="AH1420" s="85"/>
      <c r="AI1420" s="85"/>
      <c r="AJ1420" s="85"/>
      <c r="AK1420" s="85"/>
      <c r="AL1420" s="85"/>
      <c r="AM1420" s="85"/>
      <c r="AN1420" s="85"/>
      <c r="AO1420" s="85"/>
      <c r="AP1420" s="85"/>
      <c r="AQ1420" s="85"/>
      <c r="AR1420" s="85"/>
      <c r="AS1420" s="85"/>
      <c r="AT1420" s="85"/>
      <c r="AU1420" s="85"/>
      <c r="AV1420" s="85"/>
      <c r="AW1420" s="85"/>
      <c r="AX1420" s="85"/>
      <c r="AY1420" s="85"/>
      <c r="AZ1420" s="85"/>
      <c r="BA1420" s="85"/>
      <c r="BB1420" s="85"/>
      <c r="BC1420" s="85"/>
      <c r="BD1420" s="85"/>
      <c r="BE1420" s="85"/>
      <c r="BF1420" s="85"/>
      <c r="BG1420" s="85"/>
      <c r="BH1420" s="85"/>
      <c r="BI1420" s="85"/>
      <c r="BJ1420" s="85"/>
      <c r="BK1420" s="85"/>
      <c r="BL1420" s="85"/>
      <c r="BM1420" s="85"/>
      <c r="BN1420" s="85"/>
      <c r="BO1420" s="85"/>
      <c r="BP1420" s="85"/>
      <c r="BQ1420" s="85"/>
      <c r="BR1420" s="85"/>
      <c r="BS1420" s="85"/>
      <c r="BT1420" s="85"/>
      <c r="BU1420" s="85"/>
      <c r="BV1420" s="85"/>
      <c r="BW1420" s="85"/>
      <c r="BX1420" s="85"/>
      <c r="BY1420" s="85"/>
      <c r="BZ1420" s="85"/>
      <c r="CA1420" s="85"/>
      <c r="CB1420" s="85"/>
      <c r="CC1420" s="85"/>
      <c r="CD1420" s="85"/>
      <c r="CE1420" s="85"/>
      <c r="CF1420" s="85"/>
      <c r="CG1420" s="85"/>
    </row>
    <row r="1421" spans="1:85" s="9" customFormat="1" x14ac:dyDescent="0.2">
      <c r="A1421" s="85"/>
      <c r="J1421" s="85"/>
      <c r="K1421" s="85"/>
      <c r="L1421" s="85"/>
      <c r="M1421" s="85"/>
      <c r="N1421" s="85"/>
      <c r="O1421" s="85"/>
      <c r="P1421" s="85"/>
      <c r="Q1421" s="85"/>
      <c r="R1421" s="85"/>
      <c r="S1421" s="85"/>
      <c r="T1421" s="85"/>
      <c r="U1421" s="85"/>
      <c r="V1421" s="85"/>
      <c r="W1421" s="85"/>
      <c r="X1421" s="85"/>
      <c r="Y1421" s="85"/>
      <c r="Z1421" s="85"/>
      <c r="AA1421" s="85"/>
      <c r="AB1421" s="85"/>
      <c r="AC1421" s="85"/>
      <c r="AD1421" s="85"/>
      <c r="AE1421" s="85"/>
      <c r="AF1421" s="85"/>
      <c r="AG1421" s="85"/>
      <c r="AH1421" s="85"/>
      <c r="AI1421" s="85"/>
      <c r="AJ1421" s="85"/>
      <c r="AK1421" s="85"/>
      <c r="AL1421" s="85"/>
      <c r="AM1421" s="85"/>
      <c r="AN1421" s="85"/>
      <c r="AO1421" s="85"/>
      <c r="AP1421" s="85"/>
      <c r="AQ1421" s="85"/>
      <c r="AR1421" s="85"/>
      <c r="AS1421" s="85"/>
      <c r="AT1421" s="85"/>
      <c r="AU1421" s="85"/>
      <c r="AV1421" s="85"/>
      <c r="AW1421" s="85"/>
      <c r="AX1421" s="85"/>
      <c r="AY1421" s="85"/>
      <c r="AZ1421" s="85"/>
      <c r="BA1421" s="85"/>
      <c r="BB1421" s="85"/>
      <c r="BC1421" s="85"/>
      <c r="BD1421" s="85"/>
      <c r="BE1421" s="85"/>
      <c r="BF1421" s="85"/>
      <c r="BG1421" s="85"/>
      <c r="BH1421" s="85"/>
      <c r="BI1421" s="85"/>
      <c r="BJ1421" s="85"/>
      <c r="BK1421" s="85"/>
      <c r="BL1421" s="85"/>
      <c r="BM1421" s="85"/>
      <c r="BN1421" s="85"/>
      <c r="BO1421" s="85"/>
      <c r="BP1421" s="85"/>
      <c r="BQ1421" s="85"/>
      <c r="BR1421" s="85"/>
      <c r="BS1421" s="85"/>
      <c r="BT1421" s="85"/>
      <c r="BU1421" s="85"/>
      <c r="BV1421" s="85"/>
      <c r="BW1421" s="85"/>
      <c r="BX1421" s="85"/>
      <c r="BY1421" s="85"/>
      <c r="BZ1421" s="85"/>
      <c r="CA1421" s="85"/>
      <c r="CB1421" s="85"/>
      <c r="CC1421" s="85"/>
      <c r="CD1421" s="85"/>
      <c r="CE1421" s="85"/>
      <c r="CF1421" s="85"/>
      <c r="CG1421" s="85"/>
    </row>
    <row r="1422" spans="1:85" s="9" customFormat="1" x14ac:dyDescent="0.2">
      <c r="A1422" s="85"/>
      <c r="J1422" s="85"/>
      <c r="K1422" s="85"/>
      <c r="L1422" s="85"/>
      <c r="M1422" s="85"/>
      <c r="N1422" s="85"/>
      <c r="O1422" s="85"/>
      <c r="P1422" s="85"/>
      <c r="Q1422" s="85"/>
      <c r="R1422" s="85"/>
      <c r="S1422" s="85"/>
      <c r="T1422" s="85"/>
      <c r="U1422" s="85"/>
      <c r="V1422" s="85"/>
      <c r="W1422" s="85"/>
      <c r="X1422" s="85"/>
      <c r="Y1422" s="85"/>
      <c r="Z1422" s="85"/>
      <c r="AA1422" s="85"/>
      <c r="AB1422" s="85"/>
      <c r="AC1422" s="85"/>
      <c r="AD1422" s="85"/>
      <c r="AE1422" s="85"/>
      <c r="AF1422" s="85"/>
      <c r="AG1422" s="85"/>
      <c r="AH1422" s="85"/>
      <c r="AI1422" s="85"/>
      <c r="AJ1422" s="85"/>
      <c r="AK1422" s="85"/>
      <c r="AL1422" s="85"/>
      <c r="AM1422" s="85"/>
      <c r="AN1422" s="85"/>
      <c r="AO1422" s="85"/>
      <c r="AP1422" s="85"/>
      <c r="AQ1422" s="85"/>
      <c r="AR1422" s="85"/>
      <c r="AS1422" s="85"/>
      <c r="AT1422" s="85"/>
      <c r="AU1422" s="85"/>
      <c r="AV1422" s="85"/>
      <c r="AW1422" s="85"/>
      <c r="AX1422" s="85"/>
      <c r="AY1422" s="85"/>
      <c r="AZ1422" s="85"/>
      <c r="BA1422" s="85"/>
      <c r="BB1422" s="85"/>
      <c r="BC1422" s="85"/>
      <c r="BD1422" s="85"/>
      <c r="BE1422" s="85"/>
      <c r="BF1422" s="85"/>
      <c r="BG1422" s="85"/>
      <c r="BH1422" s="85"/>
      <c r="BI1422" s="85"/>
      <c r="BJ1422" s="85"/>
      <c r="BK1422" s="85"/>
      <c r="BL1422" s="85"/>
      <c r="BM1422" s="85"/>
      <c r="BN1422" s="85"/>
      <c r="BO1422" s="85"/>
      <c r="BP1422" s="85"/>
      <c r="BQ1422" s="85"/>
      <c r="BR1422" s="85"/>
      <c r="BS1422" s="85"/>
      <c r="BT1422" s="85"/>
      <c r="BU1422" s="85"/>
      <c r="BV1422" s="85"/>
      <c r="BW1422" s="85"/>
      <c r="BX1422" s="85"/>
      <c r="BY1422" s="85"/>
      <c r="BZ1422" s="85"/>
      <c r="CA1422" s="85"/>
      <c r="CB1422" s="85"/>
      <c r="CC1422" s="85"/>
      <c r="CD1422" s="85"/>
      <c r="CE1422" s="85"/>
      <c r="CF1422" s="85"/>
      <c r="CG1422" s="85"/>
    </row>
    <row r="1423" spans="1:85" s="9" customFormat="1" x14ac:dyDescent="0.2">
      <c r="A1423" s="85"/>
      <c r="J1423" s="85"/>
      <c r="K1423" s="85"/>
      <c r="L1423" s="85"/>
      <c r="M1423" s="85"/>
      <c r="N1423" s="85"/>
      <c r="O1423" s="85"/>
      <c r="P1423" s="85"/>
      <c r="Q1423" s="85"/>
      <c r="R1423" s="85"/>
      <c r="S1423" s="85"/>
      <c r="T1423" s="85"/>
      <c r="U1423" s="85"/>
      <c r="V1423" s="85"/>
      <c r="W1423" s="85"/>
      <c r="X1423" s="85"/>
      <c r="Y1423" s="85"/>
      <c r="Z1423" s="85"/>
      <c r="AA1423" s="85"/>
      <c r="AB1423" s="85"/>
      <c r="AC1423" s="85"/>
      <c r="AD1423" s="85"/>
      <c r="AE1423" s="85"/>
      <c r="AF1423" s="85"/>
      <c r="AG1423" s="85"/>
      <c r="AH1423" s="85"/>
      <c r="AI1423" s="85"/>
      <c r="AJ1423" s="85"/>
      <c r="AK1423" s="85"/>
      <c r="AL1423" s="85"/>
      <c r="AM1423" s="85"/>
      <c r="AN1423" s="85"/>
      <c r="AO1423" s="85"/>
      <c r="AP1423" s="85"/>
      <c r="AQ1423" s="85"/>
      <c r="AR1423" s="85"/>
      <c r="AS1423" s="85"/>
      <c r="AT1423" s="85"/>
      <c r="AU1423" s="85"/>
      <c r="AV1423" s="85"/>
      <c r="AW1423" s="85"/>
      <c r="AX1423" s="85"/>
      <c r="AY1423" s="85"/>
      <c r="AZ1423" s="85"/>
      <c r="BA1423" s="85"/>
      <c r="BB1423" s="85"/>
      <c r="BC1423" s="85"/>
      <c r="BD1423" s="85"/>
      <c r="BE1423" s="85"/>
      <c r="BF1423" s="85"/>
      <c r="BG1423" s="85"/>
      <c r="BH1423" s="85"/>
      <c r="BI1423" s="85"/>
      <c r="BJ1423" s="85"/>
      <c r="BK1423" s="85"/>
      <c r="BL1423" s="85"/>
      <c r="BM1423" s="85"/>
      <c r="BN1423" s="85"/>
      <c r="BO1423" s="85"/>
      <c r="BP1423" s="85"/>
      <c r="BQ1423" s="85"/>
      <c r="BR1423" s="85"/>
      <c r="BS1423" s="85"/>
      <c r="BT1423" s="85"/>
      <c r="BU1423" s="85"/>
      <c r="BV1423" s="85"/>
      <c r="BW1423" s="85"/>
      <c r="BX1423" s="85"/>
      <c r="BY1423" s="85"/>
      <c r="BZ1423" s="85"/>
      <c r="CA1423" s="85"/>
      <c r="CB1423" s="85"/>
      <c r="CC1423" s="85"/>
      <c r="CD1423" s="85"/>
      <c r="CE1423" s="85"/>
      <c r="CF1423" s="85"/>
      <c r="CG1423" s="85"/>
    </row>
    <row r="1424" spans="1:85" s="9" customFormat="1" x14ac:dyDescent="0.2">
      <c r="A1424" s="85"/>
      <c r="J1424" s="85"/>
      <c r="K1424" s="85"/>
      <c r="L1424" s="85"/>
      <c r="M1424" s="85"/>
      <c r="N1424" s="85"/>
      <c r="O1424" s="85"/>
      <c r="P1424" s="85"/>
      <c r="Q1424" s="85"/>
      <c r="R1424" s="85"/>
      <c r="S1424" s="85"/>
      <c r="T1424" s="85"/>
      <c r="U1424" s="85"/>
      <c r="V1424" s="85"/>
      <c r="W1424" s="85"/>
      <c r="X1424" s="85"/>
      <c r="Y1424" s="85"/>
      <c r="Z1424" s="85"/>
      <c r="AA1424" s="85"/>
      <c r="AB1424" s="85"/>
      <c r="AC1424" s="85"/>
      <c r="AD1424" s="85"/>
      <c r="AE1424" s="85"/>
      <c r="AF1424" s="85"/>
      <c r="AG1424" s="85"/>
      <c r="AH1424" s="85"/>
      <c r="AI1424" s="85"/>
      <c r="AJ1424" s="85"/>
      <c r="AK1424" s="85"/>
      <c r="AL1424" s="85"/>
      <c r="AM1424" s="85"/>
      <c r="AN1424" s="85"/>
      <c r="AO1424" s="85"/>
      <c r="AP1424" s="85"/>
      <c r="AQ1424" s="85"/>
      <c r="AR1424" s="85"/>
      <c r="AS1424" s="85"/>
      <c r="AT1424" s="85"/>
      <c r="AU1424" s="85"/>
      <c r="AV1424" s="85"/>
      <c r="AW1424" s="85"/>
      <c r="AX1424" s="85"/>
      <c r="AY1424" s="85"/>
      <c r="AZ1424" s="85"/>
      <c r="BA1424" s="85"/>
      <c r="BB1424" s="85"/>
      <c r="BC1424" s="85"/>
      <c r="BD1424" s="85"/>
      <c r="BE1424" s="85"/>
      <c r="BF1424" s="85"/>
      <c r="BG1424" s="85"/>
      <c r="BH1424" s="85"/>
      <c r="BI1424" s="85"/>
      <c r="BJ1424" s="85"/>
      <c r="BK1424" s="85"/>
      <c r="BL1424" s="85"/>
      <c r="BM1424" s="85"/>
      <c r="BN1424" s="85"/>
      <c r="BO1424" s="85"/>
      <c r="BP1424" s="85"/>
      <c r="BQ1424" s="85"/>
      <c r="BR1424" s="85"/>
      <c r="BS1424" s="85"/>
      <c r="BT1424" s="85"/>
      <c r="BU1424" s="85"/>
      <c r="BV1424" s="85"/>
      <c r="BW1424" s="85"/>
      <c r="BX1424" s="85"/>
      <c r="BY1424" s="85"/>
      <c r="BZ1424" s="85"/>
      <c r="CA1424" s="85"/>
      <c r="CB1424" s="85"/>
      <c r="CC1424" s="85"/>
      <c r="CD1424" s="85"/>
      <c r="CE1424" s="85"/>
      <c r="CF1424" s="85"/>
      <c r="CG1424" s="85"/>
    </row>
    <row r="1425" spans="1:85" s="9" customFormat="1" x14ac:dyDescent="0.2">
      <c r="A1425" s="85"/>
      <c r="J1425" s="85"/>
      <c r="K1425" s="85"/>
      <c r="L1425" s="85"/>
      <c r="M1425" s="85"/>
      <c r="N1425" s="85"/>
      <c r="O1425" s="85"/>
      <c r="P1425" s="85"/>
      <c r="Q1425" s="85"/>
      <c r="R1425" s="85"/>
      <c r="S1425" s="85"/>
      <c r="T1425" s="85"/>
      <c r="U1425" s="85"/>
      <c r="V1425" s="85"/>
      <c r="W1425" s="85"/>
      <c r="X1425" s="85"/>
      <c r="Y1425" s="85"/>
      <c r="Z1425" s="85"/>
      <c r="AA1425" s="85"/>
      <c r="AB1425" s="85"/>
      <c r="AC1425" s="85"/>
      <c r="AD1425" s="85"/>
      <c r="AE1425" s="85"/>
      <c r="AF1425" s="85"/>
      <c r="AG1425" s="85"/>
      <c r="AH1425" s="85"/>
      <c r="AI1425" s="85"/>
      <c r="AJ1425" s="85"/>
      <c r="AK1425" s="85"/>
      <c r="AL1425" s="85"/>
      <c r="AM1425" s="85"/>
      <c r="AN1425" s="85"/>
      <c r="AO1425" s="85"/>
      <c r="AP1425" s="85"/>
      <c r="AQ1425" s="85"/>
      <c r="AR1425" s="85"/>
      <c r="AS1425" s="85"/>
      <c r="AT1425" s="85"/>
      <c r="AU1425" s="85"/>
      <c r="AV1425" s="85"/>
      <c r="AW1425" s="85"/>
      <c r="AX1425" s="85"/>
      <c r="AY1425" s="85"/>
      <c r="AZ1425" s="85"/>
      <c r="BA1425" s="85"/>
      <c r="BB1425" s="85"/>
      <c r="BC1425" s="85"/>
      <c r="BD1425" s="85"/>
      <c r="BE1425" s="85"/>
      <c r="BF1425" s="85"/>
      <c r="BG1425" s="85"/>
      <c r="BH1425" s="85"/>
      <c r="BI1425" s="85"/>
      <c r="BJ1425" s="85"/>
      <c r="BK1425" s="85"/>
      <c r="BL1425" s="85"/>
      <c r="BM1425" s="85"/>
      <c r="BN1425" s="85"/>
      <c r="BO1425" s="85"/>
      <c r="BP1425" s="85"/>
      <c r="BQ1425" s="85"/>
      <c r="BR1425" s="85"/>
      <c r="BS1425" s="85"/>
      <c r="BT1425" s="85"/>
      <c r="BU1425" s="85"/>
      <c r="BV1425" s="85"/>
      <c r="BW1425" s="85"/>
      <c r="BX1425" s="85"/>
      <c r="BY1425" s="85"/>
      <c r="BZ1425" s="85"/>
      <c r="CA1425" s="85"/>
      <c r="CB1425" s="85"/>
      <c r="CC1425" s="85"/>
      <c r="CD1425" s="85"/>
      <c r="CE1425" s="85"/>
      <c r="CF1425" s="85"/>
      <c r="CG1425" s="85"/>
    </row>
    <row r="1426" spans="1:85" s="9" customFormat="1" x14ac:dyDescent="0.2">
      <c r="A1426" s="85"/>
      <c r="J1426" s="85"/>
      <c r="K1426" s="85"/>
      <c r="L1426" s="85"/>
      <c r="M1426" s="85"/>
      <c r="N1426" s="85"/>
      <c r="O1426" s="85"/>
      <c r="P1426" s="85"/>
      <c r="Q1426" s="85"/>
      <c r="R1426" s="85"/>
      <c r="S1426" s="85"/>
      <c r="T1426" s="85"/>
      <c r="U1426" s="85"/>
      <c r="V1426" s="85"/>
      <c r="W1426" s="85"/>
      <c r="X1426" s="85"/>
      <c r="Y1426" s="85"/>
      <c r="Z1426" s="85"/>
      <c r="AA1426" s="85"/>
      <c r="AB1426" s="85"/>
      <c r="AC1426" s="85"/>
      <c r="AD1426" s="85"/>
      <c r="AE1426" s="85"/>
      <c r="AF1426" s="85"/>
      <c r="AG1426" s="85"/>
      <c r="AH1426" s="85"/>
      <c r="AI1426" s="85"/>
      <c r="AJ1426" s="85"/>
      <c r="AK1426" s="85"/>
      <c r="AL1426" s="85"/>
      <c r="AM1426" s="85"/>
      <c r="AN1426" s="85"/>
      <c r="AO1426" s="85"/>
      <c r="AP1426" s="85"/>
      <c r="AQ1426" s="85"/>
      <c r="AR1426" s="85"/>
      <c r="AS1426" s="85"/>
      <c r="AT1426" s="85"/>
      <c r="AU1426" s="85"/>
      <c r="AV1426" s="85"/>
      <c r="AW1426" s="85"/>
      <c r="AX1426" s="85"/>
      <c r="AY1426" s="85"/>
      <c r="AZ1426" s="85"/>
      <c r="BA1426" s="85"/>
      <c r="BB1426" s="85"/>
      <c r="BC1426" s="85"/>
      <c r="BD1426" s="85"/>
      <c r="BE1426" s="85"/>
      <c r="BF1426" s="85"/>
      <c r="BG1426" s="85"/>
      <c r="BH1426" s="85"/>
      <c r="BI1426" s="85"/>
      <c r="BJ1426" s="85"/>
      <c r="BK1426" s="85"/>
      <c r="BL1426" s="85"/>
      <c r="BM1426" s="85"/>
      <c r="BN1426" s="85"/>
      <c r="BO1426" s="85"/>
      <c r="BP1426" s="85"/>
      <c r="BQ1426" s="85"/>
      <c r="BR1426" s="85"/>
      <c r="BS1426" s="85"/>
      <c r="BT1426" s="85"/>
      <c r="BU1426" s="85"/>
      <c r="BV1426" s="85"/>
      <c r="BW1426" s="85"/>
      <c r="BX1426" s="85"/>
      <c r="BY1426" s="85"/>
      <c r="BZ1426" s="85"/>
      <c r="CA1426" s="85"/>
      <c r="CB1426" s="85"/>
      <c r="CC1426" s="85"/>
      <c r="CD1426" s="85"/>
      <c r="CE1426" s="85"/>
      <c r="CF1426" s="85"/>
      <c r="CG1426" s="85"/>
    </row>
    <row r="1427" spans="1:85" s="9" customFormat="1" x14ac:dyDescent="0.2">
      <c r="A1427" s="85"/>
      <c r="J1427" s="85"/>
      <c r="K1427" s="85"/>
      <c r="L1427" s="85"/>
      <c r="M1427" s="85"/>
      <c r="N1427" s="85"/>
      <c r="O1427" s="85"/>
      <c r="P1427" s="85"/>
      <c r="Q1427" s="85"/>
      <c r="R1427" s="85"/>
      <c r="S1427" s="85"/>
      <c r="T1427" s="85"/>
      <c r="U1427" s="85"/>
      <c r="V1427" s="85"/>
      <c r="W1427" s="85"/>
      <c r="X1427" s="85"/>
      <c r="Y1427" s="85"/>
      <c r="Z1427" s="85"/>
      <c r="AA1427" s="85"/>
      <c r="AB1427" s="85"/>
      <c r="AC1427" s="85"/>
      <c r="AD1427" s="85"/>
      <c r="AE1427" s="85"/>
      <c r="AF1427" s="85"/>
      <c r="AG1427" s="85"/>
      <c r="AH1427" s="85"/>
      <c r="AI1427" s="85"/>
      <c r="AJ1427" s="85"/>
      <c r="AK1427" s="85"/>
      <c r="AL1427" s="85"/>
      <c r="AM1427" s="85"/>
      <c r="AN1427" s="85"/>
      <c r="AO1427" s="85"/>
      <c r="AP1427" s="85"/>
      <c r="AQ1427" s="85"/>
      <c r="AR1427" s="85"/>
      <c r="AS1427" s="85"/>
      <c r="AT1427" s="85"/>
      <c r="AU1427" s="85"/>
      <c r="AV1427" s="85"/>
      <c r="AW1427" s="85"/>
      <c r="AX1427" s="85"/>
      <c r="AY1427" s="85"/>
      <c r="AZ1427" s="85"/>
      <c r="BA1427" s="85"/>
      <c r="BB1427" s="85"/>
      <c r="BC1427" s="85"/>
      <c r="BD1427" s="85"/>
      <c r="BE1427" s="85"/>
      <c r="BF1427" s="85"/>
      <c r="BG1427" s="85"/>
      <c r="BH1427" s="85"/>
      <c r="BI1427" s="85"/>
      <c r="BJ1427" s="85"/>
      <c r="BK1427" s="85"/>
      <c r="BL1427" s="85"/>
      <c r="BM1427" s="85"/>
      <c r="BN1427" s="85"/>
      <c r="BO1427" s="85"/>
      <c r="BP1427" s="85"/>
      <c r="BQ1427" s="85"/>
      <c r="BR1427" s="85"/>
      <c r="BS1427" s="85"/>
      <c r="BT1427" s="85"/>
      <c r="BU1427" s="85"/>
      <c r="BV1427" s="85"/>
      <c r="BW1427" s="85"/>
      <c r="BX1427" s="85"/>
      <c r="BY1427" s="85"/>
      <c r="BZ1427" s="85"/>
      <c r="CA1427" s="85"/>
      <c r="CB1427" s="85"/>
      <c r="CC1427" s="85"/>
      <c r="CD1427" s="85"/>
      <c r="CE1427" s="85"/>
      <c r="CF1427" s="85"/>
      <c r="CG1427" s="85"/>
    </row>
    <row r="1428" spans="1:85" s="9" customFormat="1" x14ac:dyDescent="0.2">
      <c r="A1428" s="85"/>
      <c r="J1428" s="85"/>
      <c r="K1428" s="85"/>
      <c r="L1428" s="85"/>
      <c r="M1428" s="85"/>
      <c r="N1428" s="85"/>
      <c r="O1428" s="85"/>
      <c r="P1428" s="85"/>
      <c r="Q1428" s="85"/>
      <c r="R1428" s="85"/>
      <c r="S1428" s="85"/>
      <c r="T1428" s="85"/>
      <c r="U1428" s="85"/>
      <c r="V1428" s="85"/>
      <c r="W1428" s="85"/>
      <c r="X1428" s="85"/>
      <c r="Y1428" s="85"/>
      <c r="Z1428" s="85"/>
      <c r="AA1428" s="85"/>
      <c r="AB1428" s="85"/>
      <c r="AC1428" s="85"/>
      <c r="AD1428" s="85"/>
      <c r="AE1428" s="85"/>
      <c r="AF1428" s="85"/>
      <c r="AG1428" s="85"/>
      <c r="AH1428" s="85"/>
      <c r="AI1428" s="85"/>
      <c r="AJ1428" s="85"/>
      <c r="AK1428" s="85"/>
      <c r="AL1428" s="85"/>
      <c r="AM1428" s="85"/>
      <c r="AN1428" s="85"/>
      <c r="AO1428" s="85"/>
      <c r="AP1428" s="85"/>
      <c r="AQ1428" s="85"/>
      <c r="AR1428" s="85"/>
      <c r="AS1428" s="85"/>
      <c r="AT1428" s="85"/>
      <c r="AU1428" s="85"/>
      <c r="AV1428" s="85"/>
      <c r="AW1428" s="85"/>
      <c r="AX1428" s="85"/>
      <c r="AY1428" s="85"/>
      <c r="AZ1428" s="85"/>
      <c r="BA1428" s="85"/>
      <c r="BB1428" s="85"/>
      <c r="BC1428" s="85"/>
      <c r="BD1428" s="85"/>
      <c r="BE1428" s="85"/>
      <c r="BF1428" s="85"/>
      <c r="BG1428" s="85"/>
      <c r="BH1428" s="85"/>
      <c r="BI1428" s="85"/>
      <c r="BJ1428" s="85"/>
      <c r="BK1428" s="85"/>
      <c r="BL1428" s="85"/>
      <c r="BM1428" s="85"/>
      <c r="BN1428" s="85"/>
      <c r="BO1428" s="85"/>
      <c r="BP1428" s="85"/>
      <c r="BQ1428" s="85"/>
      <c r="BR1428" s="85"/>
      <c r="BS1428" s="85"/>
      <c r="BT1428" s="85"/>
      <c r="BU1428" s="85"/>
      <c r="BV1428" s="85"/>
      <c r="BW1428" s="85"/>
      <c r="BX1428" s="85"/>
      <c r="BY1428" s="85"/>
      <c r="BZ1428" s="85"/>
      <c r="CA1428" s="85"/>
      <c r="CB1428" s="85"/>
      <c r="CC1428" s="85"/>
      <c r="CD1428" s="85"/>
      <c r="CE1428" s="85"/>
      <c r="CF1428" s="85"/>
      <c r="CG1428" s="85"/>
    </row>
    <row r="1429" spans="1:85" s="9" customFormat="1" x14ac:dyDescent="0.2">
      <c r="A1429" s="85"/>
      <c r="J1429" s="85"/>
      <c r="K1429" s="85"/>
      <c r="L1429" s="85"/>
      <c r="M1429" s="85"/>
      <c r="N1429" s="85"/>
      <c r="O1429" s="85"/>
      <c r="P1429" s="85"/>
      <c r="Q1429" s="85"/>
      <c r="R1429" s="85"/>
      <c r="S1429" s="85"/>
      <c r="T1429" s="85"/>
      <c r="U1429" s="85"/>
      <c r="V1429" s="85"/>
      <c r="W1429" s="85"/>
      <c r="X1429" s="85"/>
      <c r="Y1429" s="85"/>
      <c r="Z1429" s="85"/>
      <c r="AA1429" s="85"/>
      <c r="AB1429" s="85"/>
      <c r="AC1429" s="85"/>
      <c r="AD1429" s="85"/>
      <c r="AE1429" s="85"/>
      <c r="AF1429" s="85"/>
      <c r="AG1429" s="85"/>
      <c r="AH1429" s="85"/>
      <c r="AI1429" s="85"/>
      <c r="AJ1429" s="85"/>
      <c r="AK1429" s="85"/>
      <c r="AL1429" s="85"/>
      <c r="AM1429" s="85"/>
      <c r="AN1429" s="85"/>
      <c r="AO1429" s="85"/>
      <c r="AP1429" s="85"/>
      <c r="AQ1429" s="85"/>
      <c r="AR1429" s="85"/>
      <c r="AS1429" s="85"/>
      <c r="AT1429" s="85"/>
      <c r="AU1429" s="85"/>
      <c r="AV1429" s="85"/>
      <c r="AW1429" s="85"/>
      <c r="AX1429" s="85"/>
      <c r="AY1429" s="85"/>
      <c r="AZ1429" s="85"/>
      <c r="BA1429" s="85"/>
      <c r="BB1429" s="85"/>
      <c r="BC1429" s="85"/>
      <c r="BD1429" s="85"/>
      <c r="BE1429" s="85"/>
      <c r="BF1429" s="85"/>
      <c r="BG1429" s="85"/>
      <c r="BH1429" s="85"/>
      <c r="BI1429" s="85"/>
      <c r="BJ1429" s="85"/>
      <c r="BK1429" s="85"/>
      <c r="BL1429" s="85"/>
      <c r="BM1429" s="85"/>
      <c r="BN1429" s="85"/>
      <c r="BO1429" s="85"/>
      <c r="BP1429" s="85"/>
      <c r="BQ1429" s="85"/>
      <c r="BR1429" s="85"/>
      <c r="BS1429" s="85"/>
      <c r="BT1429" s="85"/>
      <c r="BU1429" s="85"/>
      <c r="BV1429" s="85"/>
      <c r="BW1429" s="85"/>
      <c r="BX1429" s="85"/>
      <c r="BY1429" s="85"/>
      <c r="BZ1429" s="85"/>
      <c r="CA1429" s="85"/>
      <c r="CB1429" s="85"/>
      <c r="CC1429" s="85"/>
      <c r="CD1429" s="85"/>
      <c r="CE1429" s="85"/>
      <c r="CF1429" s="85"/>
      <c r="CG1429" s="85"/>
    </row>
    <row r="1430" spans="1:85" s="9" customFormat="1" x14ac:dyDescent="0.2">
      <c r="A1430" s="85"/>
      <c r="J1430" s="85"/>
      <c r="K1430" s="85"/>
      <c r="L1430" s="85"/>
      <c r="M1430" s="85"/>
      <c r="N1430" s="85"/>
      <c r="O1430" s="85"/>
      <c r="P1430" s="85"/>
      <c r="Q1430" s="85"/>
      <c r="R1430" s="85"/>
      <c r="S1430" s="85"/>
      <c r="T1430" s="85"/>
      <c r="U1430" s="85"/>
      <c r="V1430" s="85"/>
      <c r="W1430" s="85"/>
      <c r="X1430" s="85"/>
      <c r="Y1430" s="85"/>
      <c r="Z1430" s="85"/>
      <c r="AA1430" s="85"/>
      <c r="AB1430" s="85"/>
      <c r="AC1430" s="85"/>
      <c r="AD1430" s="85"/>
      <c r="AE1430" s="85"/>
      <c r="AF1430" s="85"/>
      <c r="AG1430" s="85"/>
      <c r="AH1430" s="85"/>
      <c r="AI1430" s="85"/>
      <c r="AJ1430" s="85"/>
      <c r="AK1430" s="85"/>
      <c r="AL1430" s="85"/>
      <c r="AM1430" s="85"/>
      <c r="AN1430" s="85"/>
      <c r="AO1430" s="85"/>
      <c r="AP1430" s="85"/>
      <c r="AQ1430" s="85"/>
      <c r="AR1430" s="85"/>
      <c r="AS1430" s="85"/>
      <c r="AT1430" s="85"/>
      <c r="AU1430" s="85"/>
      <c r="AV1430" s="85"/>
      <c r="AW1430" s="85"/>
      <c r="AX1430" s="85"/>
      <c r="AY1430" s="85"/>
      <c r="AZ1430" s="85"/>
      <c r="BA1430" s="85"/>
      <c r="BB1430" s="85"/>
      <c r="BC1430" s="85"/>
      <c r="BD1430" s="85"/>
      <c r="BE1430" s="85"/>
      <c r="BF1430" s="85"/>
      <c r="BG1430" s="85"/>
      <c r="BH1430" s="85"/>
      <c r="BI1430" s="85"/>
      <c r="BJ1430" s="85"/>
      <c r="BK1430" s="85"/>
      <c r="BL1430" s="85"/>
      <c r="BM1430" s="85"/>
      <c r="BN1430" s="85"/>
      <c r="BO1430" s="85"/>
      <c r="BP1430" s="85"/>
      <c r="BQ1430" s="85"/>
      <c r="BR1430" s="85"/>
      <c r="BS1430" s="85"/>
      <c r="BT1430" s="85"/>
      <c r="BU1430" s="85"/>
      <c r="BV1430" s="85"/>
      <c r="BW1430" s="85"/>
      <c r="BX1430" s="85"/>
      <c r="BY1430" s="85"/>
      <c r="BZ1430" s="85"/>
      <c r="CA1430" s="85"/>
      <c r="CB1430" s="85"/>
      <c r="CC1430" s="85"/>
      <c r="CD1430" s="85"/>
      <c r="CE1430" s="85"/>
      <c r="CF1430" s="85"/>
      <c r="CG1430" s="85"/>
    </row>
    <row r="1431" spans="1:85" s="9" customFormat="1" x14ac:dyDescent="0.2">
      <c r="A1431" s="85"/>
      <c r="J1431" s="85"/>
      <c r="K1431" s="85"/>
      <c r="L1431" s="85"/>
      <c r="M1431" s="85"/>
      <c r="N1431" s="85"/>
      <c r="O1431" s="85"/>
      <c r="P1431" s="85"/>
      <c r="Q1431" s="85"/>
      <c r="R1431" s="85"/>
      <c r="S1431" s="85"/>
      <c r="T1431" s="85"/>
      <c r="U1431" s="85"/>
      <c r="V1431" s="85"/>
      <c r="W1431" s="85"/>
      <c r="X1431" s="85"/>
      <c r="Y1431" s="85"/>
      <c r="Z1431" s="85"/>
      <c r="AA1431" s="85"/>
      <c r="AB1431" s="85"/>
      <c r="AC1431" s="85"/>
      <c r="AD1431" s="85"/>
      <c r="AE1431" s="85"/>
      <c r="AF1431" s="85"/>
      <c r="AG1431" s="85"/>
      <c r="AH1431" s="85"/>
      <c r="AI1431" s="85"/>
      <c r="AJ1431" s="85"/>
      <c r="AK1431" s="85"/>
      <c r="AL1431" s="85"/>
      <c r="AM1431" s="85"/>
      <c r="AN1431" s="85"/>
      <c r="AO1431" s="85"/>
      <c r="AP1431" s="85"/>
      <c r="AQ1431" s="85"/>
      <c r="AR1431" s="85"/>
      <c r="AS1431" s="85"/>
      <c r="AT1431" s="85"/>
      <c r="AU1431" s="85"/>
      <c r="AV1431" s="85"/>
      <c r="AW1431" s="85"/>
      <c r="AX1431" s="85"/>
      <c r="AY1431" s="85"/>
      <c r="AZ1431" s="85"/>
      <c r="BA1431" s="85"/>
      <c r="BB1431" s="85"/>
      <c r="BC1431" s="85"/>
      <c r="BD1431" s="85"/>
      <c r="BE1431" s="85"/>
      <c r="BF1431" s="85"/>
      <c r="BG1431" s="85"/>
      <c r="BH1431" s="85"/>
      <c r="BI1431" s="85"/>
      <c r="BJ1431" s="85"/>
      <c r="BK1431" s="85"/>
      <c r="BL1431" s="85"/>
      <c r="BM1431" s="85"/>
      <c r="BN1431" s="85"/>
      <c r="BO1431" s="85"/>
      <c r="BP1431" s="85"/>
      <c r="BQ1431" s="85"/>
      <c r="BR1431" s="85"/>
      <c r="BS1431" s="85"/>
      <c r="BT1431" s="85"/>
      <c r="BU1431" s="85"/>
      <c r="BV1431" s="85"/>
      <c r="BW1431" s="85"/>
      <c r="BX1431" s="85"/>
      <c r="BY1431" s="85"/>
      <c r="BZ1431" s="85"/>
      <c r="CA1431" s="85"/>
      <c r="CB1431" s="85"/>
      <c r="CC1431" s="85"/>
      <c r="CD1431" s="85"/>
      <c r="CE1431" s="85"/>
      <c r="CF1431" s="85"/>
      <c r="CG1431" s="85"/>
    </row>
    <row r="1432" spans="1:85" s="9" customFormat="1" x14ac:dyDescent="0.2">
      <c r="A1432" s="85"/>
      <c r="J1432" s="85"/>
      <c r="K1432" s="85"/>
      <c r="L1432" s="85"/>
      <c r="M1432" s="85"/>
      <c r="N1432" s="85"/>
      <c r="O1432" s="85"/>
      <c r="P1432" s="85"/>
      <c r="Q1432" s="85"/>
      <c r="R1432" s="85"/>
      <c r="S1432" s="85"/>
      <c r="T1432" s="85"/>
      <c r="U1432" s="85"/>
      <c r="V1432" s="85"/>
      <c r="W1432" s="85"/>
      <c r="X1432" s="85"/>
      <c r="Y1432" s="85"/>
      <c r="Z1432" s="85"/>
      <c r="AA1432" s="85"/>
      <c r="AB1432" s="85"/>
      <c r="AC1432" s="85"/>
      <c r="AD1432" s="85"/>
      <c r="AE1432" s="85"/>
      <c r="AF1432" s="85"/>
      <c r="AG1432" s="85"/>
      <c r="AH1432" s="85"/>
      <c r="AI1432" s="85"/>
      <c r="AJ1432" s="85"/>
      <c r="AK1432" s="85"/>
      <c r="AL1432" s="85"/>
      <c r="AM1432" s="85"/>
      <c r="AN1432" s="85"/>
      <c r="AO1432" s="85"/>
      <c r="AP1432" s="85"/>
      <c r="AQ1432" s="85"/>
      <c r="AR1432" s="85"/>
      <c r="AS1432" s="85"/>
      <c r="AT1432" s="85"/>
      <c r="AU1432" s="85"/>
      <c r="AV1432" s="85"/>
      <c r="AW1432" s="85"/>
      <c r="AX1432" s="85"/>
      <c r="AY1432" s="85"/>
      <c r="AZ1432" s="85"/>
      <c r="BA1432" s="85"/>
      <c r="BB1432" s="85"/>
      <c r="BC1432" s="85"/>
      <c r="BD1432" s="85"/>
      <c r="BE1432" s="85"/>
      <c r="BF1432" s="85"/>
      <c r="BG1432" s="85"/>
      <c r="BH1432" s="85"/>
      <c r="BI1432" s="85"/>
      <c r="BJ1432" s="85"/>
      <c r="BK1432" s="85"/>
      <c r="BL1432" s="85"/>
      <c r="BM1432" s="85"/>
      <c r="BN1432" s="85"/>
      <c r="BO1432" s="85"/>
      <c r="BP1432" s="85"/>
      <c r="BQ1432" s="85"/>
      <c r="BR1432" s="85"/>
      <c r="BS1432" s="85"/>
      <c r="BT1432" s="85"/>
      <c r="BU1432" s="85"/>
      <c r="BV1432" s="85"/>
      <c r="BW1432" s="85"/>
      <c r="BX1432" s="85"/>
      <c r="BY1432" s="85"/>
      <c r="BZ1432" s="85"/>
      <c r="CA1432" s="85"/>
      <c r="CB1432" s="85"/>
      <c r="CC1432" s="85"/>
      <c r="CD1432" s="85"/>
      <c r="CE1432" s="85"/>
      <c r="CF1432" s="85"/>
      <c r="CG1432" s="85"/>
    </row>
    <row r="1433" spans="1:85" s="9" customFormat="1" x14ac:dyDescent="0.2">
      <c r="A1433" s="85"/>
      <c r="J1433" s="85"/>
      <c r="K1433" s="85"/>
      <c r="L1433" s="85"/>
      <c r="M1433" s="85"/>
      <c r="N1433" s="85"/>
      <c r="O1433" s="85"/>
      <c r="P1433" s="85"/>
      <c r="Q1433" s="85"/>
      <c r="R1433" s="85"/>
      <c r="S1433" s="85"/>
      <c r="T1433" s="85"/>
      <c r="U1433" s="85"/>
      <c r="V1433" s="85"/>
      <c r="W1433" s="85"/>
      <c r="X1433" s="85"/>
      <c r="Y1433" s="85"/>
      <c r="Z1433" s="85"/>
      <c r="AA1433" s="85"/>
      <c r="AB1433" s="85"/>
      <c r="AC1433" s="85"/>
      <c r="AD1433" s="85"/>
      <c r="AE1433" s="85"/>
      <c r="AF1433" s="85"/>
      <c r="AG1433" s="85"/>
      <c r="AH1433" s="85"/>
      <c r="AI1433" s="85"/>
      <c r="AJ1433" s="85"/>
      <c r="AK1433" s="85"/>
      <c r="AL1433" s="85"/>
      <c r="AM1433" s="85"/>
      <c r="AN1433" s="85"/>
      <c r="AO1433" s="85"/>
      <c r="AP1433" s="85"/>
      <c r="AQ1433" s="85"/>
      <c r="AR1433" s="85"/>
      <c r="AS1433" s="85"/>
      <c r="AT1433" s="85"/>
      <c r="AU1433" s="85"/>
      <c r="AV1433" s="85"/>
      <c r="AW1433" s="85"/>
      <c r="AX1433" s="85"/>
      <c r="AY1433" s="85"/>
      <c r="AZ1433" s="85"/>
      <c r="BA1433" s="85"/>
      <c r="BB1433" s="85"/>
      <c r="BC1433" s="85"/>
      <c r="BD1433" s="85"/>
      <c r="BE1433" s="85"/>
      <c r="BF1433" s="85"/>
      <c r="BG1433" s="85"/>
      <c r="BH1433" s="85"/>
      <c r="BI1433" s="85"/>
      <c r="BJ1433" s="85"/>
      <c r="BK1433" s="85"/>
      <c r="BL1433" s="85"/>
      <c r="BM1433" s="85"/>
      <c r="BN1433" s="85"/>
      <c r="BO1433" s="85"/>
      <c r="BP1433" s="85"/>
      <c r="BQ1433" s="85"/>
      <c r="BR1433" s="85"/>
      <c r="BS1433" s="85"/>
      <c r="BT1433" s="85"/>
      <c r="BU1433" s="85"/>
      <c r="BV1433" s="85"/>
      <c r="BW1433" s="85"/>
      <c r="BX1433" s="85"/>
      <c r="BY1433" s="85"/>
      <c r="BZ1433" s="85"/>
      <c r="CA1433" s="85"/>
      <c r="CB1433" s="85"/>
      <c r="CC1433" s="85"/>
      <c r="CD1433" s="85"/>
      <c r="CE1433" s="85"/>
      <c r="CF1433" s="85"/>
      <c r="CG1433" s="85"/>
    </row>
    <row r="1434" spans="1:85" s="9" customFormat="1" x14ac:dyDescent="0.2">
      <c r="A1434" s="85"/>
      <c r="J1434" s="85"/>
      <c r="K1434" s="85"/>
      <c r="L1434" s="85"/>
      <c r="M1434" s="85"/>
      <c r="N1434" s="85"/>
      <c r="O1434" s="85"/>
      <c r="P1434" s="85"/>
      <c r="Q1434" s="85"/>
      <c r="R1434" s="85"/>
      <c r="S1434" s="85"/>
      <c r="T1434" s="85"/>
      <c r="U1434" s="85"/>
      <c r="V1434" s="85"/>
      <c r="W1434" s="85"/>
      <c r="X1434" s="85"/>
      <c r="Y1434" s="85"/>
      <c r="Z1434" s="85"/>
      <c r="AA1434" s="85"/>
      <c r="AB1434" s="85"/>
      <c r="AC1434" s="85"/>
      <c r="AD1434" s="85"/>
      <c r="AE1434" s="85"/>
      <c r="AF1434" s="85"/>
      <c r="AG1434" s="85"/>
      <c r="AH1434" s="85"/>
      <c r="AI1434" s="85"/>
      <c r="AJ1434" s="85"/>
      <c r="AK1434" s="85"/>
      <c r="AL1434" s="85"/>
      <c r="AM1434" s="85"/>
      <c r="AN1434" s="85"/>
      <c r="AO1434" s="85"/>
      <c r="AP1434" s="85"/>
      <c r="AQ1434" s="85"/>
      <c r="AR1434" s="85"/>
      <c r="AS1434" s="85"/>
      <c r="AT1434" s="85"/>
      <c r="AU1434" s="85"/>
      <c r="AV1434" s="85"/>
      <c r="AW1434" s="85"/>
      <c r="AX1434" s="85"/>
      <c r="AY1434" s="85"/>
      <c r="AZ1434" s="85"/>
      <c r="BA1434" s="85"/>
      <c r="BB1434" s="85"/>
      <c r="BC1434" s="85"/>
      <c r="BD1434" s="85"/>
      <c r="BE1434" s="85"/>
      <c r="BF1434" s="85"/>
      <c r="BG1434" s="85"/>
      <c r="BH1434" s="85"/>
      <c r="BI1434" s="85"/>
      <c r="BJ1434" s="85"/>
      <c r="BK1434" s="85"/>
      <c r="BL1434" s="85"/>
      <c r="BM1434" s="85"/>
      <c r="BN1434" s="85"/>
      <c r="BO1434" s="85"/>
      <c r="BP1434" s="85"/>
      <c r="BQ1434" s="85"/>
      <c r="BR1434" s="85"/>
      <c r="BS1434" s="85"/>
      <c r="BT1434" s="85"/>
      <c r="BU1434" s="85"/>
      <c r="BV1434" s="85"/>
      <c r="BW1434" s="85"/>
      <c r="BX1434" s="85"/>
      <c r="BY1434" s="85"/>
      <c r="BZ1434" s="85"/>
      <c r="CA1434" s="85"/>
      <c r="CB1434" s="85"/>
      <c r="CC1434" s="85"/>
      <c r="CD1434" s="85"/>
      <c r="CE1434" s="85"/>
      <c r="CF1434" s="85"/>
      <c r="CG1434" s="85"/>
    </row>
    <row r="1435" spans="1:85" s="9" customFormat="1" x14ac:dyDescent="0.2">
      <c r="A1435" s="85"/>
      <c r="J1435" s="85"/>
      <c r="K1435" s="85"/>
      <c r="L1435" s="85"/>
      <c r="M1435" s="85"/>
      <c r="N1435" s="85"/>
      <c r="O1435" s="85"/>
      <c r="P1435" s="85"/>
      <c r="Q1435" s="85"/>
      <c r="R1435" s="85"/>
      <c r="S1435" s="85"/>
      <c r="T1435" s="85"/>
      <c r="U1435" s="85"/>
      <c r="V1435" s="85"/>
      <c r="W1435" s="85"/>
      <c r="X1435" s="85"/>
      <c r="Y1435" s="85"/>
      <c r="Z1435" s="85"/>
      <c r="AA1435" s="85"/>
      <c r="AB1435" s="85"/>
      <c r="AC1435" s="85"/>
      <c r="AD1435" s="85"/>
      <c r="AE1435" s="85"/>
      <c r="AF1435" s="85"/>
      <c r="AG1435" s="85"/>
      <c r="AH1435" s="85"/>
      <c r="AI1435" s="85"/>
      <c r="AJ1435" s="85"/>
      <c r="AK1435" s="85"/>
      <c r="AL1435" s="85"/>
      <c r="AM1435" s="85"/>
      <c r="AN1435" s="85"/>
      <c r="AO1435" s="85"/>
      <c r="AP1435" s="85"/>
      <c r="AQ1435" s="85"/>
      <c r="AR1435" s="85"/>
      <c r="AS1435" s="85"/>
      <c r="AT1435" s="85"/>
      <c r="AU1435" s="85"/>
      <c r="AV1435" s="85"/>
      <c r="AW1435" s="85"/>
      <c r="AX1435" s="85"/>
      <c r="AY1435" s="85"/>
      <c r="AZ1435" s="85"/>
      <c r="BA1435" s="85"/>
      <c r="BB1435" s="85"/>
      <c r="BC1435" s="85"/>
      <c r="BD1435" s="85"/>
      <c r="BE1435" s="85"/>
      <c r="BF1435" s="85"/>
      <c r="BG1435" s="85"/>
      <c r="BH1435" s="85"/>
      <c r="BI1435" s="85"/>
      <c r="BJ1435" s="85"/>
      <c r="BK1435" s="85"/>
      <c r="BL1435" s="85"/>
      <c r="BM1435" s="85"/>
      <c r="BN1435" s="85"/>
      <c r="BO1435" s="85"/>
      <c r="BP1435" s="85"/>
      <c r="BQ1435" s="85"/>
      <c r="BR1435" s="85"/>
      <c r="BS1435" s="85"/>
      <c r="BT1435" s="85"/>
      <c r="BU1435" s="85"/>
      <c r="BV1435" s="85"/>
      <c r="BW1435" s="85"/>
      <c r="BX1435" s="85"/>
      <c r="BY1435" s="85"/>
      <c r="BZ1435" s="85"/>
      <c r="CA1435" s="85"/>
      <c r="CB1435" s="85"/>
      <c r="CC1435" s="85"/>
      <c r="CD1435" s="85"/>
      <c r="CE1435" s="85"/>
      <c r="CF1435" s="85"/>
      <c r="CG1435" s="85"/>
    </row>
    <row r="1436" spans="1:85" s="9" customFormat="1" x14ac:dyDescent="0.2">
      <c r="A1436" s="85"/>
      <c r="J1436" s="85"/>
      <c r="K1436" s="85"/>
      <c r="L1436" s="85"/>
      <c r="M1436" s="85"/>
      <c r="N1436" s="85"/>
      <c r="O1436" s="85"/>
      <c r="P1436" s="85"/>
      <c r="Q1436" s="85"/>
      <c r="R1436" s="85"/>
      <c r="S1436" s="85"/>
      <c r="T1436" s="85"/>
      <c r="U1436" s="85"/>
      <c r="V1436" s="85"/>
      <c r="W1436" s="85"/>
      <c r="X1436" s="85"/>
      <c r="Y1436" s="85"/>
      <c r="Z1436" s="85"/>
      <c r="AA1436" s="85"/>
      <c r="AB1436" s="85"/>
      <c r="AC1436" s="85"/>
      <c r="AD1436" s="85"/>
      <c r="AE1436" s="85"/>
      <c r="AF1436" s="85"/>
      <c r="AG1436" s="85"/>
      <c r="AH1436" s="85"/>
      <c r="AI1436" s="85"/>
      <c r="AJ1436" s="85"/>
      <c r="AK1436" s="85"/>
      <c r="AL1436" s="85"/>
      <c r="AM1436" s="85"/>
      <c r="AN1436" s="85"/>
      <c r="AO1436" s="85"/>
      <c r="AP1436" s="85"/>
      <c r="AQ1436" s="85"/>
      <c r="AR1436" s="85"/>
      <c r="AS1436" s="85"/>
      <c r="AT1436" s="85"/>
      <c r="AU1436" s="85"/>
      <c r="AV1436" s="85"/>
      <c r="AW1436" s="85"/>
      <c r="AX1436" s="85"/>
      <c r="AY1436" s="85"/>
      <c r="AZ1436" s="85"/>
      <c r="BA1436" s="85"/>
      <c r="BB1436" s="85"/>
      <c r="BC1436" s="85"/>
      <c r="BD1436" s="85"/>
      <c r="BE1436" s="85"/>
      <c r="BF1436" s="85"/>
      <c r="BG1436" s="85"/>
      <c r="BH1436" s="85"/>
      <c r="BI1436" s="85"/>
      <c r="BJ1436" s="85"/>
      <c r="BK1436" s="85"/>
      <c r="BL1436" s="85"/>
      <c r="BM1436" s="85"/>
      <c r="BN1436" s="85"/>
      <c r="BO1436" s="85"/>
      <c r="BP1436" s="85"/>
      <c r="BQ1436" s="85"/>
      <c r="BR1436" s="85"/>
      <c r="BS1436" s="85"/>
      <c r="BT1436" s="85"/>
      <c r="BU1436" s="85"/>
      <c r="BV1436" s="85"/>
      <c r="BW1436" s="85"/>
      <c r="BX1436" s="85"/>
      <c r="BY1436" s="85"/>
      <c r="BZ1436" s="85"/>
      <c r="CA1436" s="85"/>
      <c r="CB1436" s="85"/>
      <c r="CC1436" s="85"/>
      <c r="CD1436" s="85"/>
      <c r="CE1436" s="85"/>
      <c r="CF1436" s="85"/>
      <c r="CG1436" s="85"/>
    </row>
    <row r="1437" spans="1:85" s="9" customFormat="1" x14ac:dyDescent="0.2">
      <c r="A1437" s="85"/>
      <c r="J1437" s="85"/>
      <c r="K1437" s="85"/>
      <c r="L1437" s="85"/>
      <c r="M1437" s="85"/>
      <c r="N1437" s="85"/>
      <c r="O1437" s="85"/>
      <c r="P1437" s="85"/>
      <c r="Q1437" s="85"/>
      <c r="R1437" s="85"/>
      <c r="S1437" s="85"/>
      <c r="T1437" s="85"/>
      <c r="U1437" s="85"/>
      <c r="V1437" s="85"/>
      <c r="W1437" s="85"/>
      <c r="X1437" s="85"/>
      <c r="Y1437" s="85"/>
      <c r="Z1437" s="85"/>
      <c r="AA1437" s="85"/>
      <c r="AB1437" s="85"/>
      <c r="AC1437" s="85"/>
      <c r="AD1437" s="85"/>
      <c r="AE1437" s="85"/>
      <c r="AF1437" s="85"/>
      <c r="AG1437" s="85"/>
      <c r="AH1437" s="85"/>
      <c r="AI1437" s="85"/>
      <c r="AJ1437" s="85"/>
      <c r="AK1437" s="85"/>
      <c r="AL1437" s="85"/>
      <c r="AM1437" s="85"/>
      <c r="AN1437" s="85"/>
      <c r="AO1437" s="85"/>
      <c r="AP1437" s="85"/>
      <c r="AQ1437" s="85"/>
      <c r="AR1437" s="85"/>
      <c r="AS1437" s="85"/>
      <c r="AT1437" s="85"/>
      <c r="AU1437" s="85"/>
      <c r="AV1437" s="85"/>
      <c r="AW1437" s="85"/>
      <c r="AX1437" s="85"/>
      <c r="AY1437" s="85"/>
      <c r="AZ1437" s="85"/>
      <c r="BA1437" s="85"/>
      <c r="BB1437" s="85"/>
      <c r="BC1437" s="85"/>
      <c r="BD1437" s="85"/>
      <c r="BE1437" s="85"/>
      <c r="BF1437" s="85"/>
      <c r="BG1437" s="85"/>
      <c r="BH1437" s="85"/>
      <c r="BI1437" s="85"/>
      <c r="BJ1437" s="85"/>
      <c r="BK1437" s="85"/>
      <c r="BL1437" s="85"/>
      <c r="BM1437" s="85"/>
      <c r="BN1437" s="85"/>
      <c r="BO1437" s="85"/>
      <c r="BP1437" s="85"/>
      <c r="BQ1437" s="85"/>
      <c r="BR1437" s="85"/>
      <c r="BS1437" s="85"/>
      <c r="BT1437" s="85"/>
      <c r="BU1437" s="85"/>
      <c r="BV1437" s="85"/>
      <c r="BW1437" s="85"/>
      <c r="BX1437" s="85"/>
      <c r="BY1437" s="85"/>
      <c r="BZ1437" s="85"/>
      <c r="CA1437" s="85"/>
      <c r="CB1437" s="85"/>
      <c r="CC1437" s="85"/>
      <c r="CD1437" s="85"/>
      <c r="CE1437" s="85"/>
      <c r="CF1437" s="85"/>
      <c r="CG1437" s="85"/>
    </row>
    <row r="1438" spans="1:85" s="9" customFormat="1" x14ac:dyDescent="0.2">
      <c r="A1438" s="85"/>
      <c r="J1438" s="85"/>
      <c r="K1438" s="85"/>
      <c r="L1438" s="85"/>
      <c r="M1438" s="85"/>
      <c r="N1438" s="85"/>
      <c r="O1438" s="85"/>
      <c r="P1438" s="85"/>
      <c r="Q1438" s="85"/>
      <c r="R1438" s="85"/>
      <c r="S1438" s="85"/>
      <c r="T1438" s="85"/>
      <c r="U1438" s="85"/>
      <c r="V1438" s="85"/>
      <c r="W1438" s="85"/>
      <c r="X1438" s="85"/>
      <c r="Y1438" s="85"/>
      <c r="Z1438" s="85"/>
      <c r="AA1438" s="85"/>
      <c r="AB1438" s="85"/>
      <c r="AC1438" s="85"/>
      <c r="AD1438" s="85"/>
      <c r="AE1438" s="85"/>
      <c r="AF1438" s="85"/>
      <c r="AG1438" s="85"/>
      <c r="AH1438" s="85"/>
      <c r="AI1438" s="85"/>
      <c r="AJ1438" s="85"/>
      <c r="AK1438" s="85"/>
      <c r="AL1438" s="85"/>
      <c r="AM1438" s="85"/>
      <c r="AN1438" s="85"/>
      <c r="AO1438" s="85"/>
      <c r="AP1438" s="85"/>
      <c r="AQ1438" s="85"/>
      <c r="AR1438" s="85"/>
      <c r="AS1438" s="85"/>
      <c r="AT1438" s="85"/>
      <c r="AU1438" s="85"/>
      <c r="AV1438" s="85"/>
      <c r="AW1438" s="85"/>
      <c r="AX1438" s="85"/>
      <c r="AY1438" s="85"/>
      <c r="AZ1438" s="85"/>
      <c r="BA1438" s="85"/>
      <c r="BB1438" s="85"/>
      <c r="BC1438" s="85"/>
      <c r="BD1438" s="85"/>
      <c r="BE1438" s="85"/>
      <c r="BF1438" s="85"/>
      <c r="BG1438" s="85"/>
      <c r="BH1438" s="85"/>
      <c r="BI1438" s="85"/>
      <c r="BJ1438" s="85"/>
      <c r="BK1438" s="85"/>
      <c r="BL1438" s="85"/>
      <c r="BM1438" s="85"/>
      <c r="BN1438" s="85"/>
      <c r="BO1438" s="85"/>
      <c r="BP1438" s="85"/>
      <c r="BQ1438" s="85"/>
      <c r="BR1438" s="85"/>
      <c r="BS1438" s="85"/>
      <c r="BT1438" s="85"/>
      <c r="BU1438" s="85"/>
      <c r="BV1438" s="85"/>
      <c r="BW1438" s="85"/>
      <c r="BX1438" s="85"/>
      <c r="BY1438" s="85"/>
      <c r="BZ1438" s="85"/>
      <c r="CA1438" s="85"/>
      <c r="CB1438" s="85"/>
      <c r="CC1438" s="85"/>
      <c r="CD1438" s="85"/>
      <c r="CE1438" s="85"/>
      <c r="CF1438" s="85"/>
      <c r="CG1438" s="85"/>
    </row>
    <row r="1439" spans="1:85" s="9" customFormat="1" x14ac:dyDescent="0.2">
      <c r="A1439" s="85"/>
      <c r="J1439" s="85"/>
      <c r="K1439" s="85"/>
      <c r="L1439" s="85"/>
      <c r="M1439" s="85"/>
      <c r="N1439" s="85"/>
      <c r="O1439" s="85"/>
      <c r="P1439" s="85"/>
      <c r="Q1439" s="85"/>
      <c r="R1439" s="85"/>
      <c r="S1439" s="85"/>
      <c r="T1439" s="85"/>
      <c r="U1439" s="85"/>
      <c r="V1439" s="85"/>
      <c r="W1439" s="85"/>
      <c r="X1439" s="85"/>
      <c r="Y1439" s="85"/>
      <c r="Z1439" s="85"/>
      <c r="AA1439" s="85"/>
      <c r="AB1439" s="85"/>
      <c r="AC1439" s="85"/>
      <c r="AD1439" s="85"/>
      <c r="AE1439" s="85"/>
      <c r="AF1439" s="85"/>
      <c r="AG1439" s="85"/>
      <c r="AH1439" s="85"/>
      <c r="AI1439" s="85"/>
      <c r="AJ1439" s="85"/>
      <c r="AK1439" s="85"/>
      <c r="AL1439" s="85"/>
      <c r="AM1439" s="85"/>
      <c r="AN1439" s="85"/>
      <c r="AO1439" s="85"/>
      <c r="AP1439" s="85"/>
      <c r="AQ1439" s="85"/>
      <c r="AR1439" s="85"/>
      <c r="AS1439" s="85"/>
      <c r="AT1439" s="85"/>
      <c r="AU1439" s="85"/>
      <c r="AV1439" s="85"/>
      <c r="AW1439" s="85"/>
      <c r="AX1439" s="85"/>
      <c r="AY1439" s="85"/>
      <c r="AZ1439" s="85"/>
      <c r="BA1439" s="85"/>
      <c r="BB1439" s="85"/>
      <c r="BC1439" s="85"/>
      <c r="BD1439" s="85"/>
      <c r="BE1439" s="85"/>
      <c r="BF1439" s="85"/>
      <c r="BG1439" s="85"/>
      <c r="BH1439" s="85"/>
      <c r="BI1439" s="85"/>
      <c r="BJ1439" s="85"/>
      <c r="BK1439" s="85"/>
      <c r="BL1439" s="85"/>
      <c r="BM1439" s="85"/>
      <c r="BN1439" s="85"/>
      <c r="BO1439" s="85"/>
      <c r="BP1439" s="85"/>
      <c r="BQ1439" s="85"/>
      <c r="BR1439" s="85"/>
      <c r="BS1439" s="85"/>
      <c r="BT1439" s="85"/>
      <c r="BU1439" s="85"/>
      <c r="BV1439" s="85"/>
      <c r="BW1439" s="85"/>
      <c r="BX1439" s="85"/>
      <c r="BY1439" s="85"/>
      <c r="BZ1439" s="85"/>
      <c r="CA1439" s="85"/>
      <c r="CB1439" s="85"/>
      <c r="CC1439" s="85"/>
      <c r="CD1439" s="85"/>
      <c r="CE1439" s="85"/>
      <c r="CF1439" s="85"/>
      <c r="CG1439" s="85"/>
    </row>
    <row r="1440" spans="1:85" s="9" customFormat="1" x14ac:dyDescent="0.2">
      <c r="A1440" s="85"/>
      <c r="J1440" s="85"/>
      <c r="K1440" s="85"/>
      <c r="L1440" s="85"/>
      <c r="M1440" s="85"/>
      <c r="N1440" s="85"/>
      <c r="O1440" s="85"/>
      <c r="P1440" s="85"/>
      <c r="Q1440" s="85"/>
      <c r="R1440" s="85"/>
      <c r="S1440" s="85"/>
      <c r="T1440" s="85"/>
      <c r="U1440" s="85"/>
      <c r="V1440" s="85"/>
      <c r="W1440" s="85"/>
      <c r="X1440" s="85"/>
      <c r="Y1440" s="85"/>
      <c r="Z1440" s="85"/>
      <c r="AA1440" s="85"/>
      <c r="AB1440" s="85"/>
      <c r="AC1440" s="85"/>
      <c r="AD1440" s="85"/>
      <c r="AE1440" s="85"/>
      <c r="AF1440" s="85"/>
      <c r="AG1440" s="85"/>
      <c r="AH1440" s="85"/>
      <c r="AI1440" s="85"/>
      <c r="AJ1440" s="85"/>
      <c r="AK1440" s="85"/>
      <c r="AL1440" s="85"/>
      <c r="AM1440" s="85"/>
      <c r="AN1440" s="85"/>
      <c r="AO1440" s="85"/>
      <c r="AP1440" s="85"/>
      <c r="AQ1440" s="85"/>
      <c r="AR1440" s="85"/>
      <c r="AS1440" s="85"/>
      <c r="AT1440" s="85"/>
      <c r="AU1440" s="85"/>
      <c r="AV1440" s="85"/>
      <c r="AW1440" s="85"/>
      <c r="AX1440" s="85"/>
      <c r="AY1440" s="85"/>
      <c r="AZ1440" s="85"/>
      <c r="BA1440" s="85"/>
      <c r="BB1440" s="85"/>
      <c r="BC1440" s="85"/>
      <c r="BD1440" s="85"/>
      <c r="BE1440" s="85"/>
      <c r="BF1440" s="85"/>
      <c r="BG1440" s="85"/>
      <c r="BH1440" s="85"/>
      <c r="BI1440" s="85"/>
      <c r="BJ1440" s="85"/>
      <c r="BK1440" s="85"/>
      <c r="BL1440" s="85"/>
      <c r="BM1440" s="85"/>
      <c r="BN1440" s="85"/>
      <c r="BO1440" s="85"/>
      <c r="BP1440" s="85"/>
      <c r="BQ1440" s="85"/>
      <c r="BR1440" s="85"/>
      <c r="BS1440" s="85"/>
      <c r="BT1440" s="85"/>
      <c r="BU1440" s="85"/>
      <c r="BV1440" s="85"/>
      <c r="BW1440" s="85"/>
      <c r="BX1440" s="85"/>
      <c r="BY1440" s="85"/>
      <c r="BZ1440" s="85"/>
      <c r="CA1440" s="85"/>
      <c r="CB1440" s="85"/>
      <c r="CC1440" s="85"/>
      <c r="CD1440" s="85"/>
      <c r="CE1440" s="85"/>
      <c r="CF1440" s="85"/>
      <c r="CG1440" s="85"/>
    </row>
    <row r="1441" spans="1:85" s="9" customFormat="1" x14ac:dyDescent="0.2">
      <c r="A1441" s="85"/>
      <c r="J1441" s="85"/>
      <c r="K1441" s="85"/>
      <c r="L1441" s="85"/>
      <c r="M1441" s="85"/>
      <c r="N1441" s="85"/>
      <c r="O1441" s="85"/>
      <c r="P1441" s="85"/>
      <c r="Q1441" s="85"/>
      <c r="R1441" s="85"/>
      <c r="S1441" s="85"/>
      <c r="T1441" s="85"/>
      <c r="U1441" s="85"/>
      <c r="V1441" s="85"/>
      <c r="W1441" s="85"/>
      <c r="X1441" s="85"/>
      <c r="Y1441" s="85"/>
      <c r="Z1441" s="85"/>
      <c r="AA1441" s="85"/>
      <c r="AB1441" s="85"/>
      <c r="AC1441" s="85"/>
      <c r="AD1441" s="85"/>
      <c r="AE1441" s="85"/>
      <c r="AF1441" s="85"/>
      <c r="AG1441" s="85"/>
      <c r="AH1441" s="85"/>
      <c r="AI1441" s="85"/>
      <c r="AJ1441" s="85"/>
      <c r="AK1441" s="85"/>
      <c r="AL1441" s="85"/>
      <c r="AM1441" s="85"/>
      <c r="AN1441" s="85"/>
      <c r="AO1441" s="85"/>
      <c r="AP1441" s="85"/>
      <c r="AQ1441" s="85"/>
      <c r="AR1441" s="85"/>
      <c r="AS1441" s="85"/>
      <c r="AT1441" s="85"/>
      <c r="AU1441" s="85"/>
      <c r="AV1441" s="85"/>
      <c r="AW1441" s="85"/>
      <c r="AX1441" s="85"/>
      <c r="AY1441" s="85"/>
      <c r="AZ1441" s="85"/>
      <c r="BA1441" s="85"/>
      <c r="BB1441" s="85"/>
      <c r="BC1441" s="85"/>
      <c r="BD1441" s="85"/>
      <c r="BE1441" s="85"/>
      <c r="BF1441" s="85"/>
      <c r="BG1441" s="85"/>
      <c r="BH1441" s="85"/>
      <c r="BI1441" s="85"/>
      <c r="BJ1441" s="85"/>
      <c r="BK1441" s="85"/>
      <c r="BL1441" s="85"/>
      <c r="BM1441" s="85"/>
      <c r="BN1441" s="85"/>
      <c r="BO1441" s="85"/>
      <c r="BP1441" s="85"/>
      <c r="BQ1441" s="85"/>
      <c r="BR1441" s="85"/>
      <c r="BS1441" s="85"/>
      <c r="BT1441" s="85"/>
      <c r="BU1441" s="85"/>
      <c r="BV1441" s="85"/>
      <c r="BW1441" s="85"/>
      <c r="BX1441" s="85"/>
      <c r="BY1441" s="85"/>
      <c r="BZ1441" s="85"/>
      <c r="CA1441" s="85"/>
      <c r="CB1441" s="85"/>
      <c r="CC1441" s="85"/>
      <c r="CD1441" s="85"/>
      <c r="CE1441" s="85"/>
      <c r="CF1441" s="85"/>
      <c r="CG1441" s="85"/>
    </row>
    <row r="1442" spans="1:85" s="9" customFormat="1" x14ac:dyDescent="0.2">
      <c r="A1442" s="85"/>
      <c r="J1442" s="85"/>
      <c r="K1442" s="85"/>
      <c r="L1442" s="85"/>
      <c r="M1442" s="85"/>
      <c r="N1442" s="85"/>
      <c r="O1442" s="85"/>
      <c r="P1442" s="85"/>
      <c r="Q1442" s="85"/>
      <c r="R1442" s="85"/>
      <c r="S1442" s="85"/>
      <c r="T1442" s="85"/>
      <c r="U1442" s="85"/>
      <c r="V1442" s="85"/>
      <c r="W1442" s="85"/>
      <c r="X1442" s="85"/>
      <c r="Y1442" s="85"/>
      <c r="Z1442" s="85"/>
      <c r="AA1442" s="85"/>
      <c r="AB1442" s="85"/>
      <c r="AC1442" s="85"/>
      <c r="AD1442" s="85"/>
      <c r="AE1442" s="85"/>
      <c r="AF1442" s="85"/>
      <c r="AG1442" s="85"/>
      <c r="AH1442" s="85"/>
      <c r="AI1442" s="85"/>
      <c r="AJ1442" s="85"/>
      <c r="AK1442" s="85"/>
      <c r="AL1442" s="85"/>
      <c r="AM1442" s="85"/>
      <c r="AN1442" s="85"/>
      <c r="AO1442" s="85"/>
      <c r="AP1442" s="85"/>
      <c r="AQ1442" s="85"/>
      <c r="AR1442" s="85"/>
      <c r="AS1442" s="85"/>
      <c r="AT1442" s="85"/>
      <c r="AU1442" s="85"/>
      <c r="AV1442" s="85"/>
      <c r="AW1442" s="85"/>
      <c r="AX1442" s="85"/>
      <c r="AY1442" s="85"/>
      <c r="AZ1442" s="85"/>
      <c r="BA1442" s="85"/>
      <c r="BB1442" s="85"/>
      <c r="BC1442" s="85"/>
      <c r="BD1442" s="85"/>
      <c r="BE1442" s="85"/>
      <c r="BF1442" s="85"/>
      <c r="BG1442" s="85"/>
      <c r="BH1442" s="85"/>
      <c r="BI1442" s="85"/>
      <c r="BJ1442" s="85"/>
      <c r="BK1442" s="85"/>
      <c r="BL1442" s="85"/>
      <c r="BM1442" s="85"/>
      <c r="BN1442" s="85"/>
      <c r="BO1442" s="85"/>
      <c r="BP1442" s="85"/>
      <c r="BQ1442" s="85"/>
      <c r="BR1442" s="85"/>
      <c r="BS1442" s="85"/>
      <c r="BT1442" s="85"/>
      <c r="BU1442" s="85"/>
      <c r="BV1442" s="85"/>
      <c r="BW1442" s="85"/>
      <c r="BX1442" s="85"/>
      <c r="BY1442" s="85"/>
      <c r="BZ1442" s="85"/>
      <c r="CA1442" s="85"/>
      <c r="CB1442" s="85"/>
      <c r="CC1442" s="85"/>
      <c r="CD1442" s="85"/>
      <c r="CE1442" s="85"/>
      <c r="CF1442" s="85"/>
      <c r="CG1442" s="85"/>
    </row>
    <row r="1443" spans="1:85" s="9" customFormat="1" x14ac:dyDescent="0.2">
      <c r="A1443" s="85"/>
      <c r="J1443" s="85"/>
      <c r="K1443" s="85"/>
      <c r="L1443" s="85"/>
      <c r="M1443" s="85"/>
      <c r="N1443" s="85"/>
      <c r="O1443" s="85"/>
      <c r="P1443" s="85"/>
      <c r="Q1443" s="85"/>
      <c r="R1443" s="85"/>
      <c r="S1443" s="85"/>
      <c r="T1443" s="85"/>
      <c r="U1443" s="85"/>
      <c r="V1443" s="85"/>
      <c r="W1443" s="85"/>
      <c r="X1443" s="85"/>
      <c r="Y1443" s="85"/>
      <c r="Z1443" s="85"/>
      <c r="AA1443" s="85"/>
      <c r="AB1443" s="85"/>
      <c r="AC1443" s="85"/>
      <c r="AD1443" s="85"/>
      <c r="AE1443" s="85"/>
      <c r="AF1443" s="85"/>
      <c r="AG1443" s="85"/>
      <c r="AH1443" s="85"/>
      <c r="AI1443" s="85"/>
      <c r="AJ1443" s="85"/>
      <c r="AK1443" s="85"/>
      <c r="AL1443" s="85"/>
      <c r="AM1443" s="85"/>
      <c r="AN1443" s="85"/>
      <c r="AO1443" s="85"/>
      <c r="AP1443" s="85"/>
      <c r="AQ1443" s="85"/>
      <c r="AR1443" s="85"/>
      <c r="AS1443" s="85"/>
      <c r="AT1443" s="85"/>
      <c r="AU1443" s="85"/>
      <c r="AV1443" s="85"/>
      <c r="AW1443" s="85"/>
      <c r="AX1443" s="85"/>
      <c r="AY1443" s="85"/>
      <c r="AZ1443" s="85"/>
      <c r="BA1443" s="85"/>
      <c r="BB1443" s="85"/>
      <c r="BC1443" s="85"/>
      <c r="BD1443" s="85"/>
      <c r="BE1443" s="85"/>
      <c r="BF1443" s="85"/>
      <c r="BG1443" s="85"/>
      <c r="BH1443" s="85"/>
      <c r="BI1443" s="85"/>
      <c r="BJ1443" s="85"/>
      <c r="BK1443" s="85"/>
      <c r="BL1443" s="85"/>
      <c r="BM1443" s="85"/>
      <c r="BN1443" s="85"/>
      <c r="BO1443" s="85"/>
      <c r="BP1443" s="85"/>
      <c r="BQ1443" s="85"/>
      <c r="BR1443" s="85"/>
      <c r="BS1443" s="85"/>
      <c r="BT1443" s="85"/>
      <c r="BU1443" s="85"/>
      <c r="BV1443" s="85"/>
      <c r="BW1443" s="85"/>
      <c r="BX1443" s="85"/>
      <c r="BY1443" s="85"/>
      <c r="BZ1443" s="85"/>
      <c r="CA1443" s="85"/>
      <c r="CB1443" s="85"/>
      <c r="CC1443" s="85"/>
      <c r="CD1443" s="85"/>
      <c r="CE1443" s="85"/>
      <c r="CF1443" s="85"/>
      <c r="CG1443" s="85"/>
    </row>
    <row r="1444" spans="1:85" s="9" customFormat="1" x14ac:dyDescent="0.2">
      <c r="A1444" s="85"/>
      <c r="J1444" s="85"/>
      <c r="K1444" s="85"/>
      <c r="L1444" s="85"/>
      <c r="M1444" s="85"/>
      <c r="N1444" s="85"/>
      <c r="O1444" s="85"/>
      <c r="P1444" s="85"/>
      <c r="Q1444" s="85"/>
      <c r="R1444" s="85"/>
      <c r="S1444" s="85"/>
      <c r="T1444" s="85"/>
      <c r="U1444" s="85"/>
      <c r="V1444" s="85"/>
      <c r="W1444" s="85"/>
      <c r="X1444" s="85"/>
      <c r="Y1444" s="85"/>
      <c r="Z1444" s="85"/>
      <c r="AA1444" s="85"/>
      <c r="AB1444" s="85"/>
      <c r="AC1444" s="85"/>
      <c r="AD1444" s="85"/>
      <c r="AE1444" s="85"/>
      <c r="AF1444" s="85"/>
      <c r="AG1444" s="85"/>
      <c r="AH1444" s="85"/>
      <c r="AI1444" s="85"/>
      <c r="AJ1444" s="85"/>
      <c r="AK1444" s="85"/>
      <c r="AL1444" s="85"/>
      <c r="AM1444" s="85"/>
      <c r="AN1444" s="85"/>
      <c r="AO1444" s="85"/>
      <c r="AP1444" s="85"/>
      <c r="AQ1444" s="85"/>
      <c r="AR1444" s="85"/>
      <c r="AS1444" s="85"/>
      <c r="AT1444" s="85"/>
      <c r="AU1444" s="85"/>
      <c r="AV1444" s="85"/>
      <c r="AW1444" s="85"/>
      <c r="AX1444" s="85"/>
      <c r="AY1444" s="85"/>
      <c r="AZ1444" s="85"/>
      <c r="BA1444" s="85"/>
      <c r="BB1444" s="85"/>
      <c r="BC1444" s="85"/>
      <c r="BD1444" s="85"/>
      <c r="BE1444" s="85"/>
      <c r="BF1444" s="85"/>
      <c r="BG1444" s="85"/>
      <c r="BH1444" s="85"/>
      <c r="BI1444" s="85"/>
      <c r="BJ1444" s="85"/>
      <c r="BK1444" s="85"/>
      <c r="BL1444" s="85"/>
      <c r="BM1444" s="85"/>
      <c r="BN1444" s="85"/>
      <c r="BO1444" s="85"/>
      <c r="BP1444" s="85"/>
      <c r="BQ1444" s="85"/>
      <c r="BR1444" s="85"/>
      <c r="BS1444" s="85"/>
      <c r="BT1444" s="85"/>
      <c r="BU1444" s="85"/>
      <c r="BV1444" s="85"/>
      <c r="BW1444" s="85"/>
      <c r="BX1444" s="85"/>
      <c r="BY1444" s="85"/>
      <c r="BZ1444" s="85"/>
      <c r="CA1444" s="85"/>
      <c r="CB1444" s="85"/>
      <c r="CC1444" s="85"/>
      <c r="CD1444" s="85"/>
      <c r="CE1444" s="85"/>
      <c r="CF1444" s="85"/>
      <c r="CG1444" s="85"/>
    </row>
    <row r="1445" spans="1:85" s="9" customFormat="1" x14ac:dyDescent="0.2">
      <c r="A1445" s="85"/>
      <c r="J1445" s="85"/>
      <c r="K1445" s="85"/>
      <c r="L1445" s="85"/>
      <c r="M1445" s="85"/>
      <c r="N1445" s="85"/>
      <c r="O1445" s="85"/>
      <c r="P1445" s="85"/>
      <c r="Q1445" s="85"/>
      <c r="R1445" s="85"/>
      <c r="S1445" s="85"/>
      <c r="T1445" s="85"/>
      <c r="U1445" s="85"/>
      <c r="V1445" s="85"/>
      <c r="W1445" s="85"/>
      <c r="X1445" s="85"/>
      <c r="Y1445" s="85"/>
      <c r="Z1445" s="85"/>
      <c r="AA1445" s="85"/>
      <c r="AB1445" s="85"/>
      <c r="AC1445" s="85"/>
      <c r="AD1445" s="85"/>
      <c r="AE1445" s="85"/>
      <c r="AF1445" s="85"/>
      <c r="AG1445" s="85"/>
      <c r="AH1445" s="85"/>
      <c r="AI1445" s="85"/>
      <c r="AJ1445" s="85"/>
      <c r="AK1445" s="85"/>
      <c r="AL1445" s="85"/>
      <c r="AM1445" s="85"/>
      <c r="AN1445" s="85"/>
      <c r="AO1445" s="85"/>
      <c r="AP1445" s="85"/>
      <c r="AQ1445" s="85"/>
      <c r="AR1445" s="85"/>
      <c r="AS1445" s="85"/>
      <c r="AT1445" s="85"/>
      <c r="AU1445" s="85"/>
      <c r="AV1445" s="85"/>
      <c r="AW1445" s="85"/>
      <c r="AX1445" s="85"/>
      <c r="AY1445" s="85"/>
      <c r="AZ1445" s="85"/>
      <c r="BA1445" s="85"/>
      <c r="BB1445" s="85"/>
      <c r="BC1445" s="85"/>
      <c r="BD1445" s="85"/>
      <c r="BE1445" s="85"/>
      <c r="BF1445" s="85"/>
      <c r="BG1445" s="85"/>
      <c r="BH1445" s="85"/>
      <c r="BI1445" s="85"/>
      <c r="BJ1445" s="85"/>
      <c r="BK1445" s="85"/>
      <c r="BL1445" s="85"/>
      <c r="BM1445" s="85"/>
      <c r="BN1445" s="85"/>
      <c r="BO1445" s="85"/>
      <c r="BP1445" s="85"/>
      <c r="BQ1445" s="85"/>
      <c r="BR1445" s="85"/>
      <c r="BS1445" s="85"/>
      <c r="BT1445" s="85"/>
      <c r="BU1445" s="85"/>
      <c r="BV1445" s="85"/>
      <c r="BW1445" s="85"/>
      <c r="BX1445" s="85"/>
      <c r="BY1445" s="85"/>
      <c r="BZ1445" s="85"/>
      <c r="CA1445" s="85"/>
      <c r="CB1445" s="85"/>
      <c r="CC1445" s="85"/>
      <c r="CD1445" s="85"/>
      <c r="CE1445" s="85"/>
      <c r="CF1445" s="85"/>
      <c r="CG1445" s="85"/>
    </row>
    <row r="1446" spans="1:85" s="9" customFormat="1" x14ac:dyDescent="0.2">
      <c r="A1446" s="85"/>
      <c r="J1446" s="85"/>
      <c r="K1446" s="85"/>
      <c r="L1446" s="85"/>
      <c r="M1446" s="85"/>
      <c r="N1446" s="85"/>
      <c r="O1446" s="85"/>
      <c r="P1446" s="85"/>
      <c r="Q1446" s="85"/>
      <c r="R1446" s="85"/>
      <c r="S1446" s="85"/>
      <c r="T1446" s="85"/>
      <c r="U1446" s="85"/>
      <c r="V1446" s="85"/>
      <c r="W1446" s="85"/>
      <c r="X1446" s="85"/>
      <c r="Y1446" s="85"/>
      <c r="Z1446" s="85"/>
      <c r="AA1446" s="85"/>
      <c r="AB1446" s="85"/>
      <c r="AC1446" s="85"/>
      <c r="AD1446" s="85"/>
      <c r="AE1446" s="85"/>
      <c r="AF1446" s="85"/>
      <c r="AG1446" s="85"/>
      <c r="AH1446" s="85"/>
      <c r="AI1446" s="85"/>
      <c r="AJ1446" s="85"/>
      <c r="AK1446" s="85"/>
      <c r="AL1446" s="85"/>
      <c r="AM1446" s="85"/>
      <c r="AN1446" s="85"/>
      <c r="AO1446" s="85"/>
      <c r="AP1446" s="85"/>
      <c r="AQ1446" s="85"/>
      <c r="AR1446" s="85"/>
      <c r="AS1446" s="85"/>
      <c r="AT1446" s="85"/>
      <c r="AU1446" s="85"/>
      <c r="AV1446" s="85"/>
      <c r="AW1446" s="85"/>
      <c r="AX1446" s="85"/>
      <c r="AY1446" s="85"/>
      <c r="AZ1446" s="85"/>
      <c r="BA1446" s="85"/>
      <c r="BB1446" s="85"/>
      <c r="BC1446" s="85"/>
      <c r="BD1446" s="85"/>
      <c r="BE1446" s="85"/>
      <c r="BF1446" s="85"/>
      <c r="BG1446" s="85"/>
      <c r="BH1446" s="85"/>
      <c r="BI1446" s="85"/>
      <c r="BJ1446" s="85"/>
      <c r="BK1446" s="85"/>
      <c r="BL1446" s="85"/>
      <c r="BM1446" s="85"/>
      <c r="BN1446" s="85"/>
      <c r="BO1446" s="85"/>
      <c r="BP1446" s="85"/>
      <c r="BQ1446" s="85"/>
      <c r="BR1446" s="85"/>
      <c r="BS1446" s="85"/>
      <c r="BT1446" s="85"/>
      <c r="BU1446" s="85"/>
      <c r="BV1446" s="85"/>
      <c r="BW1446" s="85"/>
      <c r="BX1446" s="85"/>
      <c r="BY1446" s="85"/>
      <c r="BZ1446" s="85"/>
      <c r="CA1446" s="85"/>
      <c r="CB1446" s="85"/>
      <c r="CC1446" s="85"/>
      <c r="CD1446" s="85"/>
      <c r="CE1446" s="85"/>
      <c r="CF1446" s="85"/>
      <c r="CG1446" s="85"/>
    </row>
    <row r="1447" spans="1:85" s="9" customFormat="1" x14ac:dyDescent="0.2">
      <c r="A1447" s="85"/>
      <c r="J1447" s="85"/>
      <c r="K1447" s="85"/>
      <c r="L1447" s="85"/>
      <c r="M1447" s="85"/>
      <c r="N1447" s="85"/>
      <c r="O1447" s="85"/>
      <c r="P1447" s="85"/>
      <c r="Q1447" s="85"/>
      <c r="R1447" s="85"/>
      <c r="S1447" s="85"/>
      <c r="T1447" s="85"/>
      <c r="U1447" s="85"/>
      <c r="V1447" s="85"/>
      <c r="W1447" s="85"/>
      <c r="X1447" s="85"/>
      <c r="Y1447" s="85"/>
      <c r="Z1447" s="85"/>
      <c r="AA1447" s="85"/>
      <c r="AB1447" s="85"/>
      <c r="AC1447" s="85"/>
      <c r="AD1447" s="85"/>
      <c r="AE1447" s="85"/>
      <c r="AF1447" s="85"/>
      <c r="AG1447" s="85"/>
      <c r="AH1447" s="85"/>
      <c r="AI1447" s="85"/>
      <c r="AJ1447" s="85"/>
      <c r="AK1447" s="85"/>
      <c r="AL1447" s="85"/>
      <c r="AM1447" s="85"/>
      <c r="AN1447" s="85"/>
      <c r="AO1447" s="85"/>
      <c r="AP1447" s="85"/>
      <c r="AQ1447" s="85"/>
      <c r="AR1447" s="85"/>
      <c r="AS1447" s="85"/>
      <c r="AT1447" s="85"/>
      <c r="AU1447" s="85"/>
      <c r="AV1447" s="85"/>
      <c r="AW1447" s="85"/>
      <c r="AX1447" s="85"/>
      <c r="AY1447" s="85"/>
      <c r="AZ1447" s="85"/>
      <c r="BA1447" s="85"/>
      <c r="BB1447" s="85"/>
      <c r="BC1447" s="85"/>
      <c r="BD1447" s="85"/>
      <c r="BE1447" s="85"/>
      <c r="BF1447" s="85"/>
      <c r="BG1447" s="85"/>
      <c r="BH1447" s="85"/>
      <c r="BI1447" s="85"/>
      <c r="BJ1447" s="85"/>
      <c r="BK1447" s="85"/>
      <c r="BL1447" s="85"/>
      <c r="BM1447" s="85"/>
      <c r="BN1447" s="85"/>
      <c r="BO1447" s="85"/>
      <c r="BP1447" s="85"/>
      <c r="BQ1447" s="85"/>
      <c r="BR1447" s="85"/>
      <c r="BS1447" s="85"/>
      <c r="BT1447" s="85"/>
      <c r="BU1447" s="85"/>
      <c r="BV1447" s="85"/>
      <c r="BW1447" s="85"/>
      <c r="BX1447" s="85"/>
      <c r="BY1447" s="85"/>
      <c r="BZ1447" s="85"/>
      <c r="CA1447" s="85"/>
      <c r="CB1447" s="85"/>
      <c r="CC1447" s="85"/>
      <c r="CD1447" s="85"/>
      <c r="CE1447" s="85"/>
      <c r="CF1447" s="85"/>
      <c r="CG1447" s="85"/>
    </row>
    <row r="1448" spans="1:85" s="9" customFormat="1" x14ac:dyDescent="0.2">
      <c r="A1448" s="85"/>
      <c r="J1448" s="85"/>
      <c r="K1448" s="85"/>
      <c r="L1448" s="85"/>
      <c r="M1448" s="85"/>
      <c r="N1448" s="85"/>
      <c r="O1448" s="85"/>
      <c r="P1448" s="85"/>
      <c r="Q1448" s="85"/>
      <c r="R1448" s="85"/>
      <c r="S1448" s="85"/>
      <c r="T1448" s="85"/>
      <c r="U1448" s="85"/>
      <c r="V1448" s="85"/>
      <c r="W1448" s="85"/>
      <c r="X1448" s="85"/>
      <c r="Y1448" s="85"/>
      <c r="Z1448" s="85"/>
      <c r="AA1448" s="85"/>
      <c r="AB1448" s="85"/>
      <c r="AC1448" s="85"/>
      <c r="AD1448" s="85"/>
      <c r="AE1448" s="85"/>
      <c r="AF1448" s="85"/>
      <c r="AG1448" s="85"/>
      <c r="AH1448" s="85"/>
      <c r="AI1448" s="85"/>
      <c r="AJ1448" s="85"/>
      <c r="AK1448" s="85"/>
      <c r="AL1448" s="85"/>
      <c r="AM1448" s="85"/>
      <c r="AN1448" s="85"/>
      <c r="AO1448" s="85"/>
      <c r="AP1448" s="85"/>
      <c r="AQ1448" s="85"/>
      <c r="AR1448" s="85"/>
      <c r="AS1448" s="85"/>
      <c r="AT1448" s="85"/>
      <c r="AU1448" s="85"/>
      <c r="AV1448" s="85"/>
      <c r="AW1448" s="85"/>
      <c r="AX1448" s="85"/>
      <c r="AY1448" s="85"/>
      <c r="AZ1448" s="85"/>
      <c r="BA1448" s="85"/>
      <c r="BB1448" s="85"/>
      <c r="BC1448" s="85"/>
      <c r="BD1448" s="85"/>
      <c r="BE1448" s="85"/>
      <c r="BF1448" s="85"/>
      <c r="BG1448" s="85"/>
      <c r="BH1448" s="85"/>
      <c r="BI1448" s="85"/>
      <c r="BJ1448" s="85"/>
      <c r="BK1448" s="85"/>
      <c r="BL1448" s="85"/>
      <c r="BM1448" s="85"/>
      <c r="BN1448" s="85"/>
      <c r="BO1448" s="85"/>
      <c r="BP1448" s="85"/>
      <c r="BQ1448" s="85"/>
      <c r="BR1448" s="85"/>
      <c r="BS1448" s="85"/>
      <c r="BT1448" s="85"/>
      <c r="BU1448" s="85"/>
      <c r="BV1448" s="85"/>
      <c r="BW1448" s="85"/>
      <c r="BX1448" s="85"/>
      <c r="BY1448" s="85"/>
      <c r="BZ1448" s="85"/>
      <c r="CA1448" s="85"/>
      <c r="CB1448" s="85"/>
      <c r="CC1448" s="85"/>
      <c r="CD1448" s="85"/>
      <c r="CE1448" s="85"/>
      <c r="CF1448" s="85"/>
      <c r="CG1448" s="85"/>
    </row>
    <row r="1449" spans="1:85" s="9" customFormat="1" x14ac:dyDescent="0.2">
      <c r="A1449" s="85"/>
      <c r="J1449" s="85"/>
      <c r="K1449" s="85"/>
      <c r="L1449" s="85"/>
      <c r="M1449" s="85"/>
      <c r="N1449" s="85"/>
      <c r="O1449" s="85"/>
      <c r="P1449" s="85"/>
      <c r="Q1449" s="85"/>
      <c r="R1449" s="85"/>
      <c r="S1449" s="85"/>
      <c r="T1449" s="85"/>
      <c r="U1449" s="85"/>
      <c r="V1449" s="85"/>
      <c r="W1449" s="85"/>
      <c r="X1449" s="85"/>
      <c r="Y1449" s="85"/>
      <c r="Z1449" s="85"/>
      <c r="AA1449" s="85"/>
      <c r="AB1449" s="85"/>
      <c r="AC1449" s="85"/>
      <c r="AD1449" s="85"/>
      <c r="AE1449" s="85"/>
      <c r="AF1449" s="85"/>
      <c r="AG1449" s="85"/>
      <c r="AH1449" s="85"/>
      <c r="AI1449" s="85"/>
      <c r="AJ1449" s="85"/>
      <c r="AK1449" s="85"/>
      <c r="AL1449" s="85"/>
      <c r="AM1449" s="85"/>
      <c r="AN1449" s="85"/>
      <c r="AO1449" s="85"/>
      <c r="AP1449" s="85"/>
      <c r="AQ1449" s="85"/>
      <c r="AR1449" s="85"/>
      <c r="AS1449" s="85"/>
      <c r="AT1449" s="85"/>
      <c r="AU1449" s="85"/>
      <c r="AV1449" s="85"/>
      <c r="AW1449" s="85"/>
      <c r="AX1449" s="85"/>
      <c r="AY1449" s="85"/>
      <c r="AZ1449" s="85"/>
      <c r="BA1449" s="85"/>
      <c r="BB1449" s="85"/>
      <c r="BC1449" s="85"/>
      <c r="BD1449" s="85"/>
      <c r="BE1449" s="85"/>
      <c r="BF1449" s="85"/>
      <c r="BG1449" s="85"/>
      <c r="BH1449" s="85"/>
      <c r="BI1449" s="85"/>
      <c r="BJ1449" s="85"/>
      <c r="BK1449" s="85"/>
      <c r="BL1449" s="85"/>
      <c r="BM1449" s="85"/>
      <c r="BN1449" s="85"/>
      <c r="BO1449" s="85"/>
      <c r="BP1449" s="85"/>
      <c r="BQ1449" s="85"/>
      <c r="BR1449" s="85"/>
      <c r="BS1449" s="85"/>
      <c r="BT1449" s="85"/>
      <c r="BU1449" s="85"/>
      <c r="BV1449" s="85"/>
      <c r="BW1449" s="85"/>
      <c r="BX1449" s="85"/>
      <c r="BY1449" s="85"/>
      <c r="BZ1449" s="85"/>
      <c r="CA1449" s="85"/>
      <c r="CB1449" s="85"/>
      <c r="CC1449" s="85"/>
      <c r="CD1449" s="85"/>
      <c r="CE1449" s="85"/>
      <c r="CF1449" s="85"/>
      <c r="CG1449" s="85"/>
    </row>
    <row r="1450" spans="1:85" s="9" customFormat="1" x14ac:dyDescent="0.2">
      <c r="A1450" s="85"/>
      <c r="J1450" s="85"/>
      <c r="K1450" s="85"/>
      <c r="L1450" s="85"/>
      <c r="M1450" s="85"/>
      <c r="N1450" s="85"/>
      <c r="O1450" s="85"/>
      <c r="P1450" s="85"/>
      <c r="Q1450" s="85"/>
      <c r="R1450" s="85"/>
      <c r="S1450" s="85"/>
      <c r="T1450" s="85"/>
      <c r="U1450" s="85"/>
      <c r="V1450" s="85"/>
      <c r="W1450" s="85"/>
      <c r="X1450" s="85"/>
      <c r="Y1450" s="85"/>
      <c r="Z1450" s="85"/>
      <c r="AA1450" s="85"/>
      <c r="AB1450" s="85"/>
      <c r="AC1450" s="85"/>
      <c r="AD1450" s="85"/>
      <c r="AE1450" s="85"/>
      <c r="AF1450" s="85"/>
      <c r="AG1450" s="85"/>
      <c r="AH1450" s="85"/>
      <c r="AI1450" s="85"/>
      <c r="AJ1450" s="85"/>
      <c r="AK1450" s="85"/>
      <c r="AL1450" s="85"/>
      <c r="AM1450" s="85"/>
      <c r="AN1450" s="85"/>
      <c r="AO1450" s="85"/>
      <c r="AP1450" s="85"/>
      <c r="AQ1450" s="85"/>
      <c r="AR1450" s="85"/>
      <c r="AS1450" s="85"/>
      <c r="AT1450" s="85"/>
      <c r="AU1450" s="85"/>
      <c r="AV1450" s="85"/>
      <c r="AW1450" s="85"/>
      <c r="AX1450" s="85"/>
      <c r="AY1450" s="85"/>
      <c r="AZ1450" s="85"/>
      <c r="BA1450" s="85"/>
      <c r="BB1450" s="85"/>
      <c r="BC1450" s="85"/>
      <c r="BD1450" s="85"/>
      <c r="BE1450" s="85"/>
      <c r="BF1450" s="85"/>
      <c r="BG1450" s="85"/>
      <c r="BH1450" s="85"/>
      <c r="BI1450" s="85"/>
      <c r="BJ1450" s="85"/>
      <c r="BK1450" s="85"/>
      <c r="BL1450" s="85"/>
      <c r="BM1450" s="85"/>
      <c r="BN1450" s="85"/>
      <c r="BO1450" s="85"/>
      <c r="BP1450" s="85"/>
      <c r="BQ1450" s="85"/>
      <c r="BR1450" s="85"/>
      <c r="BS1450" s="85"/>
      <c r="BT1450" s="85"/>
      <c r="BU1450" s="85"/>
      <c r="BV1450" s="85"/>
      <c r="BW1450" s="85"/>
      <c r="BX1450" s="85"/>
      <c r="BY1450" s="85"/>
      <c r="BZ1450" s="85"/>
      <c r="CA1450" s="85"/>
      <c r="CB1450" s="85"/>
      <c r="CC1450" s="85"/>
      <c r="CD1450" s="85"/>
      <c r="CE1450" s="85"/>
      <c r="CF1450" s="85"/>
      <c r="CG1450" s="85"/>
    </row>
    <row r="1451" spans="1:85" s="9" customFormat="1" x14ac:dyDescent="0.2">
      <c r="A1451" s="85"/>
      <c r="J1451" s="85"/>
      <c r="K1451" s="85"/>
      <c r="L1451" s="85"/>
      <c r="M1451" s="85"/>
      <c r="N1451" s="85"/>
      <c r="O1451" s="85"/>
      <c r="P1451" s="85"/>
      <c r="Q1451" s="85"/>
      <c r="R1451" s="85"/>
      <c r="S1451" s="85"/>
      <c r="T1451" s="85"/>
      <c r="U1451" s="85"/>
      <c r="V1451" s="85"/>
      <c r="W1451" s="85"/>
      <c r="X1451" s="85"/>
      <c r="Y1451" s="85"/>
      <c r="Z1451" s="85"/>
      <c r="AA1451" s="85"/>
      <c r="AB1451" s="85"/>
      <c r="AC1451" s="85"/>
      <c r="AD1451" s="85"/>
      <c r="AE1451" s="85"/>
      <c r="AF1451" s="85"/>
      <c r="AG1451" s="85"/>
      <c r="AH1451" s="85"/>
      <c r="AI1451" s="85"/>
      <c r="AJ1451" s="85"/>
      <c r="AK1451" s="85"/>
      <c r="AL1451" s="85"/>
      <c r="AM1451" s="85"/>
      <c r="AN1451" s="85"/>
      <c r="AO1451" s="85"/>
      <c r="AP1451" s="85"/>
      <c r="AQ1451" s="85"/>
      <c r="AR1451" s="85"/>
      <c r="AS1451" s="85"/>
      <c r="AT1451" s="85"/>
      <c r="AU1451" s="85"/>
      <c r="AV1451" s="85"/>
      <c r="AW1451" s="85"/>
      <c r="AX1451" s="85"/>
      <c r="AY1451" s="85"/>
      <c r="AZ1451" s="85"/>
      <c r="BA1451" s="85"/>
      <c r="BB1451" s="85"/>
      <c r="BC1451" s="85"/>
      <c r="BD1451" s="85"/>
      <c r="BE1451" s="85"/>
      <c r="BF1451" s="85"/>
      <c r="BG1451" s="85"/>
      <c r="BH1451" s="85"/>
      <c r="BI1451" s="85"/>
      <c r="BJ1451" s="85"/>
      <c r="BK1451" s="85"/>
      <c r="BL1451" s="85"/>
      <c r="BM1451" s="85"/>
      <c r="BN1451" s="85"/>
      <c r="BO1451" s="85"/>
      <c r="BP1451" s="85"/>
      <c r="BQ1451" s="85"/>
      <c r="BR1451" s="85"/>
      <c r="BS1451" s="85"/>
      <c r="BT1451" s="85"/>
      <c r="BU1451" s="85"/>
      <c r="BV1451" s="85"/>
      <c r="BW1451" s="85"/>
      <c r="BX1451" s="85"/>
      <c r="BY1451" s="85"/>
      <c r="BZ1451" s="85"/>
      <c r="CA1451" s="85"/>
      <c r="CB1451" s="85"/>
      <c r="CC1451" s="85"/>
      <c r="CD1451" s="85"/>
      <c r="CE1451" s="85"/>
      <c r="CF1451" s="85"/>
      <c r="CG1451" s="85"/>
    </row>
    <row r="1452" spans="1:85" s="9" customFormat="1" x14ac:dyDescent="0.2">
      <c r="A1452" s="85"/>
      <c r="J1452" s="85"/>
      <c r="K1452" s="85"/>
      <c r="L1452" s="85"/>
      <c r="M1452" s="85"/>
      <c r="N1452" s="85"/>
      <c r="O1452" s="85"/>
      <c r="P1452" s="85"/>
      <c r="Q1452" s="85"/>
      <c r="R1452" s="85"/>
      <c r="S1452" s="85"/>
      <c r="T1452" s="85"/>
      <c r="U1452" s="85"/>
      <c r="V1452" s="85"/>
      <c r="W1452" s="85"/>
      <c r="X1452" s="85"/>
      <c r="Y1452" s="85"/>
      <c r="Z1452" s="85"/>
      <c r="AA1452" s="85"/>
      <c r="AB1452" s="85"/>
      <c r="AC1452" s="85"/>
      <c r="AD1452" s="85"/>
      <c r="AE1452" s="85"/>
      <c r="AF1452" s="85"/>
      <c r="AG1452" s="85"/>
      <c r="AH1452" s="85"/>
      <c r="AI1452" s="85"/>
      <c r="AJ1452" s="85"/>
      <c r="AK1452" s="85"/>
      <c r="AL1452" s="85"/>
      <c r="AM1452" s="85"/>
      <c r="AN1452" s="85"/>
      <c r="AO1452" s="85"/>
      <c r="AP1452" s="85"/>
      <c r="AQ1452" s="85"/>
      <c r="AR1452" s="85"/>
      <c r="AS1452" s="85"/>
      <c r="AT1452" s="85"/>
      <c r="AU1452" s="85"/>
      <c r="AV1452" s="85"/>
      <c r="AW1452" s="85"/>
      <c r="AX1452" s="85"/>
      <c r="AY1452" s="85"/>
      <c r="AZ1452" s="85"/>
      <c r="BA1452" s="85"/>
      <c r="BB1452" s="85"/>
      <c r="BC1452" s="85"/>
      <c r="BD1452" s="85"/>
      <c r="BE1452" s="85"/>
      <c r="BF1452" s="85"/>
      <c r="BG1452" s="85"/>
      <c r="BH1452" s="85"/>
      <c r="BI1452" s="85"/>
      <c r="BJ1452" s="85"/>
      <c r="BK1452" s="85"/>
      <c r="BL1452" s="85"/>
      <c r="BM1452" s="85"/>
      <c r="BN1452" s="85"/>
      <c r="BO1452" s="85"/>
      <c r="BP1452" s="85"/>
      <c r="BQ1452" s="85"/>
      <c r="BR1452" s="85"/>
      <c r="BS1452" s="85"/>
      <c r="BT1452" s="85"/>
      <c r="BU1452" s="85"/>
      <c r="BV1452" s="85"/>
      <c r="BW1452" s="85"/>
      <c r="BX1452" s="85"/>
      <c r="BY1452" s="85"/>
      <c r="BZ1452" s="85"/>
      <c r="CA1452" s="85"/>
      <c r="CB1452" s="85"/>
      <c r="CC1452" s="85"/>
      <c r="CD1452" s="85"/>
      <c r="CE1452" s="85"/>
      <c r="CF1452" s="85"/>
      <c r="CG1452" s="85"/>
    </row>
    <row r="1453" spans="1:85" s="9" customFormat="1" x14ac:dyDescent="0.2">
      <c r="A1453" s="85"/>
      <c r="J1453" s="85"/>
      <c r="K1453" s="85"/>
      <c r="L1453" s="85"/>
      <c r="M1453" s="85"/>
      <c r="N1453" s="85"/>
      <c r="O1453" s="85"/>
      <c r="P1453" s="85"/>
      <c r="Q1453" s="85"/>
      <c r="R1453" s="85"/>
      <c r="S1453" s="85"/>
      <c r="T1453" s="85"/>
      <c r="U1453" s="85"/>
      <c r="V1453" s="85"/>
      <c r="W1453" s="85"/>
      <c r="X1453" s="85"/>
      <c r="Y1453" s="85"/>
      <c r="Z1453" s="85"/>
      <c r="AA1453" s="85"/>
      <c r="AB1453" s="85"/>
      <c r="AC1453" s="85"/>
      <c r="AD1453" s="85"/>
      <c r="AE1453" s="85"/>
      <c r="AF1453" s="85"/>
      <c r="AG1453" s="85"/>
      <c r="AH1453" s="85"/>
      <c r="AI1453" s="85"/>
      <c r="AJ1453" s="85"/>
      <c r="AK1453" s="85"/>
      <c r="AL1453" s="85"/>
      <c r="AM1453" s="85"/>
      <c r="AN1453" s="85"/>
      <c r="AO1453" s="85"/>
      <c r="AP1453" s="85"/>
      <c r="AQ1453" s="85"/>
      <c r="AR1453" s="85"/>
      <c r="AS1453" s="85"/>
      <c r="AT1453" s="85"/>
      <c r="AU1453" s="85"/>
      <c r="AV1453" s="85"/>
      <c r="AW1453" s="85"/>
      <c r="AX1453" s="85"/>
      <c r="AY1453" s="85"/>
      <c r="AZ1453" s="85"/>
      <c r="BA1453" s="85"/>
      <c r="BB1453" s="85"/>
      <c r="BC1453" s="85"/>
      <c r="BD1453" s="85"/>
      <c r="BE1453" s="85"/>
      <c r="BF1453" s="85"/>
      <c r="BG1453" s="85"/>
      <c r="BH1453" s="85"/>
      <c r="BI1453" s="85"/>
      <c r="BJ1453" s="85"/>
      <c r="BK1453" s="85"/>
      <c r="BL1453" s="85"/>
      <c r="BM1453" s="85"/>
      <c r="BN1453" s="85"/>
      <c r="BO1453" s="85"/>
      <c r="BP1453" s="85"/>
      <c r="BQ1453" s="85"/>
      <c r="BR1453" s="85"/>
      <c r="BS1453" s="85"/>
      <c r="BT1453" s="85"/>
      <c r="BU1453" s="85"/>
      <c r="BV1453" s="85"/>
      <c r="BW1453" s="85"/>
      <c r="BX1453" s="85"/>
      <c r="BY1453" s="85"/>
      <c r="BZ1453" s="85"/>
      <c r="CA1453" s="85"/>
      <c r="CB1453" s="85"/>
      <c r="CC1453" s="85"/>
      <c r="CD1453" s="85"/>
      <c r="CE1453" s="85"/>
      <c r="CF1453" s="85"/>
      <c r="CG1453" s="85"/>
    </row>
    <row r="1454" spans="1:85" s="9" customFormat="1" x14ac:dyDescent="0.2">
      <c r="A1454" s="85"/>
      <c r="J1454" s="85"/>
      <c r="K1454" s="85"/>
      <c r="L1454" s="85"/>
      <c r="M1454" s="85"/>
      <c r="N1454" s="85"/>
      <c r="O1454" s="85"/>
      <c r="P1454" s="85"/>
      <c r="Q1454" s="85"/>
      <c r="R1454" s="85"/>
      <c r="S1454" s="85"/>
      <c r="T1454" s="85"/>
      <c r="U1454" s="85"/>
      <c r="V1454" s="85"/>
      <c r="W1454" s="85"/>
      <c r="X1454" s="85"/>
      <c r="Y1454" s="85"/>
      <c r="Z1454" s="85"/>
      <c r="AA1454" s="85"/>
      <c r="AB1454" s="85"/>
      <c r="AC1454" s="85"/>
      <c r="AD1454" s="85"/>
      <c r="AE1454" s="85"/>
      <c r="AF1454" s="85"/>
      <c r="AG1454" s="85"/>
      <c r="AH1454" s="85"/>
      <c r="AI1454" s="85"/>
      <c r="AJ1454" s="85"/>
      <c r="AK1454" s="85"/>
      <c r="AL1454" s="85"/>
      <c r="AM1454" s="85"/>
      <c r="AN1454" s="85"/>
      <c r="AO1454" s="85"/>
      <c r="AP1454" s="85"/>
      <c r="AQ1454" s="85"/>
      <c r="AR1454" s="85"/>
      <c r="AS1454" s="85"/>
      <c r="AT1454" s="85"/>
      <c r="AU1454" s="85"/>
      <c r="AV1454" s="85"/>
      <c r="AW1454" s="85"/>
      <c r="AX1454" s="85"/>
      <c r="AY1454" s="85"/>
      <c r="AZ1454" s="85"/>
      <c r="BA1454" s="85"/>
      <c r="BB1454" s="85"/>
      <c r="BC1454" s="85"/>
      <c r="BD1454" s="85"/>
      <c r="BE1454" s="85"/>
      <c r="BF1454" s="85"/>
      <c r="BG1454" s="85"/>
      <c r="BH1454" s="85"/>
      <c r="BI1454" s="85"/>
      <c r="BJ1454" s="85"/>
      <c r="BK1454" s="85"/>
      <c r="BL1454" s="85"/>
      <c r="BM1454" s="85"/>
      <c r="BN1454" s="85"/>
      <c r="BO1454" s="85"/>
      <c r="BP1454" s="85"/>
      <c r="BQ1454" s="85"/>
      <c r="BR1454" s="85"/>
      <c r="BS1454" s="85"/>
      <c r="BT1454" s="85"/>
      <c r="BU1454" s="85"/>
      <c r="BV1454" s="85"/>
      <c r="BW1454" s="85"/>
      <c r="BX1454" s="85"/>
      <c r="BY1454" s="85"/>
      <c r="BZ1454" s="85"/>
      <c r="CA1454" s="85"/>
      <c r="CB1454" s="85"/>
      <c r="CC1454" s="85"/>
      <c r="CD1454" s="85"/>
      <c r="CE1454" s="85"/>
      <c r="CF1454" s="85"/>
      <c r="CG1454" s="85"/>
    </row>
    <row r="1455" spans="1:85" s="9" customFormat="1" x14ac:dyDescent="0.2">
      <c r="A1455" s="85"/>
      <c r="J1455" s="85"/>
      <c r="K1455" s="85"/>
      <c r="L1455" s="85"/>
      <c r="M1455" s="85"/>
      <c r="N1455" s="85"/>
      <c r="O1455" s="85"/>
      <c r="P1455" s="85"/>
      <c r="Q1455" s="85"/>
      <c r="R1455" s="85"/>
      <c r="S1455" s="85"/>
      <c r="T1455" s="85"/>
      <c r="U1455" s="85"/>
      <c r="V1455" s="85"/>
      <c r="W1455" s="85"/>
      <c r="X1455" s="85"/>
      <c r="Y1455" s="85"/>
      <c r="Z1455" s="85"/>
      <c r="AA1455" s="85"/>
      <c r="AB1455" s="85"/>
      <c r="AC1455" s="85"/>
      <c r="AD1455" s="85"/>
      <c r="AE1455" s="85"/>
      <c r="AF1455" s="85"/>
      <c r="AG1455" s="85"/>
      <c r="AH1455" s="85"/>
      <c r="AI1455" s="85"/>
      <c r="AJ1455" s="85"/>
      <c r="AK1455" s="85"/>
      <c r="AL1455" s="85"/>
      <c r="AM1455" s="85"/>
      <c r="AN1455" s="85"/>
      <c r="AO1455" s="85"/>
      <c r="AP1455" s="85"/>
      <c r="AQ1455" s="85"/>
      <c r="AR1455" s="85"/>
      <c r="AS1455" s="85"/>
      <c r="AT1455" s="85"/>
      <c r="AU1455" s="85"/>
      <c r="AV1455" s="85"/>
      <c r="AW1455" s="85"/>
      <c r="AX1455" s="85"/>
      <c r="AY1455" s="85"/>
      <c r="AZ1455" s="85"/>
      <c r="BA1455" s="85"/>
      <c r="BB1455" s="85"/>
      <c r="BC1455" s="85"/>
      <c r="BD1455" s="85"/>
      <c r="BE1455" s="85"/>
      <c r="BF1455" s="85"/>
      <c r="BG1455" s="85"/>
      <c r="BH1455" s="85"/>
      <c r="BI1455" s="85"/>
      <c r="BJ1455" s="85"/>
      <c r="BK1455" s="85"/>
      <c r="BL1455" s="85"/>
      <c r="BM1455" s="85"/>
      <c r="BN1455" s="85"/>
      <c r="BO1455" s="85"/>
      <c r="BP1455" s="85"/>
      <c r="BQ1455" s="85"/>
      <c r="BR1455" s="85"/>
      <c r="BS1455" s="85"/>
      <c r="BT1455" s="85"/>
      <c r="BU1455" s="85"/>
      <c r="BV1455" s="85"/>
      <c r="BW1455" s="85"/>
      <c r="BX1455" s="85"/>
      <c r="BY1455" s="85"/>
      <c r="BZ1455" s="85"/>
      <c r="CA1455" s="85"/>
      <c r="CB1455" s="85"/>
      <c r="CC1455" s="85"/>
      <c r="CD1455" s="85"/>
      <c r="CE1455" s="85"/>
      <c r="CF1455" s="85"/>
      <c r="CG1455" s="85"/>
    </row>
    <row r="1456" spans="1:85" s="9" customFormat="1" x14ac:dyDescent="0.2">
      <c r="A1456" s="85"/>
      <c r="J1456" s="85"/>
      <c r="K1456" s="85"/>
      <c r="L1456" s="85"/>
      <c r="M1456" s="85"/>
      <c r="N1456" s="85"/>
      <c r="O1456" s="85"/>
      <c r="P1456" s="85"/>
      <c r="Q1456" s="85"/>
      <c r="R1456" s="85"/>
      <c r="S1456" s="85"/>
      <c r="T1456" s="85"/>
      <c r="U1456" s="85"/>
      <c r="V1456" s="85"/>
      <c r="W1456" s="85"/>
      <c r="X1456" s="85"/>
      <c r="Y1456" s="85"/>
      <c r="Z1456" s="85"/>
      <c r="AA1456" s="85"/>
      <c r="AB1456" s="85"/>
      <c r="AC1456" s="85"/>
      <c r="AD1456" s="85"/>
      <c r="AE1456" s="85"/>
      <c r="AF1456" s="85"/>
      <c r="AG1456" s="85"/>
      <c r="AH1456" s="85"/>
      <c r="AI1456" s="85"/>
      <c r="AJ1456" s="85"/>
      <c r="AK1456" s="85"/>
      <c r="AL1456" s="85"/>
      <c r="AM1456" s="85"/>
      <c r="AN1456" s="85"/>
      <c r="AO1456" s="85"/>
      <c r="AP1456" s="85"/>
      <c r="AQ1456" s="85"/>
      <c r="AR1456" s="85"/>
      <c r="AS1456" s="85"/>
      <c r="AT1456" s="85"/>
      <c r="AU1456" s="85"/>
      <c r="AV1456" s="85"/>
      <c r="AW1456" s="85"/>
      <c r="AX1456" s="85"/>
      <c r="AY1456" s="85"/>
      <c r="AZ1456" s="85"/>
      <c r="BA1456" s="85"/>
      <c r="BB1456" s="85"/>
      <c r="BC1456" s="85"/>
      <c r="BD1456" s="85"/>
      <c r="BE1456" s="85"/>
      <c r="BF1456" s="85"/>
      <c r="BG1456" s="85"/>
      <c r="BH1456" s="85"/>
      <c r="BI1456" s="85"/>
      <c r="BJ1456" s="85"/>
      <c r="BK1456" s="85"/>
      <c r="BL1456" s="85"/>
      <c r="BM1456" s="85"/>
      <c r="BN1456" s="85"/>
      <c r="BO1456" s="85"/>
      <c r="BP1456" s="85"/>
      <c r="BQ1456" s="85"/>
      <c r="BR1456" s="85"/>
      <c r="BS1456" s="85"/>
      <c r="BT1456" s="85"/>
      <c r="BU1456" s="85"/>
      <c r="BV1456" s="85"/>
      <c r="BW1456" s="85"/>
      <c r="BX1456" s="85"/>
      <c r="BY1456" s="85"/>
      <c r="BZ1456" s="85"/>
      <c r="CA1456" s="85"/>
      <c r="CB1456" s="85"/>
      <c r="CC1456" s="85"/>
      <c r="CD1456" s="85"/>
      <c r="CE1456" s="85"/>
      <c r="CF1456" s="85"/>
      <c r="CG1456" s="85"/>
    </row>
    <row r="1457" spans="1:85" s="9" customFormat="1" x14ac:dyDescent="0.2">
      <c r="A1457" s="85"/>
      <c r="J1457" s="85"/>
      <c r="K1457" s="85"/>
      <c r="L1457" s="85"/>
      <c r="M1457" s="85"/>
      <c r="N1457" s="85"/>
      <c r="O1457" s="85"/>
      <c r="P1457" s="85"/>
      <c r="Q1457" s="85"/>
      <c r="R1457" s="85"/>
      <c r="S1457" s="85"/>
      <c r="T1457" s="85"/>
      <c r="U1457" s="85"/>
      <c r="V1457" s="85"/>
      <c r="W1457" s="85"/>
      <c r="X1457" s="85"/>
      <c r="Y1457" s="85"/>
      <c r="Z1457" s="85"/>
      <c r="AA1457" s="85"/>
      <c r="AB1457" s="85"/>
      <c r="AC1457" s="85"/>
      <c r="AD1457" s="85"/>
      <c r="AE1457" s="85"/>
      <c r="AF1457" s="85"/>
      <c r="AG1457" s="85"/>
      <c r="AH1457" s="85"/>
      <c r="AI1457" s="85"/>
      <c r="AJ1457" s="85"/>
      <c r="AK1457" s="85"/>
      <c r="AL1457" s="85"/>
      <c r="AM1457" s="85"/>
      <c r="AN1457" s="85"/>
      <c r="AO1457" s="85"/>
      <c r="AP1457" s="85"/>
      <c r="AQ1457" s="85"/>
      <c r="AR1457" s="85"/>
      <c r="AS1457" s="85"/>
      <c r="AT1457" s="85"/>
      <c r="AU1457" s="85"/>
      <c r="AV1457" s="85"/>
      <c r="AW1457" s="85"/>
      <c r="AX1457" s="85"/>
      <c r="AY1457" s="85"/>
      <c r="AZ1457" s="85"/>
      <c r="BA1457" s="85"/>
      <c r="BB1457" s="85"/>
      <c r="BC1457" s="85"/>
      <c r="BD1457" s="85"/>
      <c r="BE1457" s="85"/>
      <c r="BF1457" s="85"/>
      <c r="BG1457" s="85"/>
      <c r="BH1457" s="85"/>
      <c r="BI1457" s="85"/>
      <c r="BJ1457" s="85"/>
      <c r="BK1457" s="85"/>
      <c r="BL1457" s="85"/>
      <c r="BM1457" s="85"/>
      <c r="BN1457" s="85"/>
      <c r="BO1457" s="85"/>
      <c r="BP1457" s="85"/>
      <c r="BQ1457" s="85"/>
      <c r="BR1457" s="85"/>
      <c r="BS1457" s="85"/>
      <c r="BT1457" s="85"/>
      <c r="BU1457" s="85"/>
      <c r="BV1457" s="85"/>
      <c r="BW1457" s="85"/>
      <c r="BX1457" s="85"/>
      <c r="BY1457" s="85"/>
      <c r="BZ1457" s="85"/>
      <c r="CA1457" s="85"/>
      <c r="CB1457" s="85"/>
      <c r="CC1457" s="85"/>
      <c r="CD1457" s="85"/>
      <c r="CE1457" s="85"/>
      <c r="CF1457" s="85"/>
      <c r="CG1457" s="85"/>
    </row>
    <row r="1458" spans="1:85" s="9" customFormat="1" x14ac:dyDescent="0.2">
      <c r="A1458" s="85"/>
      <c r="J1458" s="85"/>
      <c r="K1458" s="85"/>
      <c r="L1458" s="85"/>
      <c r="M1458" s="85"/>
      <c r="N1458" s="85"/>
      <c r="O1458" s="85"/>
      <c r="P1458" s="85"/>
      <c r="Q1458" s="85"/>
      <c r="R1458" s="85"/>
      <c r="S1458" s="85"/>
      <c r="T1458" s="85"/>
      <c r="U1458" s="85"/>
      <c r="V1458" s="85"/>
      <c r="W1458" s="85"/>
      <c r="X1458" s="85"/>
      <c r="Y1458" s="85"/>
      <c r="Z1458" s="85"/>
      <c r="AA1458" s="85"/>
      <c r="AB1458" s="85"/>
      <c r="AC1458" s="85"/>
      <c r="AD1458" s="85"/>
      <c r="AE1458" s="85"/>
      <c r="AF1458" s="85"/>
      <c r="AG1458" s="85"/>
      <c r="AH1458" s="85"/>
      <c r="AI1458" s="85"/>
      <c r="AJ1458" s="85"/>
      <c r="AK1458" s="85"/>
      <c r="AL1458" s="85"/>
      <c r="AM1458" s="85"/>
      <c r="AN1458" s="85"/>
      <c r="AO1458" s="85"/>
      <c r="AP1458" s="85"/>
      <c r="AQ1458" s="85"/>
      <c r="AR1458" s="85"/>
      <c r="AS1458" s="85"/>
      <c r="AT1458" s="85"/>
      <c r="AU1458" s="85"/>
      <c r="AV1458" s="85"/>
      <c r="AW1458" s="85"/>
      <c r="AX1458" s="85"/>
      <c r="AY1458" s="85"/>
      <c r="AZ1458" s="85"/>
      <c r="BA1458" s="85"/>
      <c r="BB1458" s="85"/>
      <c r="BC1458" s="85"/>
      <c r="BD1458" s="85"/>
      <c r="BE1458" s="85"/>
      <c r="BF1458" s="85"/>
      <c r="BG1458" s="85"/>
      <c r="BH1458" s="85"/>
      <c r="BI1458" s="85"/>
      <c r="BJ1458" s="85"/>
      <c r="BK1458" s="85"/>
      <c r="BL1458" s="85"/>
      <c r="BM1458" s="85"/>
      <c r="BN1458" s="85"/>
      <c r="BO1458" s="85"/>
      <c r="BP1458" s="85"/>
      <c r="BQ1458" s="85"/>
      <c r="BR1458" s="85"/>
      <c r="BS1458" s="85"/>
      <c r="BT1458" s="85"/>
      <c r="BU1458" s="85"/>
      <c r="BV1458" s="85"/>
      <c r="BW1458" s="85"/>
      <c r="BX1458" s="85"/>
      <c r="BY1458" s="85"/>
      <c r="BZ1458" s="85"/>
      <c r="CA1458" s="85"/>
      <c r="CB1458" s="85"/>
      <c r="CC1458" s="85"/>
      <c r="CD1458" s="85"/>
      <c r="CE1458" s="85"/>
      <c r="CF1458" s="85"/>
      <c r="CG1458" s="85"/>
    </row>
    <row r="1459" spans="1:85" s="9" customFormat="1" x14ac:dyDescent="0.2">
      <c r="A1459" s="85"/>
      <c r="J1459" s="85"/>
      <c r="K1459" s="85"/>
      <c r="L1459" s="85"/>
      <c r="M1459" s="85"/>
      <c r="N1459" s="85"/>
      <c r="O1459" s="85"/>
      <c r="P1459" s="85"/>
      <c r="Q1459" s="85"/>
      <c r="R1459" s="85"/>
      <c r="S1459" s="85"/>
      <c r="T1459" s="85"/>
      <c r="U1459" s="85"/>
      <c r="V1459" s="85"/>
      <c r="W1459" s="85"/>
      <c r="X1459" s="85"/>
      <c r="Y1459" s="85"/>
      <c r="Z1459" s="85"/>
      <c r="AA1459" s="85"/>
      <c r="AB1459" s="85"/>
      <c r="AC1459" s="85"/>
      <c r="AD1459" s="85"/>
      <c r="AE1459" s="85"/>
      <c r="AF1459" s="85"/>
      <c r="AG1459" s="85"/>
      <c r="AH1459" s="85"/>
      <c r="AI1459" s="85"/>
      <c r="AJ1459" s="85"/>
      <c r="AK1459" s="85"/>
      <c r="AL1459" s="85"/>
      <c r="AM1459" s="85"/>
      <c r="AN1459" s="85"/>
      <c r="AO1459" s="85"/>
      <c r="AP1459" s="85"/>
      <c r="AQ1459" s="85"/>
      <c r="AR1459" s="85"/>
      <c r="AS1459" s="85"/>
      <c r="AT1459" s="85"/>
      <c r="AU1459" s="85"/>
      <c r="AV1459" s="85"/>
      <c r="AW1459" s="85"/>
      <c r="AX1459" s="85"/>
      <c r="AY1459" s="85"/>
      <c r="AZ1459" s="85"/>
      <c r="BA1459" s="85"/>
      <c r="BB1459" s="85"/>
      <c r="BC1459" s="85"/>
      <c r="BD1459" s="85"/>
      <c r="BE1459" s="85"/>
      <c r="BF1459" s="85"/>
      <c r="BG1459" s="85"/>
      <c r="BH1459" s="85"/>
      <c r="BI1459" s="85"/>
      <c r="BJ1459" s="85"/>
      <c r="BK1459" s="85"/>
      <c r="BL1459" s="85"/>
      <c r="BM1459" s="85"/>
      <c r="BN1459" s="85"/>
      <c r="BO1459" s="85"/>
      <c r="BP1459" s="85"/>
      <c r="BQ1459" s="85"/>
      <c r="BR1459" s="85"/>
      <c r="BS1459" s="85"/>
      <c r="BT1459" s="85"/>
      <c r="BU1459" s="85"/>
      <c r="BV1459" s="85"/>
      <c r="BW1459" s="85"/>
      <c r="BX1459" s="85"/>
      <c r="BY1459" s="85"/>
      <c r="BZ1459" s="85"/>
      <c r="CA1459" s="85"/>
      <c r="CB1459" s="85"/>
      <c r="CC1459" s="85"/>
      <c r="CD1459" s="85"/>
      <c r="CE1459" s="85"/>
      <c r="CF1459" s="85"/>
      <c r="CG1459" s="85"/>
    </row>
    <row r="1460" spans="1:85" s="9" customFormat="1" x14ac:dyDescent="0.2">
      <c r="A1460" s="85"/>
      <c r="J1460" s="85"/>
      <c r="K1460" s="85"/>
      <c r="L1460" s="85"/>
      <c r="M1460" s="85"/>
      <c r="N1460" s="85"/>
      <c r="O1460" s="85"/>
      <c r="P1460" s="85"/>
      <c r="Q1460" s="85"/>
      <c r="R1460" s="85"/>
      <c r="S1460" s="85"/>
      <c r="T1460" s="85"/>
      <c r="U1460" s="85"/>
      <c r="V1460" s="85"/>
      <c r="W1460" s="85"/>
      <c r="X1460" s="85"/>
      <c r="Y1460" s="85"/>
      <c r="Z1460" s="85"/>
      <c r="AA1460" s="85"/>
      <c r="AB1460" s="85"/>
      <c r="AC1460" s="85"/>
      <c r="AD1460" s="85"/>
      <c r="AE1460" s="85"/>
      <c r="AF1460" s="85"/>
      <c r="AG1460" s="85"/>
      <c r="AH1460" s="85"/>
      <c r="AI1460" s="85"/>
      <c r="AJ1460" s="85"/>
      <c r="AK1460" s="85"/>
      <c r="AL1460" s="85"/>
      <c r="AM1460" s="85"/>
      <c r="AN1460" s="85"/>
      <c r="AO1460" s="85"/>
      <c r="AP1460" s="85"/>
      <c r="AQ1460" s="85"/>
      <c r="AR1460" s="85"/>
      <c r="AS1460" s="85"/>
      <c r="AT1460" s="85"/>
      <c r="AU1460" s="85"/>
      <c r="AV1460" s="85"/>
      <c r="AW1460" s="85"/>
      <c r="AX1460" s="85"/>
      <c r="AY1460" s="85"/>
      <c r="AZ1460" s="85"/>
      <c r="BA1460" s="85"/>
      <c r="BB1460" s="85"/>
      <c r="BC1460" s="85"/>
      <c r="BD1460" s="85"/>
      <c r="BE1460" s="85"/>
      <c r="BF1460" s="85"/>
      <c r="BG1460" s="85"/>
      <c r="BH1460" s="85"/>
      <c r="BI1460" s="85"/>
      <c r="BJ1460" s="85"/>
      <c r="BK1460" s="85"/>
      <c r="BL1460" s="85"/>
      <c r="BM1460" s="85"/>
      <c r="BN1460" s="85"/>
      <c r="BO1460" s="85"/>
      <c r="BP1460" s="85"/>
      <c r="BQ1460" s="85"/>
      <c r="BR1460" s="85"/>
      <c r="BS1460" s="85"/>
      <c r="BT1460" s="85"/>
      <c r="BU1460" s="85"/>
      <c r="BV1460" s="85"/>
      <c r="BW1460" s="85"/>
      <c r="BX1460" s="85"/>
      <c r="BY1460" s="85"/>
      <c r="BZ1460" s="85"/>
      <c r="CA1460" s="85"/>
      <c r="CB1460" s="85"/>
      <c r="CC1460" s="85"/>
      <c r="CD1460" s="85"/>
      <c r="CE1460" s="85"/>
      <c r="CF1460" s="85"/>
      <c r="CG1460" s="85"/>
    </row>
    <row r="1461" spans="1:85" s="9" customFormat="1" x14ac:dyDescent="0.2">
      <c r="A1461" s="85"/>
      <c r="J1461" s="85"/>
      <c r="K1461" s="85"/>
      <c r="L1461" s="85"/>
      <c r="M1461" s="85"/>
      <c r="N1461" s="85"/>
      <c r="O1461" s="85"/>
      <c r="P1461" s="85"/>
      <c r="Q1461" s="85"/>
      <c r="R1461" s="85"/>
      <c r="S1461" s="85"/>
      <c r="T1461" s="85"/>
      <c r="U1461" s="85"/>
      <c r="V1461" s="85"/>
      <c r="W1461" s="85"/>
      <c r="X1461" s="85"/>
      <c r="Y1461" s="85"/>
      <c r="Z1461" s="85"/>
      <c r="AA1461" s="85"/>
      <c r="AB1461" s="85"/>
      <c r="AC1461" s="85"/>
      <c r="AD1461" s="85"/>
      <c r="AE1461" s="85"/>
      <c r="AF1461" s="85"/>
      <c r="AG1461" s="85"/>
      <c r="AH1461" s="85"/>
      <c r="AI1461" s="85"/>
      <c r="AJ1461" s="85"/>
      <c r="AK1461" s="85"/>
      <c r="AL1461" s="85"/>
      <c r="AM1461" s="85"/>
      <c r="AN1461" s="85"/>
      <c r="AO1461" s="85"/>
      <c r="AP1461" s="85"/>
      <c r="AQ1461" s="85"/>
      <c r="AR1461" s="85"/>
      <c r="AS1461" s="85"/>
      <c r="AT1461" s="85"/>
      <c r="AU1461" s="85"/>
      <c r="AV1461" s="85"/>
      <c r="AW1461" s="85"/>
      <c r="AX1461" s="85"/>
      <c r="AY1461" s="85"/>
      <c r="AZ1461" s="85"/>
      <c r="BA1461" s="85"/>
      <c r="BB1461" s="85"/>
      <c r="BC1461" s="85"/>
      <c r="BD1461" s="85"/>
      <c r="BE1461" s="85"/>
      <c r="BF1461" s="85"/>
      <c r="BG1461" s="85"/>
      <c r="BH1461" s="85"/>
      <c r="BI1461" s="85"/>
      <c r="BJ1461" s="85"/>
      <c r="BK1461" s="85"/>
      <c r="BL1461" s="85"/>
      <c r="BM1461" s="85"/>
      <c r="BN1461" s="85"/>
      <c r="BO1461" s="85"/>
      <c r="BP1461" s="85"/>
      <c r="BQ1461" s="85"/>
      <c r="BR1461" s="85"/>
      <c r="BS1461" s="85"/>
      <c r="BT1461" s="85"/>
      <c r="BU1461" s="85"/>
      <c r="BV1461" s="85"/>
      <c r="BW1461" s="85"/>
      <c r="BX1461" s="85"/>
      <c r="BY1461" s="85"/>
      <c r="BZ1461" s="85"/>
      <c r="CA1461" s="85"/>
      <c r="CB1461" s="85"/>
      <c r="CC1461" s="85"/>
      <c r="CD1461" s="85"/>
      <c r="CE1461" s="85"/>
      <c r="CF1461" s="85"/>
      <c r="CG1461" s="85"/>
    </row>
    <row r="1462" spans="1:85" s="9" customFormat="1" x14ac:dyDescent="0.2">
      <c r="A1462" s="85"/>
      <c r="J1462" s="85"/>
      <c r="K1462" s="85"/>
      <c r="L1462" s="85"/>
      <c r="M1462" s="85"/>
      <c r="N1462" s="85"/>
      <c r="O1462" s="85"/>
      <c r="P1462" s="85"/>
      <c r="Q1462" s="85"/>
      <c r="R1462" s="85"/>
      <c r="S1462" s="85"/>
      <c r="T1462" s="85"/>
      <c r="U1462" s="85"/>
      <c r="V1462" s="85"/>
      <c r="W1462" s="85"/>
      <c r="X1462" s="85"/>
      <c r="Y1462" s="85"/>
      <c r="Z1462" s="85"/>
      <c r="AA1462" s="85"/>
      <c r="AB1462" s="85"/>
      <c r="AC1462" s="85"/>
      <c r="AD1462" s="85"/>
      <c r="AE1462" s="85"/>
      <c r="AF1462" s="85"/>
      <c r="AG1462" s="85"/>
      <c r="AH1462" s="85"/>
      <c r="AI1462" s="85"/>
      <c r="AJ1462" s="85"/>
      <c r="AK1462" s="85"/>
      <c r="AL1462" s="85"/>
      <c r="AM1462" s="85"/>
      <c r="AN1462" s="85"/>
      <c r="AO1462" s="85"/>
      <c r="AP1462" s="85"/>
      <c r="AQ1462" s="85"/>
      <c r="AR1462" s="85"/>
      <c r="AS1462" s="85"/>
      <c r="AT1462" s="85"/>
      <c r="AU1462" s="85"/>
      <c r="AV1462" s="85"/>
      <c r="AW1462" s="85"/>
      <c r="AX1462" s="85"/>
      <c r="AY1462" s="85"/>
      <c r="AZ1462" s="85"/>
      <c r="BA1462" s="85"/>
      <c r="BB1462" s="85"/>
      <c r="BC1462" s="85"/>
      <c r="BD1462" s="85"/>
      <c r="BE1462" s="85"/>
      <c r="BF1462" s="85"/>
      <c r="BG1462" s="85"/>
      <c r="BH1462" s="85"/>
      <c r="BI1462" s="85"/>
      <c r="BJ1462" s="85"/>
      <c r="BK1462" s="85"/>
      <c r="BL1462" s="85"/>
      <c r="BM1462" s="85"/>
      <c r="BN1462" s="85"/>
      <c r="BO1462" s="85"/>
      <c r="BP1462" s="85"/>
      <c r="BQ1462" s="85"/>
      <c r="BR1462" s="85"/>
      <c r="BS1462" s="85"/>
      <c r="BT1462" s="85"/>
      <c r="BU1462" s="85"/>
      <c r="BV1462" s="85"/>
      <c r="BW1462" s="85"/>
      <c r="BX1462" s="85"/>
      <c r="BY1462" s="85"/>
      <c r="BZ1462" s="85"/>
      <c r="CA1462" s="85"/>
      <c r="CB1462" s="85"/>
      <c r="CC1462" s="85"/>
      <c r="CD1462" s="85"/>
      <c r="CE1462" s="85"/>
      <c r="CF1462" s="85"/>
      <c r="CG1462" s="85"/>
    </row>
    <row r="1463" spans="1:85" s="9" customFormat="1" x14ac:dyDescent="0.2">
      <c r="A1463" s="85"/>
      <c r="J1463" s="85"/>
      <c r="K1463" s="85"/>
      <c r="L1463" s="85"/>
      <c r="M1463" s="85"/>
      <c r="N1463" s="85"/>
      <c r="O1463" s="85"/>
      <c r="P1463" s="85"/>
      <c r="Q1463" s="85"/>
      <c r="R1463" s="85"/>
      <c r="S1463" s="85"/>
      <c r="T1463" s="85"/>
      <c r="U1463" s="85"/>
      <c r="V1463" s="85"/>
      <c r="W1463" s="85"/>
      <c r="X1463" s="85"/>
      <c r="Y1463" s="85"/>
      <c r="Z1463" s="85"/>
      <c r="AA1463" s="85"/>
      <c r="AB1463" s="85"/>
      <c r="AC1463" s="85"/>
      <c r="AD1463" s="85"/>
      <c r="AE1463" s="85"/>
      <c r="AF1463" s="85"/>
      <c r="AG1463" s="85"/>
      <c r="AH1463" s="85"/>
      <c r="AI1463" s="85"/>
      <c r="AJ1463" s="85"/>
      <c r="AK1463" s="85"/>
      <c r="AL1463" s="85"/>
      <c r="AM1463" s="85"/>
      <c r="AN1463" s="85"/>
      <c r="AO1463" s="85"/>
      <c r="AP1463" s="85"/>
      <c r="AQ1463" s="85"/>
      <c r="AR1463" s="85"/>
      <c r="AS1463" s="85"/>
      <c r="AT1463" s="85"/>
      <c r="AU1463" s="85"/>
      <c r="AV1463" s="85"/>
      <c r="AW1463" s="85"/>
      <c r="AX1463" s="85"/>
      <c r="AY1463" s="85"/>
      <c r="AZ1463" s="85"/>
      <c r="BA1463" s="85"/>
      <c r="BB1463" s="85"/>
      <c r="BC1463" s="85"/>
      <c r="BD1463" s="85"/>
      <c r="BE1463" s="85"/>
      <c r="BF1463" s="85"/>
      <c r="BG1463" s="85"/>
      <c r="BH1463" s="85"/>
      <c r="BI1463" s="85"/>
      <c r="BJ1463" s="85"/>
      <c r="BK1463" s="85"/>
      <c r="BL1463" s="85"/>
      <c r="BM1463" s="85"/>
      <c r="BN1463" s="85"/>
      <c r="BO1463" s="85"/>
      <c r="BP1463" s="85"/>
      <c r="BQ1463" s="85"/>
      <c r="BR1463" s="85"/>
      <c r="BS1463" s="85"/>
      <c r="BT1463" s="85"/>
      <c r="BU1463" s="85"/>
      <c r="BV1463" s="85"/>
      <c r="BW1463" s="85"/>
      <c r="BX1463" s="85"/>
      <c r="BY1463" s="85"/>
      <c r="BZ1463" s="85"/>
      <c r="CA1463" s="85"/>
      <c r="CB1463" s="85"/>
      <c r="CC1463" s="85"/>
      <c r="CD1463" s="85"/>
      <c r="CE1463" s="85"/>
      <c r="CF1463" s="85"/>
      <c r="CG1463" s="85"/>
    </row>
    <row r="1464" spans="1:85" s="9" customFormat="1" x14ac:dyDescent="0.2">
      <c r="A1464" s="85"/>
      <c r="J1464" s="85"/>
      <c r="K1464" s="85"/>
      <c r="L1464" s="85"/>
      <c r="M1464" s="85"/>
      <c r="N1464" s="85"/>
      <c r="O1464" s="85"/>
      <c r="P1464" s="85"/>
      <c r="Q1464" s="85"/>
      <c r="R1464" s="85"/>
      <c r="S1464" s="85"/>
      <c r="T1464" s="85"/>
      <c r="U1464" s="85"/>
      <c r="V1464" s="85"/>
      <c r="W1464" s="85"/>
      <c r="X1464" s="85"/>
      <c r="Y1464" s="85"/>
      <c r="Z1464" s="85"/>
      <c r="AA1464" s="85"/>
      <c r="AB1464" s="85"/>
      <c r="AC1464" s="85"/>
      <c r="AD1464" s="85"/>
      <c r="AE1464" s="85"/>
      <c r="AF1464" s="85"/>
      <c r="AG1464" s="85"/>
      <c r="AH1464" s="85"/>
      <c r="AI1464" s="85"/>
      <c r="AJ1464" s="85"/>
      <c r="AK1464" s="85"/>
      <c r="AL1464" s="85"/>
      <c r="AM1464" s="85"/>
      <c r="AN1464" s="85"/>
      <c r="AO1464" s="85"/>
      <c r="AP1464" s="85"/>
      <c r="AQ1464" s="85"/>
      <c r="AR1464" s="85"/>
      <c r="AS1464" s="85"/>
      <c r="AT1464" s="85"/>
      <c r="AU1464" s="85"/>
      <c r="AV1464" s="85"/>
      <c r="AW1464" s="85"/>
      <c r="AX1464" s="85"/>
      <c r="AY1464" s="85"/>
      <c r="AZ1464" s="85"/>
      <c r="BA1464" s="85"/>
      <c r="BB1464" s="85"/>
      <c r="BC1464" s="85"/>
      <c r="BD1464" s="85"/>
      <c r="BE1464" s="85"/>
      <c r="BF1464" s="85"/>
      <c r="BG1464" s="85"/>
      <c r="BH1464" s="85"/>
      <c r="BI1464" s="85"/>
      <c r="BJ1464" s="85"/>
      <c r="BK1464" s="85"/>
      <c r="BL1464" s="85"/>
      <c r="BM1464" s="85"/>
      <c r="BN1464" s="85"/>
      <c r="BO1464" s="85"/>
      <c r="BP1464" s="85"/>
      <c r="BQ1464" s="85"/>
      <c r="BR1464" s="85"/>
      <c r="BS1464" s="85"/>
      <c r="BT1464" s="85"/>
      <c r="BU1464" s="85"/>
      <c r="BV1464" s="85"/>
      <c r="BW1464" s="85"/>
      <c r="BX1464" s="85"/>
      <c r="BY1464" s="85"/>
      <c r="BZ1464" s="85"/>
      <c r="CA1464" s="85"/>
      <c r="CB1464" s="85"/>
      <c r="CC1464" s="85"/>
      <c r="CD1464" s="85"/>
      <c r="CE1464" s="85"/>
      <c r="CF1464" s="85"/>
      <c r="CG1464" s="85"/>
    </row>
    <row r="1465" spans="1:85" s="9" customFormat="1" x14ac:dyDescent="0.2">
      <c r="A1465" s="85"/>
      <c r="J1465" s="85"/>
      <c r="K1465" s="85"/>
      <c r="L1465" s="85"/>
      <c r="M1465" s="85"/>
      <c r="N1465" s="85"/>
      <c r="O1465" s="85"/>
      <c r="P1465" s="85"/>
      <c r="Q1465" s="85"/>
      <c r="R1465" s="85"/>
      <c r="S1465" s="85"/>
      <c r="T1465" s="85"/>
      <c r="U1465" s="85"/>
      <c r="V1465" s="85"/>
      <c r="W1465" s="85"/>
      <c r="X1465" s="85"/>
      <c r="Y1465" s="85"/>
      <c r="Z1465" s="85"/>
      <c r="AA1465" s="85"/>
      <c r="AB1465" s="85"/>
      <c r="AC1465" s="85"/>
      <c r="AD1465" s="85"/>
      <c r="AE1465" s="85"/>
      <c r="AF1465" s="85"/>
      <c r="AG1465" s="85"/>
      <c r="AH1465" s="85"/>
      <c r="AI1465" s="85"/>
      <c r="AJ1465" s="85"/>
      <c r="AK1465" s="85"/>
      <c r="AL1465" s="85"/>
      <c r="AM1465" s="85"/>
      <c r="AN1465" s="85"/>
      <c r="AO1465" s="85"/>
      <c r="AP1465" s="85"/>
      <c r="AQ1465" s="85"/>
      <c r="AR1465" s="85"/>
      <c r="AS1465" s="85"/>
      <c r="AT1465" s="85"/>
      <c r="AU1465" s="85"/>
      <c r="AV1465" s="85"/>
      <c r="AW1465" s="85"/>
      <c r="AX1465" s="85"/>
      <c r="AY1465" s="85"/>
      <c r="AZ1465" s="85"/>
      <c r="BA1465" s="85"/>
      <c r="BB1465" s="85"/>
      <c r="BC1465" s="85"/>
      <c r="BD1465" s="85"/>
      <c r="BE1465" s="85"/>
      <c r="BF1465" s="85"/>
      <c r="BG1465" s="85"/>
      <c r="BH1465" s="85"/>
      <c r="BI1465" s="85"/>
      <c r="BJ1465" s="85"/>
      <c r="BK1465" s="85"/>
      <c r="BL1465" s="85"/>
      <c r="BM1465" s="85"/>
      <c r="BN1465" s="85"/>
      <c r="BO1465" s="85"/>
      <c r="BP1465" s="85"/>
      <c r="BQ1465" s="85"/>
      <c r="BR1465" s="85"/>
      <c r="BS1465" s="85"/>
      <c r="BT1465" s="85"/>
      <c r="BU1465" s="85"/>
      <c r="BV1465" s="85"/>
      <c r="BW1465" s="85"/>
      <c r="BX1465" s="85"/>
      <c r="BY1465" s="85"/>
      <c r="BZ1465" s="85"/>
      <c r="CA1465" s="85"/>
      <c r="CB1465" s="85"/>
      <c r="CC1465" s="85"/>
      <c r="CD1465" s="85"/>
      <c r="CE1465" s="85"/>
      <c r="CF1465" s="85"/>
      <c r="CG1465" s="85"/>
    </row>
    <row r="1466" spans="1:85" s="9" customFormat="1" x14ac:dyDescent="0.2">
      <c r="A1466" s="85"/>
      <c r="J1466" s="85"/>
      <c r="K1466" s="85"/>
      <c r="L1466" s="85"/>
      <c r="M1466" s="85"/>
      <c r="N1466" s="85"/>
      <c r="O1466" s="85"/>
      <c r="P1466" s="85"/>
      <c r="Q1466" s="85"/>
      <c r="R1466" s="85"/>
      <c r="S1466" s="85"/>
      <c r="T1466" s="85"/>
      <c r="U1466" s="85"/>
      <c r="V1466" s="85"/>
      <c r="W1466" s="85"/>
      <c r="X1466" s="85"/>
      <c r="Y1466" s="85"/>
      <c r="Z1466" s="85"/>
      <c r="AA1466" s="85"/>
      <c r="AB1466" s="85"/>
      <c r="AC1466" s="85"/>
      <c r="AD1466" s="85"/>
      <c r="AE1466" s="85"/>
      <c r="AF1466" s="85"/>
      <c r="AG1466" s="85"/>
      <c r="AH1466" s="85"/>
      <c r="AI1466" s="85"/>
      <c r="AJ1466" s="85"/>
      <c r="AK1466" s="85"/>
      <c r="AL1466" s="85"/>
      <c r="AM1466" s="85"/>
      <c r="AN1466" s="85"/>
      <c r="AO1466" s="85"/>
      <c r="AP1466" s="85"/>
      <c r="AQ1466" s="85"/>
      <c r="AR1466" s="85"/>
      <c r="AS1466" s="85"/>
      <c r="AT1466" s="85"/>
      <c r="AU1466" s="85"/>
      <c r="AV1466" s="85"/>
      <c r="AW1466" s="85"/>
      <c r="AX1466" s="85"/>
      <c r="AY1466" s="85"/>
      <c r="AZ1466" s="85"/>
      <c r="BA1466" s="85"/>
      <c r="BB1466" s="85"/>
      <c r="BC1466" s="85"/>
      <c r="BD1466" s="85"/>
      <c r="BE1466" s="85"/>
      <c r="BF1466" s="85"/>
      <c r="BG1466" s="85"/>
      <c r="BH1466" s="85"/>
      <c r="BI1466" s="85"/>
      <c r="BJ1466" s="85"/>
      <c r="BK1466" s="85"/>
      <c r="BL1466" s="85"/>
      <c r="BM1466" s="85"/>
      <c r="BN1466" s="85"/>
      <c r="BO1466" s="85"/>
      <c r="BP1466" s="85"/>
      <c r="BQ1466" s="85"/>
      <c r="BR1466" s="85"/>
      <c r="BS1466" s="85"/>
      <c r="BT1466" s="85"/>
      <c r="BU1466" s="85"/>
      <c r="BV1466" s="85"/>
      <c r="BW1466" s="85"/>
      <c r="BX1466" s="85"/>
      <c r="BY1466" s="85"/>
      <c r="BZ1466" s="85"/>
      <c r="CA1466" s="85"/>
      <c r="CB1466" s="85"/>
      <c r="CC1466" s="85"/>
      <c r="CD1466" s="85"/>
      <c r="CE1466" s="85"/>
      <c r="CF1466" s="85"/>
      <c r="CG1466" s="85"/>
    </row>
    <row r="1467" spans="1:85" s="9" customFormat="1" x14ac:dyDescent="0.2">
      <c r="A1467" s="85"/>
      <c r="J1467" s="85"/>
      <c r="K1467" s="85"/>
      <c r="L1467" s="85"/>
      <c r="M1467" s="85"/>
      <c r="N1467" s="85"/>
      <c r="O1467" s="85"/>
      <c r="P1467" s="85"/>
      <c r="Q1467" s="85"/>
      <c r="R1467" s="85"/>
      <c r="S1467" s="85"/>
      <c r="T1467" s="85"/>
      <c r="U1467" s="85"/>
      <c r="V1467" s="85"/>
      <c r="W1467" s="85"/>
      <c r="X1467" s="85"/>
      <c r="Y1467" s="85"/>
      <c r="Z1467" s="85"/>
      <c r="AA1467" s="85"/>
      <c r="AB1467" s="85"/>
      <c r="AC1467" s="85"/>
      <c r="AD1467" s="85"/>
      <c r="AE1467" s="85"/>
      <c r="AF1467" s="85"/>
      <c r="AG1467" s="85"/>
      <c r="AH1467" s="85"/>
      <c r="AI1467" s="85"/>
      <c r="AJ1467" s="85"/>
      <c r="AK1467" s="85"/>
      <c r="AL1467" s="85"/>
      <c r="AM1467" s="85"/>
      <c r="AN1467" s="85"/>
      <c r="AO1467" s="85"/>
      <c r="AP1467" s="85"/>
      <c r="AQ1467" s="85"/>
      <c r="AR1467" s="85"/>
      <c r="AS1467" s="85"/>
      <c r="AT1467" s="85"/>
      <c r="AU1467" s="85"/>
      <c r="AV1467" s="85"/>
      <c r="AW1467" s="85"/>
      <c r="AX1467" s="85"/>
      <c r="AY1467" s="85"/>
      <c r="AZ1467" s="85"/>
      <c r="BA1467" s="85"/>
      <c r="BB1467" s="85"/>
      <c r="BC1467" s="85"/>
      <c r="BD1467" s="85"/>
      <c r="BE1467" s="85"/>
      <c r="BF1467" s="85"/>
      <c r="BG1467" s="85"/>
      <c r="BH1467" s="85"/>
      <c r="BI1467" s="85"/>
      <c r="BJ1467" s="85"/>
      <c r="BK1467" s="85"/>
      <c r="BL1467" s="85"/>
      <c r="BM1467" s="85"/>
      <c r="BN1467" s="85"/>
      <c r="BO1467" s="85"/>
      <c r="BP1467" s="85"/>
      <c r="BQ1467" s="85"/>
      <c r="BR1467" s="85"/>
      <c r="BS1467" s="85"/>
      <c r="BT1467" s="85"/>
      <c r="BU1467" s="85"/>
      <c r="BV1467" s="85"/>
      <c r="BW1467" s="85"/>
      <c r="BX1467" s="85"/>
      <c r="BY1467" s="85"/>
      <c r="BZ1467" s="85"/>
      <c r="CA1467" s="85"/>
      <c r="CB1467" s="85"/>
      <c r="CC1467" s="85"/>
      <c r="CD1467" s="85"/>
      <c r="CE1467" s="85"/>
      <c r="CF1467" s="85"/>
      <c r="CG1467" s="85"/>
    </row>
    <row r="1468" spans="1:85" s="9" customFormat="1" x14ac:dyDescent="0.2">
      <c r="A1468" s="85"/>
      <c r="J1468" s="85"/>
      <c r="K1468" s="85"/>
      <c r="L1468" s="85"/>
      <c r="M1468" s="85"/>
      <c r="N1468" s="85"/>
      <c r="O1468" s="85"/>
      <c r="P1468" s="85"/>
      <c r="Q1468" s="85"/>
      <c r="R1468" s="85"/>
      <c r="S1468" s="85"/>
      <c r="T1468" s="85"/>
      <c r="U1468" s="85"/>
      <c r="V1468" s="85"/>
      <c r="W1468" s="85"/>
      <c r="X1468" s="85"/>
      <c r="Y1468" s="85"/>
      <c r="Z1468" s="85"/>
      <c r="AA1468" s="85"/>
      <c r="AB1468" s="85"/>
      <c r="AC1468" s="85"/>
      <c r="AD1468" s="85"/>
      <c r="AE1468" s="85"/>
      <c r="AF1468" s="85"/>
      <c r="AG1468" s="85"/>
      <c r="AH1468" s="85"/>
      <c r="AI1468" s="85"/>
      <c r="AJ1468" s="85"/>
      <c r="AK1468" s="85"/>
      <c r="AL1468" s="85"/>
      <c r="AM1468" s="85"/>
      <c r="AN1468" s="85"/>
      <c r="AO1468" s="85"/>
      <c r="AP1468" s="85"/>
      <c r="AQ1468" s="85"/>
      <c r="AR1468" s="85"/>
      <c r="AS1468" s="85"/>
      <c r="AT1468" s="85"/>
      <c r="AU1468" s="85"/>
      <c r="AV1468" s="85"/>
      <c r="AW1468" s="85"/>
      <c r="AX1468" s="85"/>
      <c r="AY1468" s="85"/>
      <c r="AZ1468" s="85"/>
      <c r="BA1468" s="85"/>
      <c r="BB1468" s="85"/>
      <c r="BC1468" s="85"/>
      <c r="BD1468" s="85"/>
      <c r="BE1468" s="85"/>
      <c r="BF1468" s="85"/>
      <c r="BG1468" s="85"/>
      <c r="BH1468" s="85"/>
      <c r="BI1468" s="85"/>
      <c r="BJ1468" s="85"/>
      <c r="BK1468" s="85"/>
      <c r="BL1468" s="85"/>
      <c r="BM1468" s="85"/>
      <c r="BN1468" s="85"/>
      <c r="BO1468" s="85"/>
      <c r="BP1468" s="85"/>
      <c r="BQ1468" s="85"/>
      <c r="BR1468" s="85"/>
      <c r="BS1468" s="85"/>
      <c r="BT1468" s="85"/>
      <c r="BU1468" s="85"/>
      <c r="BV1468" s="85"/>
      <c r="BW1468" s="85"/>
      <c r="BX1468" s="85"/>
      <c r="BY1468" s="85"/>
      <c r="BZ1468" s="85"/>
      <c r="CA1468" s="85"/>
      <c r="CB1468" s="85"/>
      <c r="CC1468" s="85"/>
      <c r="CD1468" s="85"/>
      <c r="CE1468" s="85"/>
      <c r="CF1468" s="85"/>
      <c r="CG1468" s="85"/>
    </row>
    <row r="1469" spans="1:85" s="9" customFormat="1" x14ac:dyDescent="0.2">
      <c r="A1469" s="85"/>
      <c r="J1469" s="85"/>
      <c r="K1469" s="85"/>
      <c r="L1469" s="85"/>
      <c r="M1469" s="85"/>
      <c r="N1469" s="85"/>
      <c r="O1469" s="85"/>
      <c r="P1469" s="85"/>
      <c r="Q1469" s="85"/>
      <c r="R1469" s="85"/>
      <c r="S1469" s="85"/>
      <c r="T1469" s="85"/>
      <c r="U1469" s="85"/>
      <c r="V1469" s="85"/>
      <c r="W1469" s="85"/>
      <c r="X1469" s="85"/>
      <c r="Y1469" s="85"/>
      <c r="Z1469" s="85"/>
      <c r="AA1469" s="85"/>
      <c r="AB1469" s="85"/>
      <c r="AC1469" s="85"/>
      <c r="AD1469" s="85"/>
      <c r="AE1469" s="85"/>
      <c r="AF1469" s="85"/>
      <c r="AG1469" s="85"/>
      <c r="AH1469" s="85"/>
      <c r="AI1469" s="85"/>
      <c r="AJ1469" s="85"/>
      <c r="AK1469" s="85"/>
      <c r="AL1469" s="85"/>
      <c r="AM1469" s="85"/>
      <c r="AN1469" s="85"/>
      <c r="AO1469" s="85"/>
      <c r="AP1469" s="85"/>
      <c r="AQ1469" s="85"/>
      <c r="AR1469" s="85"/>
      <c r="AS1469" s="85"/>
      <c r="AT1469" s="85"/>
      <c r="AU1469" s="85"/>
      <c r="AV1469" s="85"/>
      <c r="AW1469" s="85"/>
      <c r="AX1469" s="85"/>
      <c r="AY1469" s="85"/>
      <c r="AZ1469" s="85"/>
      <c r="BA1469" s="85"/>
      <c r="BB1469" s="85"/>
      <c r="BC1469" s="85"/>
      <c r="BD1469" s="85"/>
      <c r="BE1469" s="85"/>
      <c r="BF1469" s="85"/>
      <c r="BG1469" s="85"/>
      <c r="BH1469" s="85"/>
      <c r="BI1469" s="85"/>
      <c r="BJ1469" s="85"/>
      <c r="BK1469" s="85"/>
      <c r="BL1469" s="85"/>
      <c r="BM1469" s="85"/>
      <c r="BN1469" s="85"/>
      <c r="BO1469" s="85"/>
      <c r="BP1469" s="85"/>
      <c r="BQ1469" s="85"/>
      <c r="BR1469" s="85"/>
      <c r="BS1469" s="85"/>
      <c r="BT1469" s="85"/>
      <c r="BU1469" s="85"/>
      <c r="BV1469" s="85"/>
      <c r="BW1469" s="85"/>
      <c r="BX1469" s="85"/>
      <c r="BY1469" s="85"/>
      <c r="BZ1469" s="85"/>
      <c r="CA1469" s="85"/>
      <c r="CB1469" s="85"/>
      <c r="CC1469" s="85"/>
      <c r="CD1469" s="85"/>
      <c r="CE1469" s="85"/>
      <c r="CF1469" s="85"/>
      <c r="CG1469" s="85"/>
    </row>
    <row r="1470" spans="1:85" s="9" customFormat="1" x14ac:dyDescent="0.2">
      <c r="A1470" s="85"/>
      <c r="J1470" s="85"/>
      <c r="K1470" s="85"/>
      <c r="L1470" s="85"/>
      <c r="M1470" s="85"/>
      <c r="N1470" s="85"/>
      <c r="O1470" s="85"/>
      <c r="P1470" s="85"/>
      <c r="Q1470" s="85"/>
      <c r="R1470" s="85"/>
      <c r="S1470" s="85"/>
      <c r="T1470" s="85"/>
      <c r="U1470" s="85"/>
      <c r="V1470" s="85"/>
      <c r="W1470" s="85"/>
      <c r="X1470" s="85"/>
      <c r="Y1470" s="85"/>
      <c r="Z1470" s="85"/>
      <c r="AA1470" s="85"/>
      <c r="AB1470" s="85"/>
      <c r="AC1470" s="85"/>
      <c r="AD1470" s="85"/>
      <c r="AE1470" s="85"/>
      <c r="AF1470" s="85"/>
      <c r="AG1470" s="85"/>
      <c r="AH1470" s="85"/>
      <c r="AI1470" s="85"/>
      <c r="AJ1470" s="85"/>
      <c r="AK1470" s="85"/>
      <c r="AL1470" s="85"/>
      <c r="AM1470" s="85"/>
      <c r="AN1470" s="85"/>
      <c r="AO1470" s="85"/>
      <c r="AP1470" s="85"/>
      <c r="AQ1470" s="85"/>
      <c r="AR1470" s="85"/>
      <c r="AS1470" s="85"/>
      <c r="AT1470" s="85"/>
      <c r="AU1470" s="85"/>
      <c r="AV1470" s="85"/>
      <c r="AW1470" s="85"/>
      <c r="AX1470" s="85"/>
      <c r="AY1470" s="85"/>
      <c r="AZ1470" s="85"/>
      <c r="BA1470" s="85"/>
      <c r="BB1470" s="85"/>
      <c r="BC1470" s="85"/>
      <c r="BD1470" s="85"/>
      <c r="BE1470" s="85"/>
      <c r="BF1470" s="85"/>
      <c r="BG1470" s="85"/>
      <c r="BH1470" s="85"/>
      <c r="BI1470" s="85"/>
      <c r="BJ1470" s="85"/>
      <c r="BK1470" s="85"/>
      <c r="BL1470" s="85"/>
      <c r="BM1470" s="85"/>
      <c r="BN1470" s="85"/>
      <c r="BO1470" s="85"/>
      <c r="BP1470" s="85"/>
      <c r="BQ1470" s="85"/>
      <c r="BR1470" s="85"/>
      <c r="BS1470" s="85"/>
      <c r="BT1470" s="85"/>
      <c r="BU1470" s="85"/>
      <c r="BV1470" s="85"/>
      <c r="BW1470" s="85"/>
      <c r="BX1470" s="85"/>
      <c r="BY1470" s="85"/>
      <c r="BZ1470" s="85"/>
      <c r="CA1470" s="85"/>
      <c r="CB1470" s="85"/>
      <c r="CC1470" s="85"/>
      <c r="CD1470" s="85"/>
      <c r="CE1470" s="85"/>
      <c r="CF1470" s="85"/>
      <c r="CG1470" s="85"/>
    </row>
    <row r="1471" spans="1:85" s="9" customFormat="1" x14ac:dyDescent="0.2">
      <c r="A1471" s="85"/>
      <c r="J1471" s="85"/>
      <c r="K1471" s="85"/>
      <c r="L1471" s="85"/>
      <c r="M1471" s="85"/>
      <c r="N1471" s="85"/>
      <c r="O1471" s="85"/>
      <c r="P1471" s="85"/>
      <c r="Q1471" s="85"/>
      <c r="R1471" s="85"/>
      <c r="S1471" s="85"/>
      <c r="T1471" s="85"/>
      <c r="U1471" s="85"/>
      <c r="V1471" s="85"/>
      <c r="W1471" s="85"/>
      <c r="X1471" s="85"/>
      <c r="Y1471" s="85"/>
      <c r="Z1471" s="85"/>
      <c r="AA1471" s="85"/>
      <c r="AB1471" s="85"/>
      <c r="AC1471" s="85"/>
      <c r="AD1471" s="85"/>
      <c r="AE1471" s="85"/>
      <c r="AF1471" s="85"/>
      <c r="AG1471" s="85"/>
      <c r="AH1471" s="85"/>
      <c r="AI1471" s="85"/>
      <c r="AJ1471" s="85"/>
      <c r="AK1471" s="85"/>
      <c r="AL1471" s="85"/>
      <c r="AM1471" s="85"/>
      <c r="AN1471" s="85"/>
      <c r="AO1471" s="85"/>
      <c r="AP1471" s="85"/>
      <c r="AQ1471" s="85"/>
      <c r="AR1471" s="85"/>
      <c r="AS1471" s="85"/>
      <c r="AT1471" s="85"/>
      <c r="AU1471" s="85"/>
      <c r="AV1471" s="85"/>
      <c r="AW1471" s="85"/>
      <c r="AX1471" s="85"/>
      <c r="AY1471" s="85"/>
      <c r="AZ1471" s="85"/>
      <c r="BA1471" s="85"/>
      <c r="BB1471" s="85"/>
      <c r="BC1471" s="85"/>
      <c r="BD1471" s="85"/>
      <c r="BE1471" s="85"/>
      <c r="BF1471" s="85"/>
      <c r="BG1471" s="85"/>
      <c r="BH1471" s="85"/>
      <c r="BI1471" s="85"/>
      <c r="BJ1471" s="85"/>
      <c r="BK1471" s="85"/>
      <c r="BL1471" s="85"/>
      <c r="BM1471" s="85"/>
      <c r="BN1471" s="85"/>
      <c r="BO1471" s="85"/>
      <c r="BP1471" s="85"/>
      <c r="BQ1471" s="85"/>
      <c r="BR1471" s="85"/>
      <c r="BS1471" s="85"/>
      <c r="BT1471" s="85"/>
      <c r="BU1471" s="85"/>
      <c r="BV1471" s="85"/>
      <c r="BW1471" s="85"/>
      <c r="BX1471" s="85"/>
      <c r="BY1471" s="85"/>
      <c r="BZ1471" s="85"/>
      <c r="CA1471" s="85"/>
      <c r="CB1471" s="85"/>
      <c r="CC1471" s="85"/>
      <c r="CD1471" s="85"/>
      <c r="CE1471" s="85"/>
      <c r="CF1471" s="85"/>
      <c r="CG1471" s="85"/>
    </row>
    <row r="1472" spans="1:85" s="9" customFormat="1" x14ac:dyDescent="0.2">
      <c r="A1472" s="85"/>
      <c r="J1472" s="85"/>
      <c r="K1472" s="85"/>
      <c r="L1472" s="85"/>
      <c r="M1472" s="85"/>
      <c r="N1472" s="85"/>
      <c r="O1472" s="85"/>
      <c r="P1472" s="85"/>
      <c r="Q1472" s="85"/>
      <c r="R1472" s="85"/>
      <c r="S1472" s="85"/>
      <c r="T1472" s="85"/>
      <c r="U1472" s="85"/>
      <c r="V1472" s="85"/>
      <c r="W1472" s="85"/>
      <c r="X1472" s="85"/>
      <c r="Y1472" s="85"/>
      <c r="Z1472" s="85"/>
      <c r="AA1472" s="85"/>
      <c r="AB1472" s="85"/>
      <c r="AC1472" s="85"/>
      <c r="AD1472" s="85"/>
      <c r="AE1472" s="85"/>
      <c r="AF1472" s="85"/>
      <c r="AG1472" s="85"/>
      <c r="AH1472" s="85"/>
      <c r="AI1472" s="85"/>
      <c r="AJ1472" s="85"/>
      <c r="AK1472" s="85"/>
      <c r="AL1472" s="85"/>
      <c r="AM1472" s="85"/>
      <c r="AN1472" s="85"/>
      <c r="AO1472" s="85"/>
      <c r="AP1472" s="85"/>
      <c r="AQ1472" s="85"/>
      <c r="AR1472" s="85"/>
      <c r="AS1472" s="85"/>
      <c r="AT1472" s="85"/>
      <c r="AU1472" s="85"/>
      <c r="AV1472" s="85"/>
      <c r="AW1472" s="85"/>
      <c r="AX1472" s="85"/>
      <c r="AY1472" s="85"/>
      <c r="AZ1472" s="85"/>
      <c r="BA1472" s="85"/>
      <c r="BB1472" s="85"/>
      <c r="BC1472" s="85"/>
      <c r="BD1472" s="85"/>
      <c r="BE1472" s="85"/>
      <c r="BF1472" s="85"/>
      <c r="BG1472" s="85"/>
      <c r="BH1472" s="85"/>
      <c r="BI1472" s="85"/>
      <c r="BJ1472" s="85"/>
      <c r="BK1472" s="85"/>
      <c r="BL1472" s="85"/>
      <c r="BM1472" s="85"/>
      <c r="BN1472" s="85"/>
      <c r="BO1472" s="85"/>
      <c r="BP1472" s="85"/>
      <c r="BQ1472" s="85"/>
      <c r="BR1472" s="85"/>
      <c r="BS1472" s="85"/>
      <c r="BT1472" s="85"/>
      <c r="BU1472" s="85"/>
      <c r="BV1472" s="85"/>
      <c r="BW1472" s="85"/>
      <c r="BX1472" s="85"/>
      <c r="BY1472" s="85"/>
      <c r="BZ1472" s="85"/>
      <c r="CA1472" s="85"/>
      <c r="CB1472" s="85"/>
      <c r="CC1472" s="85"/>
      <c r="CD1472" s="85"/>
      <c r="CE1472" s="85"/>
      <c r="CF1472" s="85"/>
      <c r="CG1472" s="85"/>
    </row>
    <row r="1473" spans="1:85" s="9" customFormat="1" x14ac:dyDescent="0.2">
      <c r="A1473" s="85"/>
      <c r="J1473" s="85"/>
      <c r="K1473" s="85"/>
      <c r="L1473" s="85"/>
      <c r="M1473" s="85"/>
      <c r="N1473" s="85"/>
      <c r="O1473" s="85"/>
      <c r="P1473" s="85"/>
      <c r="Q1473" s="85"/>
      <c r="R1473" s="85"/>
      <c r="S1473" s="85"/>
      <c r="T1473" s="85"/>
      <c r="U1473" s="85"/>
      <c r="V1473" s="85"/>
      <c r="W1473" s="85"/>
      <c r="X1473" s="85"/>
      <c r="Y1473" s="85"/>
      <c r="Z1473" s="85"/>
      <c r="AA1473" s="85"/>
      <c r="AB1473" s="85"/>
      <c r="AC1473" s="85"/>
      <c r="AD1473" s="85"/>
      <c r="AE1473" s="85"/>
      <c r="AF1473" s="85"/>
      <c r="AG1473" s="85"/>
      <c r="AH1473" s="85"/>
      <c r="AI1473" s="85"/>
      <c r="AJ1473" s="85"/>
      <c r="AK1473" s="85"/>
      <c r="AL1473" s="85"/>
      <c r="AM1473" s="85"/>
      <c r="AN1473" s="85"/>
      <c r="AO1473" s="85"/>
      <c r="AP1473" s="85"/>
      <c r="AQ1473" s="85"/>
      <c r="AR1473" s="85"/>
      <c r="AS1473" s="85"/>
      <c r="AT1473" s="85"/>
      <c r="AU1473" s="85"/>
      <c r="AV1473" s="85"/>
      <c r="AW1473" s="85"/>
      <c r="AX1473" s="85"/>
      <c r="AY1473" s="85"/>
      <c r="AZ1473" s="85"/>
      <c r="BA1473" s="85"/>
      <c r="BB1473" s="85"/>
      <c r="BC1473" s="85"/>
      <c r="BD1473" s="85"/>
      <c r="BE1473" s="85"/>
      <c r="BF1473" s="85"/>
      <c r="BG1473" s="85"/>
      <c r="BH1473" s="85"/>
      <c r="BI1473" s="85"/>
      <c r="BJ1473" s="85"/>
      <c r="BK1473" s="85"/>
      <c r="BL1473" s="85"/>
      <c r="BM1473" s="85"/>
      <c r="BN1473" s="85"/>
      <c r="BO1473" s="85"/>
      <c r="BP1473" s="85"/>
      <c r="BQ1473" s="85"/>
      <c r="BR1473" s="85"/>
      <c r="BS1473" s="85"/>
      <c r="BT1473" s="85"/>
      <c r="BU1473" s="85"/>
      <c r="BV1473" s="85"/>
      <c r="BW1473" s="85"/>
      <c r="BX1473" s="85"/>
      <c r="BY1473" s="85"/>
      <c r="BZ1473" s="85"/>
      <c r="CA1473" s="85"/>
      <c r="CB1473" s="85"/>
      <c r="CC1473" s="85"/>
      <c r="CD1473" s="85"/>
      <c r="CE1473" s="85"/>
      <c r="CF1473" s="85"/>
      <c r="CG1473" s="85"/>
    </row>
    <row r="1474" spans="1:85" s="9" customFormat="1" x14ac:dyDescent="0.2">
      <c r="A1474" s="85"/>
      <c r="J1474" s="85"/>
      <c r="K1474" s="85"/>
      <c r="L1474" s="85"/>
      <c r="M1474" s="85"/>
      <c r="N1474" s="85"/>
      <c r="O1474" s="85"/>
      <c r="P1474" s="85"/>
      <c r="Q1474" s="85"/>
      <c r="R1474" s="85"/>
      <c r="S1474" s="85"/>
      <c r="T1474" s="85"/>
      <c r="U1474" s="85"/>
      <c r="V1474" s="85"/>
      <c r="W1474" s="85"/>
      <c r="X1474" s="85"/>
      <c r="Y1474" s="85"/>
      <c r="Z1474" s="85"/>
      <c r="AA1474" s="85"/>
      <c r="AB1474" s="85"/>
      <c r="AC1474" s="85"/>
      <c r="AD1474" s="85"/>
      <c r="AE1474" s="85"/>
      <c r="AF1474" s="85"/>
      <c r="AG1474" s="85"/>
      <c r="AH1474" s="85"/>
      <c r="AI1474" s="85"/>
      <c r="AJ1474" s="85"/>
      <c r="AK1474" s="85"/>
      <c r="AL1474" s="85"/>
      <c r="AM1474" s="85"/>
      <c r="AN1474" s="85"/>
      <c r="AO1474" s="85"/>
      <c r="AP1474" s="85"/>
      <c r="AQ1474" s="85"/>
      <c r="AR1474" s="85"/>
      <c r="AS1474" s="85"/>
      <c r="AT1474" s="85"/>
      <c r="AU1474" s="85"/>
      <c r="AV1474" s="85"/>
      <c r="AW1474" s="85"/>
      <c r="AX1474" s="85"/>
      <c r="AY1474" s="85"/>
      <c r="AZ1474" s="85"/>
      <c r="BA1474" s="85"/>
      <c r="BB1474" s="85"/>
      <c r="BC1474" s="85"/>
      <c r="BD1474" s="85"/>
      <c r="BE1474" s="85"/>
      <c r="BF1474" s="85"/>
      <c r="BG1474" s="85"/>
      <c r="BH1474" s="85"/>
      <c r="BI1474" s="85"/>
      <c r="BJ1474" s="85"/>
      <c r="BK1474" s="85"/>
      <c r="BL1474" s="85"/>
      <c r="BM1474" s="85"/>
      <c r="BN1474" s="85"/>
      <c r="BO1474" s="85"/>
      <c r="BP1474" s="85"/>
      <c r="BQ1474" s="85"/>
      <c r="BR1474" s="85"/>
      <c r="BS1474" s="85"/>
      <c r="BT1474" s="85"/>
      <c r="BU1474" s="85"/>
      <c r="BV1474" s="85"/>
      <c r="BW1474" s="85"/>
      <c r="BX1474" s="85"/>
      <c r="BY1474" s="85"/>
      <c r="BZ1474" s="85"/>
      <c r="CA1474" s="85"/>
      <c r="CB1474" s="85"/>
      <c r="CC1474" s="85"/>
      <c r="CD1474" s="85"/>
      <c r="CE1474" s="85"/>
      <c r="CF1474" s="85"/>
      <c r="CG1474" s="85"/>
    </row>
    <row r="1475" spans="1:85" s="9" customFormat="1" x14ac:dyDescent="0.2">
      <c r="A1475" s="85"/>
      <c r="J1475" s="85"/>
      <c r="K1475" s="85"/>
      <c r="L1475" s="85"/>
      <c r="M1475" s="85"/>
      <c r="N1475" s="85"/>
      <c r="O1475" s="85"/>
      <c r="P1475" s="85"/>
      <c r="Q1475" s="85"/>
      <c r="R1475" s="85"/>
      <c r="S1475" s="85"/>
      <c r="T1475" s="85"/>
      <c r="U1475" s="85"/>
      <c r="V1475" s="85"/>
      <c r="W1475" s="85"/>
      <c r="X1475" s="85"/>
      <c r="Y1475" s="85"/>
      <c r="Z1475" s="85"/>
      <c r="AA1475" s="85"/>
      <c r="AB1475" s="85"/>
      <c r="AC1475" s="85"/>
      <c r="AD1475" s="85"/>
      <c r="AE1475" s="85"/>
      <c r="AF1475" s="85"/>
      <c r="AG1475" s="85"/>
      <c r="AH1475" s="85"/>
      <c r="AI1475" s="85"/>
      <c r="AJ1475" s="85"/>
      <c r="AK1475" s="85"/>
      <c r="AL1475" s="85"/>
      <c r="AM1475" s="85"/>
      <c r="AN1475" s="85"/>
      <c r="AO1475" s="85"/>
      <c r="AP1475" s="85"/>
      <c r="AQ1475" s="85"/>
      <c r="AR1475" s="85"/>
      <c r="AS1475" s="85"/>
      <c r="AT1475" s="85"/>
      <c r="AU1475" s="85"/>
      <c r="AV1475" s="85"/>
      <c r="AW1475" s="85"/>
      <c r="AX1475" s="85"/>
      <c r="AY1475" s="85"/>
      <c r="AZ1475" s="85"/>
      <c r="BA1475" s="85"/>
      <c r="BB1475" s="85"/>
      <c r="BC1475" s="85"/>
      <c r="BD1475" s="85"/>
      <c r="BE1475" s="85"/>
      <c r="BF1475" s="85"/>
      <c r="BG1475" s="85"/>
      <c r="BH1475" s="85"/>
      <c r="BI1475" s="85"/>
      <c r="BJ1475" s="85"/>
      <c r="BK1475" s="85"/>
      <c r="BL1475" s="85"/>
      <c r="BM1475" s="85"/>
      <c r="BN1475" s="85"/>
      <c r="BO1475" s="85"/>
      <c r="BP1475" s="85"/>
      <c r="BQ1475" s="85"/>
      <c r="BR1475" s="85"/>
      <c r="BS1475" s="85"/>
      <c r="BT1475" s="85"/>
      <c r="BU1475" s="85"/>
      <c r="BV1475" s="85"/>
      <c r="BW1475" s="85"/>
      <c r="BX1475" s="85"/>
      <c r="BY1475" s="85"/>
      <c r="BZ1475" s="85"/>
      <c r="CA1475" s="85"/>
      <c r="CB1475" s="85"/>
      <c r="CC1475" s="85"/>
      <c r="CD1475" s="85"/>
      <c r="CE1475" s="85"/>
      <c r="CF1475" s="85"/>
      <c r="CG1475" s="85"/>
    </row>
    <row r="1476" spans="1:85" s="9" customFormat="1" x14ac:dyDescent="0.2">
      <c r="A1476" s="85"/>
      <c r="J1476" s="85"/>
      <c r="K1476" s="85"/>
      <c r="L1476" s="85"/>
      <c r="M1476" s="85"/>
      <c r="N1476" s="85"/>
      <c r="O1476" s="85"/>
      <c r="P1476" s="85"/>
      <c r="Q1476" s="85"/>
      <c r="R1476" s="85"/>
      <c r="S1476" s="85"/>
      <c r="T1476" s="85"/>
      <c r="U1476" s="85"/>
      <c r="V1476" s="85"/>
      <c r="W1476" s="85"/>
      <c r="X1476" s="85"/>
      <c r="Y1476" s="85"/>
      <c r="Z1476" s="85"/>
      <c r="AA1476" s="85"/>
      <c r="AB1476" s="85"/>
      <c r="AC1476" s="85"/>
      <c r="AD1476" s="85"/>
      <c r="AE1476" s="85"/>
      <c r="AF1476" s="85"/>
      <c r="AG1476" s="85"/>
      <c r="AH1476" s="85"/>
      <c r="AI1476" s="85"/>
      <c r="AJ1476" s="85"/>
      <c r="AK1476" s="85"/>
      <c r="AL1476" s="85"/>
      <c r="AM1476" s="85"/>
      <c r="AN1476" s="85"/>
      <c r="AO1476" s="85"/>
      <c r="AP1476" s="85"/>
      <c r="AQ1476" s="85"/>
      <c r="AR1476" s="85"/>
      <c r="AS1476" s="85"/>
      <c r="AT1476" s="85"/>
      <c r="AU1476" s="85"/>
      <c r="AV1476" s="85"/>
      <c r="AW1476" s="85"/>
      <c r="AX1476" s="85"/>
      <c r="AY1476" s="85"/>
      <c r="AZ1476" s="85"/>
      <c r="BA1476" s="85"/>
      <c r="BB1476" s="85"/>
      <c r="BC1476" s="85"/>
      <c r="BD1476" s="85"/>
      <c r="BE1476" s="85"/>
      <c r="BF1476" s="85"/>
      <c r="BG1476" s="85"/>
      <c r="BH1476" s="85"/>
      <c r="BI1476" s="85"/>
      <c r="BJ1476" s="85"/>
      <c r="BK1476" s="85"/>
      <c r="BL1476" s="85"/>
      <c r="BM1476" s="85"/>
      <c r="BN1476" s="85"/>
      <c r="BO1476" s="85"/>
      <c r="BP1476" s="85"/>
      <c r="BQ1476" s="85"/>
      <c r="BR1476" s="85"/>
      <c r="BS1476" s="85"/>
      <c r="BT1476" s="85"/>
      <c r="BU1476" s="85"/>
      <c r="BV1476" s="85"/>
      <c r="BW1476" s="85"/>
      <c r="BX1476" s="85"/>
      <c r="BY1476" s="85"/>
      <c r="BZ1476" s="85"/>
      <c r="CA1476" s="85"/>
      <c r="CB1476" s="85"/>
      <c r="CC1476" s="85"/>
      <c r="CD1476" s="85"/>
      <c r="CE1476" s="85"/>
      <c r="CF1476" s="85"/>
      <c r="CG1476" s="85"/>
    </row>
    <row r="1477" spans="1:85" s="9" customFormat="1" x14ac:dyDescent="0.2">
      <c r="A1477" s="85"/>
      <c r="J1477" s="85"/>
      <c r="K1477" s="85"/>
      <c r="L1477" s="85"/>
      <c r="M1477" s="85"/>
      <c r="N1477" s="85"/>
      <c r="O1477" s="85"/>
      <c r="P1477" s="85"/>
      <c r="Q1477" s="85"/>
      <c r="R1477" s="85"/>
      <c r="S1477" s="85"/>
      <c r="T1477" s="85"/>
      <c r="U1477" s="85"/>
      <c r="V1477" s="85"/>
      <c r="W1477" s="85"/>
      <c r="X1477" s="85"/>
      <c r="Y1477" s="85"/>
      <c r="Z1477" s="85"/>
      <c r="AA1477" s="85"/>
      <c r="AB1477" s="85"/>
      <c r="AC1477" s="85"/>
      <c r="AD1477" s="85"/>
      <c r="AE1477" s="85"/>
      <c r="AF1477" s="85"/>
      <c r="AG1477" s="85"/>
      <c r="AH1477" s="85"/>
      <c r="AI1477" s="85"/>
      <c r="AJ1477" s="85"/>
      <c r="AK1477" s="85"/>
      <c r="AL1477" s="85"/>
      <c r="AM1477" s="85"/>
      <c r="AN1477" s="85"/>
      <c r="AO1477" s="85"/>
      <c r="AP1477" s="85"/>
      <c r="AQ1477" s="85"/>
      <c r="AR1477" s="85"/>
      <c r="AS1477" s="85"/>
      <c r="AT1477" s="85"/>
      <c r="AU1477" s="85"/>
      <c r="AV1477" s="85"/>
      <c r="AW1477" s="85"/>
      <c r="AX1477" s="85"/>
      <c r="AY1477" s="85"/>
      <c r="AZ1477" s="85"/>
      <c r="BA1477" s="85"/>
      <c r="BB1477" s="85"/>
      <c r="BC1477" s="85"/>
      <c r="BD1477" s="85"/>
      <c r="BE1477" s="85"/>
      <c r="BF1477" s="85"/>
      <c r="BG1477" s="85"/>
      <c r="BH1477" s="85"/>
      <c r="BI1477" s="85"/>
      <c r="BJ1477" s="85"/>
      <c r="BK1477" s="85"/>
      <c r="BL1477" s="85"/>
      <c r="BM1477" s="85"/>
      <c r="BN1477" s="85"/>
      <c r="BO1477" s="85"/>
      <c r="BP1477" s="85"/>
      <c r="BQ1477" s="85"/>
      <c r="BR1477" s="85"/>
      <c r="BS1477" s="85"/>
      <c r="BT1477" s="85"/>
      <c r="BU1477" s="85"/>
      <c r="BV1477" s="85"/>
      <c r="BW1477" s="85"/>
      <c r="BX1477" s="85"/>
      <c r="BY1477" s="85"/>
      <c r="BZ1477" s="85"/>
      <c r="CA1477" s="85"/>
      <c r="CB1477" s="85"/>
      <c r="CC1477" s="85"/>
      <c r="CD1477" s="85"/>
      <c r="CE1477" s="85"/>
      <c r="CF1477" s="85"/>
      <c r="CG1477" s="85"/>
    </row>
    <row r="1478" spans="1:85" s="9" customFormat="1" x14ac:dyDescent="0.2">
      <c r="A1478" s="85"/>
      <c r="J1478" s="85"/>
      <c r="K1478" s="85"/>
      <c r="L1478" s="85"/>
      <c r="M1478" s="85"/>
      <c r="N1478" s="85"/>
      <c r="O1478" s="85"/>
      <c r="P1478" s="85"/>
      <c r="Q1478" s="85"/>
      <c r="R1478" s="85"/>
      <c r="S1478" s="85"/>
      <c r="T1478" s="85"/>
      <c r="U1478" s="85"/>
      <c r="V1478" s="85"/>
      <c r="W1478" s="85"/>
      <c r="X1478" s="85"/>
      <c r="Y1478" s="85"/>
      <c r="Z1478" s="85"/>
      <c r="AA1478" s="85"/>
      <c r="AB1478" s="85"/>
      <c r="AC1478" s="85"/>
      <c r="AD1478" s="85"/>
      <c r="AE1478" s="85"/>
      <c r="AF1478" s="85"/>
      <c r="AG1478" s="85"/>
      <c r="AH1478" s="85"/>
      <c r="AI1478" s="85"/>
      <c r="AJ1478" s="85"/>
      <c r="AK1478" s="85"/>
      <c r="AL1478" s="85"/>
      <c r="AM1478" s="85"/>
      <c r="AN1478" s="85"/>
      <c r="AO1478" s="85"/>
      <c r="AP1478" s="85"/>
      <c r="AQ1478" s="85"/>
      <c r="AR1478" s="85"/>
      <c r="AS1478" s="85"/>
      <c r="AT1478" s="85"/>
      <c r="AU1478" s="85"/>
      <c r="AV1478" s="85"/>
      <c r="AW1478" s="85"/>
      <c r="AX1478" s="85"/>
      <c r="AY1478" s="85"/>
      <c r="AZ1478" s="85"/>
      <c r="BA1478" s="85"/>
      <c r="BB1478" s="85"/>
      <c r="BC1478" s="85"/>
      <c r="BD1478" s="85"/>
      <c r="BE1478" s="85"/>
      <c r="BF1478" s="85"/>
      <c r="BG1478" s="85"/>
      <c r="BH1478" s="85"/>
      <c r="BI1478" s="85"/>
      <c r="BJ1478" s="85"/>
      <c r="BK1478" s="85"/>
      <c r="BL1478" s="85"/>
      <c r="BM1478" s="85"/>
      <c r="BN1478" s="85"/>
      <c r="BO1478" s="85"/>
      <c r="BP1478" s="85"/>
      <c r="BQ1478" s="85"/>
      <c r="BR1478" s="85"/>
      <c r="BS1478" s="85"/>
      <c r="BT1478" s="85"/>
      <c r="BU1478" s="85"/>
      <c r="BV1478" s="85"/>
      <c r="BW1478" s="85"/>
      <c r="BX1478" s="85"/>
      <c r="BY1478" s="85"/>
      <c r="BZ1478" s="85"/>
      <c r="CA1478" s="85"/>
      <c r="CB1478" s="85"/>
      <c r="CC1478" s="85"/>
      <c r="CD1478" s="85"/>
      <c r="CE1478" s="85"/>
      <c r="CF1478" s="85"/>
      <c r="CG1478" s="85"/>
    </row>
    <row r="1479" spans="1:85" s="9" customFormat="1" x14ac:dyDescent="0.2">
      <c r="A1479" s="85"/>
      <c r="J1479" s="85"/>
      <c r="K1479" s="85"/>
      <c r="L1479" s="85"/>
      <c r="M1479" s="85"/>
      <c r="N1479" s="85"/>
      <c r="O1479" s="85"/>
      <c r="P1479" s="85"/>
      <c r="Q1479" s="85"/>
      <c r="R1479" s="85"/>
      <c r="S1479" s="85"/>
      <c r="T1479" s="85"/>
      <c r="U1479" s="85"/>
      <c r="V1479" s="85"/>
      <c r="W1479" s="85"/>
      <c r="X1479" s="85"/>
      <c r="Y1479" s="85"/>
      <c r="Z1479" s="85"/>
      <c r="AA1479" s="85"/>
      <c r="AB1479" s="85"/>
      <c r="AC1479" s="85"/>
      <c r="AD1479" s="85"/>
      <c r="AE1479" s="85"/>
      <c r="AF1479" s="85"/>
      <c r="AG1479" s="85"/>
      <c r="AH1479" s="85"/>
      <c r="AI1479" s="85"/>
      <c r="AJ1479" s="85"/>
      <c r="AK1479" s="85"/>
      <c r="AL1479" s="85"/>
      <c r="AM1479" s="85"/>
      <c r="AN1479" s="85"/>
      <c r="AO1479" s="85"/>
      <c r="AP1479" s="85"/>
      <c r="AQ1479" s="85"/>
      <c r="AR1479" s="85"/>
      <c r="AS1479" s="85"/>
      <c r="AT1479" s="85"/>
      <c r="AU1479" s="85"/>
      <c r="AV1479" s="85"/>
      <c r="AW1479" s="85"/>
      <c r="AX1479" s="85"/>
      <c r="AY1479" s="85"/>
      <c r="AZ1479" s="85"/>
      <c r="BA1479" s="85"/>
      <c r="BB1479" s="85"/>
      <c r="BC1479" s="85"/>
      <c r="BD1479" s="85"/>
      <c r="BE1479" s="85"/>
      <c r="BF1479" s="85"/>
      <c r="BG1479" s="85"/>
      <c r="BH1479" s="85"/>
      <c r="BI1479" s="85"/>
      <c r="BJ1479" s="85"/>
      <c r="BK1479" s="85"/>
      <c r="BL1479" s="85"/>
      <c r="BM1479" s="85"/>
      <c r="BN1479" s="85"/>
      <c r="BO1479" s="85"/>
      <c r="BP1479" s="85"/>
      <c r="BQ1479" s="85"/>
      <c r="BR1479" s="85"/>
      <c r="BS1479" s="85"/>
      <c r="BT1479" s="85"/>
      <c r="BU1479" s="85"/>
      <c r="BV1479" s="85"/>
      <c r="BW1479" s="85"/>
      <c r="BX1479" s="85"/>
      <c r="BY1479" s="85"/>
      <c r="BZ1479" s="85"/>
      <c r="CA1479" s="85"/>
      <c r="CB1479" s="85"/>
      <c r="CC1479" s="85"/>
      <c r="CD1479" s="85"/>
      <c r="CE1479" s="85"/>
      <c r="CF1479" s="85"/>
      <c r="CG1479" s="85"/>
    </row>
    <row r="1480" spans="1:85" s="9" customFormat="1" x14ac:dyDescent="0.2">
      <c r="A1480" s="85"/>
      <c r="J1480" s="85"/>
      <c r="K1480" s="85"/>
      <c r="L1480" s="85"/>
      <c r="M1480" s="85"/>
      <c r="N1480" s="85"/>
      <c r="O1480" s="85"/>
      <c r="P1480" s="85"/>
      <c r="Q1480" s="85"/>
      <c r="R1480" s="85"/>
      <c r="S1480" s="85"/>
      <c r="T1480" s="85"/>
      <c r="U1480" s="85"/>
      <c r="V1480" s="85"/>
      <c r="W1480" s="85"/>
      <c r="X1480" s="85"/>
      <c r="Y1480" s="85"/>
      <c r="Z1480" s="85"/>
      <c r="AA1480" s="85"/>
      <c r="AB1480" s="85"/>
      <c r="AC1480" s="85"/>
      <c r="AD1480" s="85"/>
      <c r="AE1480" s="85"/>
      <c r="AF1480" s="85"/>
      <c r="AG1480" s="85"/>
      <c r="AH1480" s="85"/>
      <c r="AI1480" s="85"/>
      <c r="AJ1480" s="85"/>
      <c r="AK1480" s="85"/>
      <c r="AL1480" s="85"/>
      <c r="AM1480" s="85"/>
      <c r="AN1480" s="85"/>
      <c r="AO1480" s="85"/>
      <c r="AP1480" s="85"/>
      <c r="AQ1480" s="85"/>
      <c r="AR1480" s="85"/>
      <c r="AS1480" s="85"/>
      <c r="AT1480" s="85"/>
      <c r="AU1480" s="85"/>
      <c r="AV1480" s="85"/>
      <c r="AW1480" s="85"/>
      <c r="AX1480" s="85"/>
      <c r="AY1480" s="85"/>
      <c r="AZ1480" s="85"/>
      <c r="BA1480" s="85"/>
      <c r="BB1480" s="85"/>
      <c r="BC1480" s="85"/>
      <c r="BD1480" s="85"/>
      <c r="BE1480" s="85"/>
      <c r="BF1480" s="85"/>
      <c r="BG1480" s="85"/>
      <c r="BH1480" s="85"/>
      <c r="BI1480" s="85"/>
      <c r="BJ1480" s="85"/>
      <c r="BK1480" s="85"/>
      <c r="BL1480" s="85"/>
      <c r="BM1480" s="85"/>
      <c r="BN1480" s="85"/>
      <c r="BO1480" s="85"/>
      <c r="BP1480" s="85"/>
      <c r="BQ1480" s="85"/>
      <c r="BR1480" s="85"/>
      <c r="BS1480" s="85"/>
      <c r="BT1480" s="85"/>
      <c r="BU1480" s="85"/>
      <c r="BV1480" s="85"/>
      <c r="BW1480" s="85"/>
      <c r="BX1480" s="85"/>
      <c r="BY1480" s="85"/>
      <c r="BZ1480" s="85"/>
      <c r="CA1480" s="85"/>
      <c r="CB1480" s="85"/>
      <c r="CC1480" s="85"/>
      <c r="CD1480" s="85"/>
      <c r="CE1480" s="85"/>
      <c r="CF1480" s="85"/>
      <c r="CG1480" s="85"/>
    </row>
    <row r="1481" spans="1:85" s="9" customFormat="1" x14ac:dyDescent="0.2">
      <c r="A1481" s="85"/>
      <c r="J1481" s="85"/>
      <c r="K1481" s="85"/>
      <c r="L1481" s="85"/>
      <c r="M1481" s="85"/>
      <c r="N1481" s="85"/>
      <c r="O1481" s="85"/>
      <c r="P1481" s="85"/>
      <c r="Q1481" s="85"/>
      <c r="R1481" s="85"/>
      <c r="S1481" s="85"/>
      <c r="T1481" s="85"/>
      <c r="U1481" s="85"/>
      <c r="V1481" s="85"/>
      <c r="W1481" s="85"/>
      <c r="X1481" s="85"/>
      <c r="Y1481" s="85"/>
      <c r="Z1481" s="85"/>
      <c r="AA1481" s="85"/>
      <c r="AB1481" s="85"/>
      <c r="AC1481" s="85"/>
      <c r="AD1481" s="85"/>
      <c r="AE1481" s="85"/>
      <c r="AF1481" s="85"/>
      <c r="AG1481" s="85"/>
      <c r="AH1481" s="85"/>
      <c r="AI1481" s="85"/>
      <c r="AJ1481" s="85"/>
      <c r="AK1481" s="85"/>
      <c r="AL1481" s="85"/>
      <c r="AM1481" s="85"/>
      <c r="AN1481" s="85"/>
      <c r="AO1481" s="85"/>
      <c r="AP1481" s="85"/>
      <c r="AQ1481" s="85"/>
      <c r="AR1481" s="85"/>
      <c r="AS1481" s="85"/>
      <c r="AT1481" s="85"/>
      <c r="AU1481" s="85"/>
      <c r="AV1481" s="85"/>
      <c r="AW1481" s="85"/>
      <c r="AX1481" s="85"/>
      <c r="AY1481" s="85"/>
      <c r="AZ1481" s="85"/>
      <c r="BA1481" s="85"/>
      <c r="BB1481" s="85"/>
      <c r="BC1481" s="85"/>
      <c r="BD1481" s="85"/>
      <c r="BE1481" s="85"/>
      <c r="BF1481" s="85"/>
      <c r="BG1481" s="85"/>
      <c r="BH1481" s="85"/>
      <c r="BI1481" s="85"/>
      <c r="BJ1481" s="85"/>
      <c r="BK1481" s="85"/>
      <c r="BL1481" s="85"/>
      <c r="BM1481" s="85"/>
      <c r="BN1481" s="85"/>
      <c r="BO1481" s="85"/>
      <c r="BP1481" s="85"/>
      <c r="BQ1481" s="85"/>
      <c r="BR1481" s="85"/>
      <c r="BS1481" s="85"/>
      <c r="BT1481" s="85"/>
      <c r="BU1481" s="85"/>
      <c r="BV1481" s="85"/>
      <c r="BW1481" s="85"/>
      <c r="BX1481" s="85"/>
      <c r="BY1481" s="85"/>
      <c r="BZ1481" s="85"/>
      <c r="CA1481" s="85"/>
      <c r="CB1481" s="85"/>
      <c r="CC1481" s="85"/>
      <c r="CD1481" s="85"/>
      <c r="CE1481" s="85"/>
      <c r="CF1481" s="85"/>
      <c r="CG1481" s="85"/>
    </row>
    <row r="1482" spans="1:85" s="9" customFormat="1" x14ac:dyDescent="0.2">
      <c r="A1482" s="85"/>
      <c r="J1482" s="85"/>
      <c r="K1482" s="85"/>
      <c r="L1482" s="85"/>
      <c r="M1482" s="85"/>
      <c r="N1482" s="85"/>
      <c r="O1482" s="85"/>
      <c r="P1482" s="85"/>
      <c r="Q1482" s="85"/>
      <c r="R1482" s="85"/>
      <c r="S1482" s="85"/>
      <c r="T1482" s="85"/>
      <c r="U1482" s="85"/>
      <c r="V1482" s="85"/>
      <c r="W1482" s="85"/>
      <c r="X1482" s="85"/>
      <c r="Y1482" s="85"/>
      <c r="Z1482" s="85"/>
      <c r="AA1482" s="85"/>
      <c r="AB1482" s="85"/>
      <c r="AC1482" s="85"/>
      <c r="AD1482" s="85"/>
      <c r="AE1482" s="85"/>
      <c r="AF1482" s="85"/>
      <c r="AG1482" s="85"/>
      <c r="AH1482" s="85"/>
      <c r="AI1482" s="85"/>
      <c r="AJ1482" s="85"/>
      <c r="AK1482" s="85"/>
      <c r="AL1482" s="85"/>
      <c r="AM1482" s="85"/>
      <c r="AN1482" s="85"/>
      <c r="AO1482" s="85"/>
      <c r="AP1482" s="85"/>
      <c r="AQ1482" s="85"/>
      <c r="AR1482" s="85"/>
      <c r="AS1482" s="85"/>
      <c r="AT1482" s="85"/>
      <c r="AU1482" s="85"/>
      <c r="AV1482" s="85"/>
      <c r="AW1482" s="85"/>
      <c r="AX1482" s="85"/>
      <c r="AY1482" s="85"/>
      <c r="AZ1482" s="85"/>
      <c r="BA1482" s="85"/>
      <c r="BB1482" s="85"/>
      <c r="BC1482" s="85"/>
      <c r="BD1482" s="85"/>
      <c r="BE1482" s="85"/>
      <c r="BF1482" s="85"/>
      <c r="BG1482" s="85"/>
      <c r="BH1482" s="85"/>
      <c r="BI1482" s="85"/>
      <c r="BJ1482" s="85"/>
      <c r="BK1482" s="85"/>
      <c r="BL1482" s="85"/>
      <c r="BM1482" s="85"/>
      <c r="BN1482" s="85"/>
      <c r="BO1482" s="85"/>
      <c r="BP1482" s="85"/>
      <c r="BQ1482" s="85"/>
      <c r="BR1482" s="85"/>
      <c r="BS1482" s="85"/>
      <c r="BT1482" s="85"/>
      <c r="BU1482" s="85"/>
      <c r="BV1482" s="85"/>
      <c r="BW1482" s="85"/>
      <c r="BX1482" s="85"/>
      <c r="BY1482" s="85"/>
      <c r="BZ1482" s="85"/>
      <c r="CA1482" s="85"/>
      <c r="CB1482" s="85"/>
      <c r="CC1482" s="85"/>
      <c r="CD1482" s="85"/>
      <c r="CE1482" s="85"/>
      <c r="CF1482" s="85"/>
      <c r="CG1482" s="85"/>
    </row>
    <row r="1483" spans="1:85" s="9" customFormat="1" x14ac:dyDescent="0.2">
      <c r="A1483" s="85"/>
      <c r="J1483" s="85"/>
      <c r="K1483" s="85"/>
      <c r="L1483" s="85"/>
      <c r="M1483" s="85"/>
      <c r="N1483" s="85"/>
      <c r="O1483" s="85"/>
      <c r="P1483" s="85"/>
      <c r="Q1483" s="85"/>
      <c r="R1483" s="85"/>
      <c r="S1483" s="85"/>
      <c r="T1483" s="85"/>
      <c r="U1483" s="85"/>
      <c r="V1483" s="85"/>
      <c r="W1483" s="85"/>
      <c r="X1483" s="85"/>
      <c r="Y1483" s="85"/>
      <c r="Z1483" s="85"/>
      <c r="AA1483" s="85"/>
      <c r="AB1483" s="85"/>
      <c r="AC1483" s="85"/>
      <c r="AD1483" s="85"/>
      <c r="AE1483" s="85"/>
      <c r="AF1483" s="85"/>
      <c r="AG1483" s="85"/>
      <c r="AH1483" s="85"/>
      <c r="AI1483" s="85"/>
      <c r="AJ1483" s="85"/>
      <c r="AK1483" s="85"/>
      <c r="AL1483" s="85"/>
      <c r="AM1483" s="85"/>
      <c r="AN1483" s="85"/>
      <c r="AO1483" s="85"/>
      <c r="AP1483" s="85"/>
      <c r="AQ1483" s="85"/>
      <c r="AR1483" s="85"/>
      <c r="AS1483" s="85"/>
      <c r="AT1483" s="85"/>
      <c r="AU1483" s="85"/>
      <c r="AV1483" s="85"/>
      <c r="AW1483" s="85"/>
      <c r="AX1483" s="85"/>
      <c r="AY1483" s="85"/>
      <c r="AZ1483" s="85"/>
      <c r="BA1483" s="85"/>
      <c r="BB1483" s="85"/>
      <c r="BC1483" s="85"/>
      <c r="BD1483" s="85"/>
      <c r="BE1483" s="85"/>
      <c r="BF1483" s="85"/>
      <c r="BG1483" s="85"/>
      <c r="BH1483" s="85"/>
      <c r="BI1483" s="85"/>
      <c r="BJ1483" s="85"/>
      <c r="BK1483" s="85"/>
      <c r="BL1483" s="85"/>
      <c r="BM1483" s="85"/>
      <c r="BN1483" s="85"/>
      <c r="BO1483" s="85"/>
      <c r="BP1483" s="85"/>
      <c r="BQ1483" s="85"/>
      <c r="BR1483" s="85"/>
      <c r="BS1483" s="85"/>
      <c r="BT1483" s="85"/>
      <c r="BU1483" s="85"/>
      <c r="BV1483" s="85"/>
      <c r="BW1483" s="85"/>
      <c r="BX1483" s="85"/>
      <c r="BY1483" s="85"/>
      <c r="BZ1483" s="85"/>
      <c r="CA1483" s="85"/>
      <c r="CB1483" s="85"/>
      <c r="CC1483" s="85"/>
      <c r="CD1483" s="85"/>
      <c r="CE1483" s="85"/>
      <c r="CF1483" s="85"/>
      <c r="CG1483" s="85"/>
    </row>
    <row r="1484" spans="1:85" s="9" customFormat="1" x14ac:dyDescent="0.2">
      <c r="A1484" s="85"/>
      <c r="J1484" s="85"/>
      <c r="K1484" s="85"/>
      <c r="L1484" s="85"/>
      <c r="M1484" s="85"/>
      <c r="N1484" s="85"/>
      <c r="O1484" s="85"/>
      <c r="P1484" s="85"/>
      <c r="Q1484" s="85"/>
      <c r="R1484" s="85"/>
      <c r="S1484" s="85"/>
      <c r="T1484" s="85"/>
      <c r="U1484" s="85"/>
      <c r="V1484" s="85"/>
      <c r="W1484" s="85"/>
      <c r="X1484" s="85"/>
      <c r="Y1484" s="85"/>
      <c r="Z1484" s="85"/>
      <c r="AA1484" s="85"/>
      <c r="AB1484" s="85"/>
      <c r="AC1484" s="85"/>
      <c r="AD1484" s="85"/>
      <c r="AE1484" s="85"/>
      <c r="AF1484" s="85"/>
      <c r="AG1484" s="85"/>
      <c r="AH1484" s="85"/>
      <c r="AI1484" s="85"/>
      <c r="AJ1484" s="85"/>
      <c r="AK1484" s="85"/>
      <c r="AL1484" s="85"/>
      <c r="AM1484" s="85"/>
      <c r="AN1484" s="85"/>
      <c r="AO1484" s="85"/>
      <c r="AP1484" s="85"/>
      <c r="AQ1484" s="85"/>
      <c r="AR1484" s="85"/>
      <c r="AS1484" s="85"/>
      <c r="AT1484" s="85"/>
      <c r="AU1484" s="85"/>
      <c r="AV1484" s="85"/>
      <c r="AW1484" s="85"/>
      <c r="AX1484" s="85"/>
      <c r="AY1484" s="85"/>
      <c r="AZ1484" s="85"/>
      <c r="BA1484" s="85"/>
      <c r="BB1484" s="85"/>
      <c r="BC1484" s="85"/>
      <c r="BD1484" s="85"/>
      <c r="BE1484" s="85"/>
      <c r="BF1484" s="85"/>
      <c r="BG1484" s="85"/>
      <c r="BH1484" s="85"/>
      <c r="BI1484" s="85"/>
      <c r="BJ1484" s="85"/>
      <c r="BK1484" s="85"/>
      <c r="BL1484" s="85"/>
      <c r="BM1484" s="85"/>
      <c r="BN1484" s="85"/>
      <c r="BO1484" s="85"/>
      <c r="BP1484" s="85"/>
      <c r="BQ1484" s="85"/>
      <c r="BR1484" s="85"/>
      <c r="BS1484" s="85"/>
      <c r="BT1484" s="85"/>
      <c r="BU1484" s="85"/>
      <c r="BV1484" s="85"/>
      <c r="BW1484" s="85"/>
      <c r="BX1484" s="85"/>
      <c r="BY1484" s="85"/>
      <c r="BZ1484" s="85"/>
      <c r="CA1484" s="85"/>
      <c r="CB1484" s="85"/>
      <c r="CC1484" s="85"/>
      <c r="CD1484" s="85"/>
      <c r="CE1484" s="85"/>
      <c r="CF1484" s="85"/>
      <c r="CG1484" s="85"/>
    </row>
    <row r="1485" spans="1:85" s="9" customFormat="1" x14ac:dyDescent="0.2">
      <c r="A1485" s="85"/>
      <c r="J1485" s="85"/>
      <c r="K1485" s="85"/>
      <c r="L1485" s="85"/>
      <c r="M1485" s="85"/>
      <c r="N1485" s="85"/>
      <c r="O1485" s="85"/>
      <c r="P1485" s="85"/>
      <c r="Q1485" s="85"/>
      <c r="R1485" s="85"/>
      <c r="S1485" s="85"/>
      <c r="T1485" s="85"/>
      <c r="U1485" s="85"/>
      <c r="V1485" s="85"/>
      <c r="W1485" s="85"/>
      <c r="X1485" s="85"/>
      <c r="Y1485" s="85"/>
      <c r="Z1485" s="85"/>
      <c r="AA1485" s="85"/>
      <c r="AB1485" s="85"/>
      <c r="AC1485" s="85"/>
      <c r="AD1485" s="85"/>
      <c r="AE1485" s="85"/>
      <c r="AF1485" s="85"/>
      <c r="AG1485" s="85"/>
      <c r="AH1485" s="85"/>
      <c r="AI1485" s="85"/>
      <c r="AJ1485" s="85"/>
      <c r="AK1485" s="85"/>
      <c r="AL1485" s="85"/>
      <c r="AM1485" s="85"/>
      <c r="AN1485" s="85"/>
      <c r="AO1485" s="85"/>
      <c r="AP1485" s="85"/>
      <c r="AQ1485" s="85"/>
      <c r="AR1485" s="85"/>
      <c r="AS1485" s="85"/>
      <c r="AT1485" s="85"/>
      <c r="AU1485" s="85"/>
      <c r="AV1485" s="85"/>
      <c r="AW1485" s="85"/>
      <c r="AX1485" s="85"/>
      <c r="AY1485" s="85"/>
      <c r="AZ1485" s="85"/>
      <c r="BA1485" s="85"/>
      <c r="BB1485" s="85"/>
      <c r="BC1485" s="85"/>
      <c r="BD1485" s="85"/>
      <c r="BE1485" s="85"/>
      <c r="BF1485" s="85"/>
      <c r="BG1485" s="85"/>
      <c r="BH1485" s="85"/>
      <c r="BI1485" s="85"/>
      <c r="BJ1485" s="85"/>
      <c r="BK1485" s="85"/>
      <c r="BL1485" s="85"/>
      <c r="BM1485" s="85"/>
      <c r="BN1485" s="85"/>
      <c r="BO1485" s="85"/>
      <c r="BP1485" s="85"/>
      <c r="BQ1485" s="85"/>
      <c r="BR1485" s="85"/>
      <c r="BS1485" s="85"/>
      <c r="BT1485" s="85"/>
      <c r="BU1485" s="85"/>
      <c r="BV1485" s="85"/>
      <c r="BW1485" s="85"/>
      <c r="BX1485" s="85"/>
      <c r="BY1485" s="85"/>
      <c r="BZ1485" s="85"/>
      <c r="CA1485" s="85"/>
      <c r="CB1485" s="85"/>
      <c r="CC1485" s="85"/>
      <c r="CD1485" s="85"/>
      <c r="CE1485" s="85"/>
      <c r="CF1485" s="85"/>
      <c r="CG1485" s="85"/>
    </row>
    <row r="1486" spans="1:85" s="9" customFormat="1" x14ac:dyDescent="0.2">
      <c r="A1486" s="85"/>
      <c r="J1486" s="85"/>
      <c r="K1486" s="85"/>
      <c r="L1486" s="85"/>
      <c r="M1486" s="85"/>
      <c r="N1486" s="85"/>
      <c r="O1486" s="85"/>
      <c r="P1486" s="85"/>
      <c r="Q1486" s="85"/>
      <c r="R1486" s="85"/>
      <c r="S1486" s="85"/>
      <c r="T1486" s="85"/>
      <c r="U1486" s="85"/>
      <c r="V1486" s="85"/>
      <c r="W1486" s="85"/>
      <c r="X1486" s="85"/>
      <c r="Y1486" s="85"/>
      <c r="Z1486" s="85"/>
      <c r="AA1486" s="85"/>
      <c r="AB1486" s="85"/>
      <c r="AC1486" s="85"/>
      <c r="AD1486" s="85"/>
      <c r="AE1486" s="85"/>
      <c r="AF1486" s="85"/>
      <c r="AG1486" s="85"/>
      <c r="AH1486" s="85"/>
      <c r="AI1486" s="85"/>
      <c r="AJ1486" s="85"/>
      <c r="AK1486" s="85"/>
      <c r="AL1486" s="85"/>
      <c r="AM1486" s="85"/>
      <c r="AN1486" s="85"/>
      <c r="AO1486" s="85"/>
      <c r="AP1486" s="85"/>
      <c r="AQ1486" s="85"/>
      <c r="AR1486" s="85"/>
      <c r="AS1486" s="85"/>
      <c r="AT1486" s="85"/>
      <c r="AU1486" s="85"/>
      <c r="AV1486" s="85"/>
      <c r="AW1486" s="85"/>
      <c r="AX1486" s="85"/>
      <c r="AY1486" s="85"/>
      <c r="AZ1486" s="85"/>
      <c r="BA1486" s="85"/>
      <c r="BB1486" s="85"/>
      <c r="BC1486" s="85"/>
      <c r="BD1486" s="85"/>
      <c r="BE1486" s="85"/>
      <c r="BF1486" s="85"/>
      <c r="BG1486" s="85"/>
      <c r="BH1486" s="85"/>
      <c r="BI1486" s="85"/>
      <c r="BJ1486" s="85"/>
      <c r="BK1486" s="85"/>
      <c r="BL1486" s="85"/>
      <c r="BM1486" s="85"/>
      <c r="BN1486" s="85"/>
      <c r="BO1486" s="85"/>
      <c r="BP1486" s="85"/>
      <c r="BQ1486" s="85"/>
      <c r="BR1486" s="85"/>
      <c r="BS1486" s="85"/>
      <c r="BT1486" s="85"/>
      <c r="BU1486" s="85"/>
      <c r="BV1486" s="85"/>
      <c r="BW1486" s="85"/>
      <c r="BX1486" s="85"/>
      <c r="BY1486" s="85"/>
      <c r="BZ1486" s="85"/>
      <c r="CA1486" s="85"/>
      <c r="CB1486" s="85"/>
      <c r="CC1486" s="85"/>
      <c r="CD1486" s="85"/>
      <c r="CE1486" s="85"/>
      <c r="CF1486" s="85"/>
      <c r="CG1486" s="85"/>
    </row>
    <row r="1487" spans="1:85" s="9" customFormat="1" x14ac:dyDescent="0.2">
      <c r="A1487" s="85"/>
      <c r="J1487" s="85"/>
      <c r="K1487" s="85"/>
      <c r="L1487" s="85"/>
      <c r="M1487" s="85"/>
      <c r="N1487" s="85"/>
      <c r="O1487" s="85"/>
      <c r="P1487" s="85"/>
      <c r="Q1487" s="85"/>
      <c r="R1487" s="85"/>
      <c r="S1487" s="85"/>
      <c r="T1487" s="85"/>
      <c r="U1487" s="85"/>
      <c r="V1487" s="85"/>
      <c r="W1487" s="85"/>
      <c r="X1487" s="85"/>
      <c r="Y1487" s="85"/>
      <c r="Z1487" s="85"/>
      <c r="AA1487" s="85"/>
      <c r="AB1487" s="85"/>
      <c r="AC1487" s="85"/>
      <c r="AD1487" s="85"/>
      <c r="AE1487" s="85"/>
      <c r="AF1487" s="85"/>
      <c r="AG1487" s="85"/>
      <c r="AH1487" s="85"/>
      <c r="AI1487" s="85"/>
      <c r="AJ1487" s="85"/>
      <c r="AK1487" s="85"/>
      <c r="AL1487" s="85"/>
      <c r="AM1487" s="85"/>
      <c r="AN1487" s="85"/>
      <c r="AO1487" s="85"/>
      <c r="AP1487" s="85"/>
      <c r="AQ1487" s="85"/>
      <c r="AR1487" s="85"/>
      <c r="AS1487" s="85"/>
      <c r="AT1487" s="85"/>
      <c r="AU1487" s="85"/>
      <c r="AV1487" s="85"/>
      <c r="AW1487" s="85"/>
      <c r="AX1487" s="85"/>
      <c r="AY1487" s="85"/>
      <c r="AZ1487" s="85"/>
      <c r="BA1487" s="85"/>
      <c r="BB1487" s="85"/>
      <c r="BC1487" s="85"/>
      <c r="BD1487" s="85"/>
      <c r="BE1487" s="85"/>
      <c r="BF1487" s="85"/>
      <c r="BG1487" s="85"/>
      <c r="BH1487" s="85"/>
      <c r="BI1487" s="85"/>
      <c r="BJ1487" s="85"/>
      <c r="BK1487" s="85"/>
      <c r="BL1487" s="85"/>
      <c r="BM1487" s="85"/>
      <c r="BN1487" s="85"/>
      <c r="BO1487" s="85"/>
      <c r="BP1487" s="85"/>
      <c r="BQ1487" s="85"/>
      <c r="BR1487" s="85"/>
      <c r="BS1487" s="85"/>
      <c r="BT1487" s="85"/>
      <c r="BU1487" s="85"/>
      <c r="BV1487" s="85"/>
      <c r="BW1487" s="85"/>
      <c r="BX1487" s="85"/>
      <c r="BY1487" s="85"/>
      <c r="BZ1487" s="85"/>
      <c r="CA1487" s="85"/>
      <c r="CB1487" s="85"/>
      <c r="CC1487" s="85"/>
      <c r="CD1487" s="85"/>
      <c r="CE1487" s="85"/>
      <c r="CF1487" s="85"/>
      <c r="CG1487" s="85"/>
    </row>
    <row r="1488" spans="1:85" s="9" customFormat="1" x14ac:dyDescent="0.2">
      <c r="A1488" s="85"/>
      <c r="J1488" s="85"/>
      <c r="K1488" s="85"/>
      <c r="L1488" s="85"/>
      <c r="M1488" s="85"/>
      <c r="N1488" s="85"/>
      <c r="O1488" s="85"/>
      <c r="P1488" s="85"/>
      <c r="Q1488" s="85"/>
      <c r="R1488" s="85"/>
      <c r="S1488" s="85"/>
      <c r="T1488" s="85"/>
      <c r="U1488" s="85"/>
      <c r="V1488" s="85"/>
      <c r="W1488" s="85"/>
      <c r="X1488" s="85"/>
      <c r="Y1488" s="85"/>
      <c r="Z1488" s="85"/>
      <c r="AA1488" s="85"/>
      <c r="AB1488" s="85"/>
      <c r="AC1488" s="85"/>
      <c r="AD1488" s="85"/>
      <c r="AE1488" s="85"/>
      <c r="AF1488" s="85"/>
      <c r="AG1488" s="85"/>
      <c r="AH1488" s="85"/>
      <c r="AI1488" s="85"/>
      <c r="AJ1488" s="85"/>
      <c r="AK1488" s="85"/>
      <c r="AL1488" s="85"/>
      <c r="AM1488" s="85"/>
      <c r="AN1488" s="85"/>
      <c r="AO1488" s="85"/>
      <c r="AP1488" s="85"/>
      <c r="AQ1488" s="85"/>
      <c r="AR1488" s="85"/>
      <c r="AS1488" s="85"/>
      <c r="AT1488" s="85"/>
      <c r="AU1488" s="85"/>
      <c r="AV1488" s="85"/>
      <c r="AW1488" s="85"/>
      <c r="AX1488" s="85"/>
      <c r="AY1488" s="85"/>
      <c r="AZ1488" s="85"/>
      <c r="BA1488" s="85"/>
      <c r="BB1488" s="85"/>
      <c r="BC1488" s="85"/>
      <c r="BD1488" s="85"/>
      <c r="BE1488" s="85"/>
      <c r="BF1488" s="85"/>
      <c r="BG1488" s="85"/>
      <c r="BH1488" s="85"/>
      <c r="BI1488" s="85"/>
      <c r="BJ1488" s="85"/>
      <c r="BK1488" s="85"/>
      <c r="BL1488" s="85"/>
      <c r="BM1488" s="85"/>
      <c r="BN1488" s="85"/>
      <c r="BO1488" s="85"/>
      <c r="BP1488" s="85"/>
      <c r="BQ1488" s="85"/>
      <c r="BR1488" s="85"/>
      <c r="BS1488" s="85"/>
      <c r="BT1488" s="85"/>
      <c r="BU1488" s="85"/>
      <c r="BV1488" s="85"/>
      <c r="BW1488" s="85"/>
      <c r="BX1488" s="85"/>
      <c r="BY1488" s="85"/>
      <c r="BZ1488" s="85"/>
      <c r="CA1488" s="85"/>
      <c r="CB1488" s="85"/>
      <c r="CC1488" s="85"/>
      <c r="CD1488" s="85"/>
      <c r="CE1488" s="85"/>
      <c r="CF1488" s="85"/>
      <c r="CG1488" s="85"/>
    </row>
    <row r="1489" spans="1:85" s="9" customFormat="1" x14ac:dyDescent="0.2">
      <c r="A1489" s="85"/>
      <c r="J1489" s="85"/>
      <c r="K1489" s="85"/>
      <c r="L1489" s="85"/>
      <c r="M1489" s="85"/>
      <c r="N1489" s="85"/>
      <c r="O1489" s="85"/>
      <c r="P1489" s="85"/>
      <c r="Q1489" s="85"/>
      <c r="R1489" s="85"/>
      <c r="S1489" s="85"/>
      <c r="T1489" s="85"/>
      <c r="U1489" s="85"/>
      <c r="V1489" s="85"/>
      <c r="W1489" s="85"/>
      <c r="X1489" s="85"/>
      <c r="Y1489" s="85"/>
      <c r="Z1489" s="85"/>
      <c r="AA1489" s="85"/>
      <c r="AB1489" s="85"/>
      <c r="AC1489" s="85"/>
      <c r="AD1489" s="85"/>
      <c r="AE1489" s="85"/>
      <c r="AF1489" s="85"/>
      <c r="AG1489" s="85"/>
      <c r="AH1489" s="85"/>
      <c r="AI1489" s="85"/>
      <c r="AJ1489" s="85"/>
      <c r="AK1489" s="85"/>
      <c r="AL1489" s="85"/>
      <c r="AM1489" s="85"/>
      <c r="AN1489" s="85"/>
      <c r="AO1489" s="85"/>
      <c r="AP1489" s="85"/>
      <c r="AQ1489" s="85"/>
      <c r="AR1489" s="85"/>
      <c r="AS1489" s="85"/>
      <c r="AT1489" s="85"/>
      <c r="AU1489" s="85"/>
      <c r="AV1489" s="85"/>
      <c r="AW1489" s="85"/>
      <c r="AX1489" s="85"/>
      <c r="AY1489" s="85"/>
      <c r="AZ1489" s="85"/>
      <c r="BA1489" s="85"/>
      <c r="BB1489" s="85"/>
      <c r="BC1489" s="85"/>
      <c r="BD1489" s="85"/>
      <c r="BE1489" s="85"/>
      <c r="BF1489" s="85"/>
      <c r="BG1489" s="85"/>
      <c r="BH1489" s="85"/>
      <c r="BI1489" s="85"/>
      <c r="BJ1489" s="85"/>
      <c r="BK1489" s="85"/>
      <c r="BL1489" s="85"/>
      <c r="BM1489" s="85"/>
      <c r="BN1489" s="85"/>
      <c r="BO1489" s="85"/>
      <c r="BP1489" s="85"/>
      <c r="BQ1489" s="85"/>
      <c r="BR1489" s="85"/>
      <c r="BS1489" s="85"/>
      <c r="BT1489" s="85"/>
      <c r="BU1489" s="85"/>
      <c r="BV1489" s="85"/>
      <c r="BW1489" s="85"/>
      <c r="BX1489" s="85"/>
      <c r="BY1489" s="85"/>
      <c r="BZ1489" s="85"/>
      <c r="CA1489" s="85"/>
      <c r="CB1489" s="85"/>
      <c r="CC1489" s="85"/>
      <c r="CD1489" s="85"/>
      <c r="CE1489" s="85"/>
      <c r="CF1489" s="85"/>
      <c r="CG1489" s="85"/>
    </row>
    <row r="1490" spans="1:85" s="9" customFormat="1" x14ac:dyDescent="0.2">
      <c r="A1490" s="85"/>
      <c r="J1490" s="85"/>
      <c r="K1490" s="85"/>
      <c r="L1490" s="85"/>
      <c r="M1490" s="85"/>
      <c r="N1490" s="85"/>
      <c r="O1490" s="85"/>
      <c r="P1490" s="85"/>
      <c r="Q1490" s="85"/>
      <c r="R1490" s="85"/>
      <c r="S1490" s="85"/>
      <c r="T1490" s="85"/>
      <c r="U1490" s="85"/>
      <c r="V1490" s="85"/>
      <c r="W1490" s="85"/>
      <c r="X1490" s="85"/>
      <c r="Y1490" s="85"/>
      <c r="Z1490" s="85"/>
      <c r="AA1490" s="85"/>
      <c r="AB1490" s="85"/>
      <c r="AC1490" s="85"/>
      <c r="AD1490" s="85"/>
      <c r="AE1490" s="85"/>
      <c r="AF1490" s="85"/>
      <c r="AG1490" s="85"/>
      <c r="AH1490" s="85"/>
      <c r="AI1490" s="85"/>
      <c r="AJ1490" s="85"/>
      <c r="AK1490" s="85"/>
      <c r="AL1490" s="85"/>
      <c r="AM1490" s="85"/>
      <c r="AN1490" s="85"/>
      <c r="AO1490" s="85"/>
      <c r="AP1490" s="85"/>
      <c r="AQ1490" s="85"/>
      <c r="AR1490" s="85"/>
      <c r="AS1490" s="85"/>
      <c r="AT1490" s="85"/>
      <c r="AU1490" s="85"/>
      <c r="AV1490" s="85"/>
      <c r="AW1490" s="85"/>
      <c r="AX1490" s="85"/>
      <c r="AY1490" s="85"/>
      <c r="AZ1490" s="85"/>
      <c r="BA1490" s="85"/>
      <c r="BB1490" s="85"/>
      <c r="BC1490" s="85"/>
      <c r="BD1490" s="85"/>
      <c r="BE1490" s="85"/>
      <c r="BF1490" s="85"/>
      <c r="BG1490" s="85"/>
      <c r="BH1490" s="85"/>
      <c r="BI1490" s="85"/>
      <c r="BJ1490" s="85"/>
      <c r="BK1490" s="85"/>
      <c r="BL1490" s="85"/>
      <c r="BM1490" s="85"/>
      <c r="BN1490" s="85"/>
      <c r="BO1490" s="85"/>
      <c r="BP1490" s="85"/>
      <c r="BQ1490" s="85"/>
      <c r="BR1490" s="85"/>
      <c r="BS1490" s="85"/>
      <c r="BT1490" s="85"/>
      <c r="BU1490" s="85"/>
      <c r="BV1490" s="85"/>
      <c r="BW1490" s="85"/>
      <c r="BX1490" s="85"/>
      <c r="BY1490" s="85"/>
      <c r="BZ1490" s="85"/>
      <c r="CA1490" s="85"/>
      <c r="CB1490" s="85"/>
      <c r="CC1490" s="85"/>
      <c r="CD1490" s="85"/>
      <c r="CE1490" s="85"/>
      <c r="CF1490" s="85"/>
      <c r="CG1490" s="85"/>
    </row>
    <row r="1491" spans="1:85" s="9" customFormat="1" x14ac:dyDescent="0.2">
      <c r="A1491" s="85"/>
      <c r="J1491" s="85"/>
      <c r="K1491" s="85"/>
      <c r="L1491" s="85"/>
      <c r="M1491" s="85"/>
      <c r="N1491" s="85"/>
      <c r="O1491" s="85"/>
      <c r="P1491" s="85"/>
      <c r="Q1491" s="85"/>
      <c r="R1491" s="85"/>
      <c r="S1491" s="85"/>
      <c r="T1491" s="85"/>
      <c r="U1491" s="85"/>
      <c r="V1491" s="85"/>
      <c r="W1491" s="85"/>
      <c r="X1491" s="85"/>
      <c r="Y1491" s="85"/>
      <c r="Z1491" s="85"/>
      <c r="AA1491" s="85"/>
      <c r="AB1491" s="85"/>
      <c r="AC1491" s="85"/>
      <c r="AD1491" s="85"/>
      <c r="AE1491" s="85"/>
      <c r="AF1491" s="85"/>
      <c r="AG1491" s="85"/>
      <c r="AH1491" s="85"/>
      <c r="AI1491" s="85"/>
      <c r="AJ1491" s="85"/>
      <c r="AK1491" s="85"/>
      <c r="AL1491" s="85"/>
      <c r="AM1491" s="85"/>
      <c r="AN1491" s="85"/>
      <c r="AO1491" s="85"/>
      <c r="AP1491" s="85"/>
      <c r="AQ1491" s="85"/>
      <c r="AR1491" s="85"/>
      <c r="AS1491" s="85"/>
      <c r="AT1491" s="85"/>
      <c r="AU1491" s="85"/>
      <c r="AV1491" s="85"/>
      <c r="AW1491" s="85"/>
      <c r="AX1491" s="85"/>
      <c r="AY1491" s="85"/>
      <c r="AZ1491" s="85"/>
      <c r="BA1491" s="85"/>
      <c r="BB1491" s="85"/>
      <c r="BC1491" s="85"/>
      <c r="BD1491" s="85"/>
      <c r="BE1491" s="85"/>
      <c r="BF1491" s="85"/>
      <c r="BG1491" s="85"/>
      <c r="BH1491" s="85"/>
      <c r="BI1491" s="85"/>
      <c r="BJ1491" s="85"/>
      <c r="BK1491" s="85"/>
      <c r="BL1491" s="85"/>
      <c r="BM1491" s="85"/>
      <c r="BN1491" s="85"/>
      <c r="BO1491" s="85"/>
      <c r="BP1491" s="85"/>
      <c r="BQ1491" s="85"/>
      <c r="BR1491" s="85"/>
      <c r="BS1491" s="85"/>
      <c r="BT1491" s="85"/>
      <c r="BU1491" s="85"/>
      <c r="BV1491" s="85"/>
      <c r="BW1491" s="85"/>
      <c r="BX1491" s="85"/>
      <c r="BY1491" s="85"/>
      <c r="BZ1491" s="85"/>
      <c r="CA1491" s="85"/>
      <c r="CB1491" s="85"/>
      <c r="CC1491" s="85"/>
      <c r="CD1491" s="85"/>
      <c r="CE1491" s="85"/>
      <c r="CF1491" s="85"/>
      <c r="CG1491" s="85"/>
    </row>
    <row r="1492" spans="1:85" s="9" customFormat="1" x14ac:dyDescent="0.2">
      <c r="A1492" s="85"/>
      <c r="J1492" s="85"/>
      <c r="K1492" s="85"/>
      <c r="L1492" s="85"/>
      <c r="M1492" s="85"/>
      <c r="N1492" s="85"/>
      <c r="O1492" s="85"/>
      <c r="P1492" s="85"/>
      <c r="Q1492" s="85"/>
      <c r="R1492" s="85"/>
      <c r="S1492" s="85"/>
      <c r="T1492" s="85"/>
      <c r="U1492" s="85"/>
      <c r="V1492" s="85"/>
      <c r="W1492" s="85"/>
      <c r="X1492" s="85"/>
      <c r="Y1492" s="85"/>
      <c r="Z1492" s="85"/>
      <c r="AA1492" s="85"/>
      <c r="AB1492" s="85"/>
      <c r="AC1492" s="85"/>
      <c r="AD1492" s="85"/>
      <c r="AE1492" s="85"/>
      <c r="AF1492" s="85"/>
      <c r="AG1492" s="85"/>
      <c r="AH1492" s="85"/>
      <c r="AI1492" s="85"/>
      <c r="AJ1492" s="85"/>
      <c r="AK1492" s="85"/>
      <c r="AL1492" s="85"/>
      <c r="AM1492" s="85"/>
      <c r="AN1492" s="85"/>
      <c r="AO1492" s="85"/>
      <c r="AP1492" s="85"/>
      <c r="AQ1492" s="85"/>
      <c r="AR1492" s="85"/>
      <c r="AS1492" s="85"/>
      <c r="AT1492" s="85"/>
      <c r="AU1492" s="85"/>
      <c r="AV1492" s="85"/>
      <c r="AW1492" s="85"/>
      <c r="AX1492" s="85"/>
      <c r="AY1492" s="85"/>
      <c r="AZ1492" s="85"/>
      <c r="BA1492" s="85"/>
      <c r="BB1492" s="85"/>
      <c r="BC1492" s="85"/>
      <c r="BD1492" s="85"/>
      <c r="BE1492" s="85"/>
      <c r="BF1492" s="85"/>
      <c r="BG1492" s="85"/>
      <c r="BH1492" s="85"/>
      <c r="BI1492" s="85"/>
      <c r="BJ1492" s="85"/>
      <c r="BK1492" s="85"/>
      <c r="BL1492" s="85"/>
      <c r="BM1492" s="85"/>
      <c r="BN1492" s="85"/>
      <c r="BO1492" s="85"/>
      <c r="BP1492" s="85"/>
      <c r="BQ1492" s="85"/>
      <c r="BR1492" s="85"/>
      <c r="BS1492" s="85"/>
      <c r="BT1492" s="85"/>
      <c r="BU1492" s="85"/>
      <c r="BV1492" s="85"/>
      <c r="BW1492" s="85"/>
      <c r="BX1492" s="85"/>
      <c r="BY1492" s="85"/>
      <c r="BZ1492" s="85"/>
      <c r="CA1492" s="85"/>
      <c r="CB1492" s="85"/>
      <c r="CC1492" s="85"/>
      <c r="CD1492" s="85"/>
      <c r="CE1492" s="85"/>
      <c r="CF1492" s="85"/>
      <c r="CG1492" s="85"/>
    </row>
    <row r="1493" spans="1:85" s="9" customFormat="1" x14ac:dyDescent="0.2">
      <c r="A1493" s="85"/>
      <c r="J1493" s="85"/>
      <c r="K1493" s="85"/>
      <c r="L1493" s="85"/>
      <c r="M1493" s="85"/>
      <c r="N1493" s="85"/>
      <c r="O1493" s="85"/>
      <c r="P1493" s="85"/>
      <c r="Q1493" s="85"/>
      <c r="R1493" s="85"/>
      <c r="S1493" s="85"/>
      <c r="T1493" s="85"/>
      <c r="U1493" s="85"/>
      <c r="V1493" s="85"/>
      <c r="W1493" s="85"/>
      <c r="X1493" s="85"/>
      <c r="Y1493" s="85"/>
      <c r="Z1493" s="85"/>
      <c r="AA1493" s="85"/>
      <c r="AB1493" s="85"/>
      <c r="AC1493" s="85"/>
      <c r="AD1493" s="85"/>
      <c r="AE1493" s="85"/>
      <c r="AF1493" s="85"/>
      <c r="AG1493" s="85"/>
      <c r="AH1493" s="85"/>
      <c r="AI1493" s="85"/>
      <c r="AJ1493" s="85"/>
      <c r="AK1493" s="85"/>
      <c r="AL1493" s="85"/>
      <c r="AM1493" s="85"/>
      <c r="AN1493" s="85"/>
      <c r="AO1493" s="85"/>
      <c r="AP1493" s="85"/>
      <c r="AQ1493" s="85"/>
      <c r="AR1493" s="85"/>
      <c r="AS1493" s="85"/>
      <c r="AT1493" s="85"/>
      <c r="AU1493" s="85"/>
      <c r="AV1493" s="85"/>
      <c r="AW1493" s="85"/>
      <c r="AX1493" s="85"/>
      <c r="AY1493" s="85"/>
      <c r="AZ1493" s="85"/>
      <c r="BA1493" s="85"/>
      <c r="BB1493" s="85"/>
      <c r="BC1493" s="85"/>
      <c r="BD1493" s="85"/>
      <c r="BE1493" s="85"/>
      <c r="BF1493" s="85"/>
      <c r="BG1493" s="85"/>
      <c r="BH1493" s="85"/>
      <c r="BI1493" s="85"/>
      <c r="BJ1493" s="85"/>
      <c r="BK1493" s="85"/>
      <c r="BL1493" s="85"/>
      <c r="BM1493" s="85"/>
      <c r="BN1493" s="85"/>
      <c r="BO1493" s="85"/>
      <c r="BP1493" s="85"/>
      <c r="BQ1493" s="85"/>
      <c r="BR1493" s="85"/>
      <c r="BS1493" s="85"/>
      <c r="BT1493" s="85"/>
      <c r="BU1493" s="85"/>
      <c r="BV1493" s="85"/>
      <c r="BW1493" s="85"/>
      <c r="BX1493" s="85"/>
      <c r="BY1493" s="85"/>
      <c r="BZ1493" s="85"/>
      <c r="CA1493" s="85"/>
      <c r="CB1493" s="85"/>
      <c r="CC1493" s="85"/>
      <c r="CD1493" s="85"/>
      <c r="CE1493" s="85"/>
      <c r="CF1493" s="85"/>
      <c r="CG1493" s="85"/>
    </row>
    <row r="1494" spans="1:85" s="9" customFormat="1" x14ac:dyDescent="0.2">
      <c r="A1494" s="85"/>
      <c r="J1494" s="85"/>
      <c r="K1494" s="85"/>
      <c r="L1494" s="85"/>
      <c r="M1494" s="85"/>
      <c r="N1494" s="85"/>
      <c r="O1494" s="85"/>
      <c r="P1494" s="85"/>
      <c r="Q1494" s="85"/>
      <c r="R1494" s="85"/>
      <c r="S1494" s="85"/>
      <c r="T1494" s="85"/>
      <c r="U1494" s="85"/>
      <c r="V1494" s="85"/>
      <c r="W1494" s="85"/>
      <c r="X1494" s="85"/>
      <c r="Y1494" s="85"/>
      <c r="Z1494" s="85"/>
      <c r="AA1494" s="85"/>
      <c r="AB1494" s="85"/>
      <c r="AC1494" s="85"/>
      <c r="AD1494" s="85"/>
      <c r="AE1494" s="85"/>
      <c r="AF1494" s="85"/>
      <c r="AG1494" s="85"/>
      <c r="AH1494" s="85"/>
      <c r="AI1494" s="85"/>
      <c r="AJ1494" s="85"/>
      <c r="AK1494" s="85"/>
      <c r="AL1494" s="85"/>
      <c r="AM1494" s="85"/>
      <c r="AN1494" s="85"/>
      <c r="AO1494" s="85"/>
      <c r="AP1494" s="85"/>
      <c r="AQ1494" s="85"/>
      <c r="AR1494" s="85"/>
      <c r="AS1494" s="85"/>
      <c r="AT1494" s="85"/>
      <c r="AU1494" s="85"/>
      <c r="AV1494" s="85"/>
      <c r="AW1494" s="85"/>
      <c r="AX1494" s="85"/>
      <c r="AY1494" s="85"/>
      <c r="AZ1494" s="85"/>
      <c r="BA1494" s="85"/>
      <c r="BB1494" s="85"/>
      <c r="BC1494" s="85"/>
      <c r="BD1494" s="85"/>
      <c r="BE1494" s="85"/>
      <c r="BF1494" s="85"/>
      <c r="BG1494" s="85"/>
      <c r="BH1494" s="85"/>
      <c r="BI1494" s="85"/>
      <c r="BJ1494" s="85"/>
      <c r="BK1494" s="85"/>
      <c r="BL1494" s="85"/>
      <c r="BM1494" s="85"/>
      <c r="BN1494" s="85"/>
      <c r="BO1494" s="85"/>
      <c r="BP1494" s="85"/>
      <c r="BQ1494" s="85"/>
      <c r="BR1494" s="85"/>
      <c r="BS1494" s="85"/>
      <c r="BT1494" s="85"/>
      <c r="BU1494" s="85"/>
      <c r="BV1494" s="85"/>
      <c r="BW1494" s="85"/>
      <c r="BX1494" s="85"/>
      <c r="BY1494" s="85"/>
      <c r="BZ1494" s="85"/>
      <c r="CA1494" s="85"/>
      <c r="CB1494" s="85"/>
      <c r="CC1494" s="85"/>
      <c r="CD1494" s="85"/>
      <c r="CE1494" s="85"/>
      <c r="CF1494" s="85"/>
      <c r="CG1494" s="85"/>
    </row>
    <row r="1495" spans="1:85" s="9" customFormat="1" x14ac:dyDescent="0.2">
      <c r="A1495" s="85"/>
      <c r="J1495" s="85"/>
      <c r="K1495" s="85"/>
      <c r="L1495" s="85"/>
      <c r="M1495" s="85"/>
      <c r="N1495" s="85"/>
      <c r="O1495" s="85"/>
      <c r="P1495" s="85"/>
      <c r="Q1495" s="85"/>
      <c r="R1495" s="85"/>
      <c r="S1495" s="85"/>
      <c r="T1495" s="85"/>
      <c r="U1495" s="85"/>
      <c r="V1495" s="85"/>
      <c r="W1495" s="85"/>
      <c r="X1495" s="85"/>
      <c r="Y1495" s="85"/>
      <c r="Z1495" s="85"/>
      <c r="AA1495" s="85"/>
      <c r="AB1495" s="85"/>
      <c r="AC1495" s="85"/>
      <c r="AD1495" s="85"/>
      <c r="AE1495" s="85"/>
      <c r="AF1495" s="85"/>
      <c r="AG1495" s="85"/>
      <c r="AH1495" s="85"/>
      <c r="AI1495" s="85"/>
      <c r="AJ1495" s="85"/>
      <c r="AK1495" s="85"/>
      <c r="AL1495" s="85"/>
      <c r="AM1495" s="85"/>
      <c r="AN1495" s="85"/>
      <c r="AO1495" s="85"/>
      <c r="AP1495" s="85"/>
      <c r="AQ1495" s="85"/>
      <c r="AR1495" s="85"/>
      <c r="AS1495" s="85"/>
      <c r="AT1495" s="85"/>
      <c r="AU1495" s="85"/>
      <c r="AV1495" s="85"/>
      <c r="AW1495" s="85"/>
      <c r="AX1495" s="85"/>
      <c r="AY1495" s="85"/>
      <c r="AZ1495" s="85"/>
      <c r="BA1495" s="85"/>
      <c r="BB1495" s="85"/>
      <c r="BC1495" s="85"/>
      <c r="BD1495" s="85"/>
      <c r="BE1495" s="85"/>
      <c r="BF1495" s="85"/>
      <c r="BG1495" s="85"/>
      <c r="BH1495" s="85"/>
      <c r="BI1495" s="85"/>
      <c r="BJ1495" s="85"/>
      <c r="BK1495" s="85"/>
      <c r="BL1495" s="85"/>
      <c r="BM1495" s="85"/>
      <c r="BN1495" s="85"/>
      <c r="BO1495" s="85"/>
      <c r="BP1495" s="85"/>
      <c r="BQ1495" s="85"/>
      <c r="BR1495" s="85"/>
      <c r="BS1495" s="85"/>
      <c r="BT1495" s="85"/>
      <c r="BU1495" s="85"/>
      <c r="BV1495" s="85"/>
      <c r="BW1495" s="85"/>
      <c r="BX1495" s="85"/>
      <c r="BY1495" s="85"/>
      <c r="BZ1495" s="85"/>
      <c r="CA1495" s="85"/>
      <c r="CB1495" s="85"/>
      <c r="CC1495" s="85"/>
      <c r="CD1495" s="85"/>
      <c r="CE1495" s="85"/>
      <c r="CF1495" s="85"/>
      <c r="CG1495" s="85"/>
    </row>
    <row r="1496" spans="1:85" s="9" customFormat="1" x14ac:dyDescent="0.2">
      <c r="A1496" s="85"/>
      <c r="J1496" s="85"/>
      <c r="K1496" s="85"/>
      <c r="L1496" s="85"/>
      <c r="M1496" s="85"/>
      <c r="N1496" s="85"/>
      <c r="O1496" s="85"/>
      <c r="P1496" s="85"/>
      <c r="Q1496" s="85"/>
      <c r="R1496" s="85"/>
      <c r="S1496" s="85"/>
      <c r="T1496" s="85"/>
      <c r="U1496" s="85"/>
      <c r="V1496" s="85"/>
      <c r="W1496" s="85"/>
      <c r="X1496" s="85"/>
      <c r="Y1496" s="85"/>
      <c r="Z1496" s="85"/>
      <c r="AA1496" s="85"/>
      <c r="AB1496" s="85"/>
      <c r="AC1496" s="85"/>
      <c r="AD1496" s="85"/>
      <c r="AE1496" s="85"/>
      <c r="AF1496" s="85"/>
      <c r="AG1496" s="85"/>
      <c r="AH1496" s="85"/>
      <c r="AI1496" s="85"/>
      <c r="AJ1496" s="85"/>
      <c r="AK1496" s="85"/>
      <c r="AL1496" s="85"/>
      <c r="AM1496" s="85"/>
      <c r="AN1496" s="85"/>
      <c r="AO1496" s="85"/>
      <c r="AP1496" s="85"/>
      <c r="AQ1496" s="85"/>
      <c r="AR1496" s="85"/>
      <c r="AS1496" s="85"/>
      <c r="AT1496" s="85"/>
      <c r="AU1496" s="85"/>
      <c r="AV1496" s="85"/>
      <c r="AW1496" s="85"/>
      <c r="AX1496" s="85"/>
      <c r="AY1496" s="85"/>
      <c r="AZ1496" s="85"/>
      <c r="BA1496" s="85"/>
      <c r="BB1496" s="85"/>
      <c r="BC1496" s="85"/>
      <c r="BD1496" s="85"/>
      <c r="BE1496" s="85"/>
      <c r="BF1496" s="85"/>
      <c r="BG1496" s="85"/>
      <c r="BH1496" s="85"/>
      <c r="BI1496" s="85"/>
      <c r="BJ1496" s="85"/>
      <c r="BK1496" s="85"/>
      <c r="BL1496" s="85"/>
      <c r="BM1496" s="85"/>
      <c r="BN1496" s="85"/>
      <c r="BO1496" s="85"/>
      <c r="BP1496" s="85"/>
      <c r="BQ1496" s="85"/>
      <c r="BR1496" s="85"/>
      <c r="BS1496" s="85"/>
      <c r="BT1496" s="85"/>
      <c r="BU1496" s="85"/>
      <c r="BV1496" s="85"/>
      <c r="BW1496" s="85"/>
      <c r="BX1496" s="85"/>
      <c r="BY1496" s="85"/>
      <c r="BZ1496" s="85"/>
      <c r="CA1496" s="85"/>
      <c r="CB1496" s="85"/>
      <c r="CC1496" s="85"/>
      <c r="CD1496" s="85"/>
      <c r="CE1496" s="85"/>
      <c r="CF1496" s="85"/>
      <c r="CG1496" s="85"/>
    </row>
    <row r="1497" spans="1:85" s="9" customFormat="1" x14ac:dyDescent="0.2">
      <c r="A1497" s="85"/>
      <c r="J1497" s="85"/>
      <c r="K1497" s="85"/>
      <c r="L1497" s="85"/>
      <c r="M1497" s="85"/>
      <c r="N1497" s="85"/>
      <c r="O1497" s="85"/>
      <c r="P1497" s="85"/>
      <c r="Q1497" s="85"/>
      <c r="R1497" s="85"/>
      <c r="S1497" s="85"/>
      <c r="T1497" s="85"/>
      <c r="U1497" s="85"/>
      <c r="V1497" s="85"/>
      <c r="W1497" s="85"/>
      <c r="X1497" s="85"/>
      <c r="Y1497" s="85"/>
      <c r="Z1497" s="85"/>
      <c r="AA1497" s="85"/>
      <c r="AB1497" s="85"/>
      <c r="AC1497" s="85"/>
      <c r="AD1497" s="85"/>
      <c r="AE1497" s="85"/>
      <c r="AF1497" s="85"/>
      <c r="AG1497" s="85"/>
      <c r="AH1497" s="85"/>
      <c r="AI1497" s="85"/>
      <c r="AJ1497" s="85"/>
      <c r="AK1497" s="85"/>
      <c r="AL1497" s="85"/>
      <c r="AM1497" s="85"/>
      <c r="AN1497" s="85"/>
      <c r="AO1497" s="85"/>
      <c r="AP1497" s="85"/>
      <c r="AQ1497" s="85"/>
      <c r="AR1497" s="85"/>
      <c r="AS1497" s="85"/>
      <c r="AT1497" s="85"/>
      <c r="AU1497" s="85"/>
      <c r="AV1497" s="85"/>
      <c r="AW1497" s="85"/>
      <c r="AX1497" s="85"/>
      <c r="AY1497" s="85"/>
      <c r="AZ1497" s="85"/>
      <c r="BA1497" s="85"/>
      <c r="BB1497" s="85"/>
      <c r="BC1497" s="85"/>
      <c r="BD1497" s="85"/>
      <c r="BE1497" s="85"/>
      <c r="BF1497" s="85"/>
      <c r="BG1497" s="85"/>
      <c r="BH1497" s="85"/>
      <c r="BI1497" s="85"/>
      <c r="BJ1497" s="85"/>
      <c r="BK1497" s="85"/>
      <c r="BL1497" s="85"/>
      <c r="BM1497" s="85"/>
      <c r="BN1497" s="85"/>
      <c r="BO1497" s="85"/>
      <c r="BP1497" s="85"/>
      <c r="BQ1497" s="85"/>
      <c r="BR1497" s="85"/>
      <c r="BS1497" s="85"/>
      <c r="BT1497" s="85"/>
      <c r="BU1497" s="85"/>
      <c r="BV1497" s="85"/>
      <c r="BW1497" s="85"/>
      <c r="BX1497" s="85"/>
      <c r="BY1497" s="85"/>
      <c r="BZ1497" s="85"/>
      <c r="CA1497" s="85"/>
      <c r="CB1497" s="85"/>
      <c r="CC1497" s="85"/>
      <c r="CD1497" s="85"/>
      <c r="CE1497" s="85"/>
      <c r="CF1497" s="85"/>
      <c r="CG1497" s="85"/>
    </row>
    <row r="1498" spans="1:85" s="9" customFormat="1" x14ac:dyDescent="0.2">
      <c r="A1498" s="85"/>
      <c r="J1498" s="85"/>
      <c r="K1498" s="85"/>
      <c r="L1498" s="85"/>
      <c r="M1498" s="85"/>
      <c r="N1498" s="85"/>
      <c r="O1498" s="85"/>
      <c r="P1498" s="85"/>
      <c r="Q1498" s="85"/>
      <c r="R1498" s="85"/>
      <c r="S1498" s="85"/>
      <c r="T1498" s="85"/>
      <c r="U1498" s="85"/>
      <c r="V1498" s="85"/>
      <c r="W1498" s="85"/>
      <c r="X1498" s="85"/>
      <c r="Y1498" s="85"/>
      <c r="Z1498" s="85"/>
      <c r="AA1498" s="85"/>
      <c r="AB1498" s="85"/>
      <c r="AC1498" s="85"/>
      <c r="AD1498" s="85"/>
      <c r="AE1498" s="85"/>
      <c r="AF1498" s="85"/>
      <c r="AG1498" s="85"/>
      <c r="AH1498" s="85"/>
      <c r="AI1498" s="85"/>
      <c r="AJ1498" s="85"/>
      <c r="AK1498" s="85"/>
      <c r="AL1498" s="85"/>
      <c r="AM1498" s="85"/>
      <c r="AN1498" s="85"/>
      <c r="AO1498" s="85"/>
      <c r="AP1498" s="85"/>
      <c r="AQ1498" s="85"/>
      <c r="AR1498" s="85"/>
      <c r="AS1498" s="85"/>
      <c r="AT1498" s="85"/>
      <c r="AU1498" s="85"/>
      <c r="AV1498" s="85"/>
      <c r="AW1498" s="85"/>
      <c r="AX1498" s="85"/>
      <c r="AY1498" s="85"/>
      <c r="AZ1498" s="85"/>
      <c r="BA1498" s="85"/>
      <c r="BB1498" s="85"/>
      <c r="BC1498" s="85"/>
      <c r="BD1498" s="85"/>
      <c r="BE1498" s="85"/>
      <c r="BF1498" s="85"/>
      <c r="BG1498" s="85"/>
      <c r="BH1498" s="85"/>
      <c r="BI1498" s="85"/>
      <c r="BJ1498" s="85"/>
      <c r="BK1498" s="85"/>
      <c r="BL1498" s="85"/>
      <c r="BM1498" s="85"/>
      <c r="BN1498" s="85"/>
      <c r="BO1498" s="85"/>
      <c r="BP1498" s="85"/>
      <c r="BQ1498" s="85"/>
      <c r="BR1498" s="85"/>
      <c r="BS1498" s="85"/>
      <c r="BT1498" s="85"/>
      <c r="BU1498" s="85"/>
      <c r="BV1498" s="85"/>
      <c r="BW1498" s="85"/>
      <c r="BX1498" s="85"/>
      <c r="BY1498" s="85"/>
      <c r="BZ1498" s="85"/>
      <c r="CA1498" s="85"/>
      <c r="CB1498" s="85"/>
      <c r="CC1498" s="85"/>
      <c r="CD1498" s="85"/>
      <c r="CE1498" s="85"/>
      <c r="CF1498" s="85"/>
      <c r="CG1498" s="85"/>
    </row>
    <row r="1499" spans="1:85" s="9" customFormat="1" x14ac:dyDescent="0.2">
      <c r="A1499" s="85"/>
      <c r="J1499" s="85"/>
      <c r="K1499" s="85"/>
      <c r="L1499" s="85"/>
      <c r="M1499" s="85"/>
      <c r="N1499" s="85"/>
      <c r="O1499" s="85"/>
      <c r="P1499" s="85"/>
      <c r="Q1499" s="85"/>
      <c r="R1499" s="85"/>
      <c r="S1499" s="85"/>
      <c r="T1499" s="85"/>
      <c r="U1499" s="85"/>
      <c r="V1499" s="85"/>
      <c r="W1499" s="85"/>
      <c r="X1499" s="85"/>
      <c r="Y1499" s="85"/>
      <c r="Z1499" s="85"/>
      <c r="AA1499" s="85"/>
      <c r="AB1499" s="85"/>
      <c r="AC1499" s="85"/>
      <c r="AD1499" s="85"/>
      <c r="AE1499" s="85"/>
      <c r="AF1499" s="85"/>
      <c r="AG1499" s="85"/>
      <c r="AH1499" s="85"/>
      <c r="AI1499" s="85"/>
      <c r="AJ1499" s="85"/>
      <c r="AK1499" s="85"/>
      <c r="AL1499" s="85"/>
      <c r="AM1499" s="85"/>
      <c r="AN1499" s="85"/>
      <c r="AO1499" s="85"/>
      <c r="AP1499" s="85"/>
      <c r="AQ1499" s="85"/>
      <c r="AR1499" s="85"/>
      <c r="AS1499" s="85"/>
      <c r="AT1499" s="85"/>
      <c r="AU1499" s="85"/>
      <c r="AV1499" s="85"/>
      <c r="AW1499" s="85"/>
      <c r="AX1499" s="85"/>
      <c r="AY1499" s="85"/>
      <c r="AZ1499" s="85"/>
      <c r="BA1499" s="85"/>
      <c r="BB1499" s="85"/>
      <c r="BC1499" s="85"/>
      <c r="BD1499" s="85"/>
      <c r="BE1499" s="85"/>
      <c r="BF1499" s="85"/>
      <c r="BG1499" s="85"/>
      <c r="BH1499" s="85"/>
      <c r="BI1499" s="85"/>
      <c r="BJ1499" s="85"/>
      <c r="BK1499" s="85"/>
      <c r="BL1499" s="85"/>
      <c r="BM1499" s="85"/>
      <c r="BN1499" s="85"/>
      <c r="BO1499" s="85"/>
      <c r="BP1499" s="85"/>
      <c r="BQ1499" s="85"/>
      <c r="BR1499" s="85"/>
      <c r="BS1499" s="85"/>
      <c r="BT1499" s="85"/>
      <c r="BU1499" s="85"/>
      <c r="BV1499" s="85"/>
      <c r="BW1499" s="85"/>
      <c r="BX1499" s="85"/>
      <c r="BY1499" s="85"/>
      <c r="BZ1499" s="85"/>
      <c r="CA1499" s="85"/>
      <c r="CB1499" s="85"/>
      <c r="CC1499" s="85"/>
      <c r="CD1499" s="85"/>
      <c r="CE1499" s="85"/>
      <c r="CF1499" s="85"/>
      <c r="CG1499" s="85"/>
    </row>
    <row r="1500" spans="1:85" s="9" customFormat="1" x14ac:dyDescent="0.2">
      <c r="A1500" s="85"/>
      <c r="J1500" s="85"/>
      <c r="K1500" s="85"/>
      <c r="L1500" s="85"/>
      <c r="M1500" s="85"/>
      <c r="N1500" s="85"/>
      <c r="O1500" s="85"/>
      <c r="P1500" s="85"/>
      <c r="Q1500" s="85"/>
      <c r="R1500" s="85"/>
      <c r="S1500" s="85"/>
      <c r="T1500" s="85"/>
      <c r="U1500" s="85"/>
      <c r="V1500" s="85"/>
      <c r="W1500" s="85"/>
      <c r="X1500" s="85"/>
      <c r="Y1500" s="85"/>
      <c r="Z1500" s="85"/>
      <c r="AA1500" s="85"/>
      <c r="AB1500" s="85"/>
      <c r="AC1500" s="85"/>
      <c r="AD1500" s="85"/>
      <c r="AE1500" s="85"/>
      <c r="AF1500" s="85"/>
      <c r="AG1500" s="85"/>
      <c r="AH1500" s="85"/>
      <c r="AI1500" s="85"/>
      <c r="AJ1500" s="85"/>
      <c r="AK1500" s="85"/>
      <c r="AL1500" s="85"/>
      <c r="AM1500" s="85"/>
      <c r="AN1500" s="85"/>
      <c r="AO1500" s="85"/>
      <c r="AP1500" s="85"/>
      <c r="AQ1500" s="85"/>
      <c r="AR1500" s="85"/>
      <c r="AS1500" s="85"/>
      <c r="AT1500" s="85"/>
      <c r="AU1500" s="85"/>
      <c r="AV1500" s="85"/>
      <c r="AW1500" s="85"/>
      <c r="AX1500" s="85"/>
      <c r="AY1500" s="85"/>
      <c r="AZ1500" s="85"/>
      <c r="BA1500" s="85"/>
      <c r="BB1500" s="85"/>
      <c r="BC1500" s="85"/>
      <c r="BD1500" s="85"/>
      <c r="BE1500" s="85"/>
      <c r="BF1500" s="85"/>
      <c r="BG1500" s="85"/>
      <c r="BH1500" s="85"/>
      <c r="BI1500" s="85"/>
      <c r="BJ1500" s="85"/>
      <c r="BK1500" s="85"/>
      <c r="BL1500" s="85"/>
      <c r="BM1500" s="85"/>
      <c r="BN1500" s="85"/>
      <c r="BO1500" s="85"/>
      <c r="BP1500" s="85"/>
      <c r="BQ1500" s="85"/>
      <c r="BR1500" s="85"/>
      <c r="BS1500" s="85"/>
      <c r="BT1500" s="85"/>
      <c r="BU1500" s="85"/>
      <c r="BV1500" s="85"/>
      <c r="BW1500" s="85"/>
      <c r="BX1500" s="85"/>
      <c r="BY1500" s="85"/>
      <c r="BZ1500" s="85"/>
      <c r="CA1500" s="85"/>
      <c r="CB1500" s="85"/>
      <c r="CC1500" s="85"/>
      <c r="CD1500" s="85"/>
      <c r="CE1500" s="85"/>
      <c r="CF1500" s="85"/>
      <c r="CG1500" s="85"/>
    </row>
    <row r="1501" spans="1:85" s="9" customFormat="1" x14ac:dyDescent="0.2">
      <c r="A1501" s="85"/>
      <c r="J1501" s="85"/>
      <c r="K1501" s="85"/>
      <c r="L1501" s="85"/>
      <c r="M1501" s="85"/>
      <c r="N1501" s="85"/>
      <c r="O1501" s="85"/>
      <c r="P1501" s="85"/>
      <c r="Q1501" s="85"/>
      <c r="R1501" s="85"/>
      <c r="S1501" s="85"/>
      <c r="T1501" s="85"/>
      <c r="U1501" s="85"/>
      <c r="V1501" s="85"/>
      <c r="W1501" s="85"/>
      <c r="X1501" s="85"/>
      <c r="Y1501" s="85"/>
      <c r="Z1501" s="85"/>
      <c r="AA1501" s="85"/>
      <c r="AB1501" s="85"/>
      <c r="AC1501" s="85"/>
      <c r="AD1501" s="85"/>
      <c r="AE1501" s="85"/>
      <c r="AF1501" s="85"/>
      <c r="AG1501" s="85"/>
      <c r="AH1501" s="85"/>
      <c r="AI1501" s="85"/>
      <c r="AJ1501" s="85"/>
      <c r="AK1501" s="85"/>
      <c r="AL1501" s="85"/>
      <c r="AM1501" s="85"/>
      <c r="AN1501" s="85"/>
      <c r="AO1501" s="85"/>
      <c r="AP1501" s="85"/>
      <c r="AQ1501" s="85"/>
      <c r="AR1501" s="85"/>
      <c r="AS1501" s="85"/>
      <c r="AT1501" s="85"/>
      <c r="AU1501" s="85"/>
      <c r="AV1501" s="85"/>
      <c r="AW1501" s="85"/>
      <c r="AX1501" s="85"/>
      <c r="AY1501" s="85"/>
      <c r="AZ1501" s="85"/>
      <c r="BA1501" s="85"/>
      <c r="BB1501" s="85"/>
      <c r="BC1501" s="85"/>
      <c r="BD1501" s="85"/>
      <c r="BE1501" s="85"/>
      <c r="BF1501" s="85"/>
      <c r="BG1501" s="85"/>
      <c r="BH1501" s="85"/>
      <c r="BI1501" s="85"/>
      <c r="BJ1501" s="85"/>
      <c r="BK1501" s="85"/>
      <c r="BL1501" s="85"/>
      <c r="BM1501" s="85"/>
      <c r="BN1501" s="85"/>
      <c r="BO1501" s="85"/>
      <c r="BP1501" s="85"/>
      <c r="BQ1501" s="85"/>
      <c r="BR1501" s="85"/>
      <c r="BS1501" s="85"/>
      <c r="BT1501" s="85"/>
      <c r="BU1501" s="85"/>
      <c r="BV1501" s="85"/>
      <c r="BW1501" s="85"/>
      <c r="BX1501" s="85"/>
      <c r="BY1501" s="85"/>
      <c r="BZ1501" s="85"/>
      <c r="CA1501" s="85"/>
      <c r="CB1501" s="85"/>
      <c r="CC1501" s="85"/>
      <c r="CD1501" s="85"/>
      <c r="CE1501" s="85"/>
      <c r="CF1501" s="85"/>
      <c r="CG1501" s="85"/>
    </row>
    <row r="1502" spans="1:85" s="9" customFormat="1" x14ac:dyDescent="0.2">
      <c r="A1502" s="85"/>
      <c r="J1502" s="85"/>
      <c r="K1502" s="85"/>
      <c r="L1502" s="85"/>
      <c r="M1502" s="85"/>
      <c r="N1502" s="85"/>
      <c r="O1502" s="85"/>
      <c r="P1502" s="85"/>
      <c r="Q1502" s="85"/>
      <c r="R1502" s="85"/>
      <c r="S1502" s="85"/>
      <c r="T1502" s="85"/>
      <c r="U1502" s="85"/>
      <c r="V1502" s="85"/>
      <c r="W1502" s="85"/>
      <c r="X1502" s="85"/>
      <c r="Y1502" s="85"/>
      <c r="Z1502" s="85"/>
      <c r="AA1502" s="85"/>
      <c r="AB1502" s="85"/>
      <c r="AC1502" s="85"/>
      <c r="AD1502" s="85"/>
      <c r="AE1502" s="85"/>
      <c r="AF1502" s="85"/>
      <c r="AG1502" s="85"/>
      <c r="AH1502" s="85"/>
      <c r="AI1502" s="85"/>
      <c r="AJ1502" s="85"/>
      <c r="AK1502" s="85"/>
      <c r="AL1502" s="85"/>
      <c r="AM1502" s="85"/>
      <c r="AN1502" s="85"/>
      <c r="AO1502" s="85"/>
      <c r="AP1502" s="85"/>
      <c r="AQ1502" s="85"/>
      <c r="AR1502" s="85"/>
      <c r="AS1502" s="85"/>
      <c r="AT1502" s="85"/>
      <c r="AU1502" s="85"/>
      <c r="AV1502" s="85"/>
      <c r="AW1502" s="85"/>
      <c r="AX1502" s="85"/>
      <c r="AY1502" s="85"/>
      <c r="AZ1502" s="85"/>
      <c r="BA1502" s="85"/>
      <c r="BB1502" s="85"/>
      <c r="BC1502" s="85"/>
      <c r="BD1502" s="85"/>
      <c r="BE1502" s="85"/>
      <c r="BF1502" s="85"/>
      <c r="BG1502" s="85"/>
      <c r="BH1502" s="85"/>
      <c r="BI1502" s="85"/>
      <c r="BJ1502" s="85"/>
      <c r="BK1502" s="85"/>
      <c r="BL1502" s="85"/>
      <c r="BM1502" s="85"/>
      <c r="BN1502" s="85"/>
      <c r="BO1502" s="85"/>
      <c r="BP1502" s="85"/>
      <c r="BQ1502" s="85"/>
      <c r="BR1502" s="85"/>
      <c r="BS1502" s="85"/>
      <c r="BT1502" s="85"/>
      <c r="BU1502" s="85"/>
      <c r="BV1502" s="85"/>
      <c r="BW1502" s="85"/>
      <c r="BX1502" s="85"/>
      <c r="BY1502" s="85"/>
      <c r="BZ1502" s="85"/>
      <c r="CA1502" s="85"/>
      <c r="CB1502" s="85"/>
      <c r="CC1502" s="85"/>
      <c r="CD1502" s="85"/>
      <c r="CE1502" s="85"/>
      <c r="CF1502" s="85"/>
      <c r="CG1502" s="85"/>
    </row>
    <row r="1503" spans="1:85" s="9" customFormat="1" x14ac:dyDescent="0.2">
      <c r="A1503" s="85"/>
      <c r="J1503" s="85"/>
      <c r="K1503" s="85"/>
      <c r="L1503" s="85"/>
      <c r="M1503" s="85"/>
      <c r="N1503" s="85"/>
      <c r="O1503" s="85"/>
      <c r="P1503" s="85"/>
      <c r="Q1503" s="85"/>
      <c r="R1503" s="85"/>
      <c r="S1503" s="85"/>
      <c r="T1503" s="85"/>
      <c r="U1503" s="85"/>
      <c r="V1503" s="85"/>
      <c r="W1503" s="85"/>
      <c r="X1503" s="85"/>
      <c r="Y1503" s="85"/>
      <c r="Z1503" s="85"/>
      <c r="AA1503" s="85"/>
      <c r="AB1503" s="85"/>
      <c r="AC1503" s="85"/>
      <c r="AD1503" s="85"/>
      <c r="AE1503" s="85"/>
      <c r="AF1503" s="85"/>
      <c r="AG1503" s="85"/>
      <c r="AH1503" s="85"/>
      <c r="AI1503" s="85"/>
      <c r="AJ1503" s="85"/>
      <c r="AK1503" s="85"/>
      <c r="AL1503" s="85"/>
      <c r="AM1503" s="85"/>
      <c r="AN1503" s="85"/>
      <c r="AO1503" s="85"/>
      <c r="AP1503" s="85"/>
      <c r="AQ1503" s="85"/>
      <c r="AR1503" s="85"/>
      <c r="AS1503" s="85"/>
      <c r="AT1503" s="85"/>
      <c r="AU1503" s="85"/>
      <c r="AV1503" s="85"/>
      <c r="AW1503" s="85"/>
      <c r="AX1503" s="85"/>
      <c r="AY1503" s="85"/>
      <c r="AZ1503" s="85"/>
      <c r="BA1503" s="85"/>
      <c r="BB1503" s="85"/>
      <c r="BC1503" s="85"/>
      <c r="BD1503" s="85"/>
      <c r="BE1503" s="85"/>
      <c r="BF1503" s="85"/>
      <c r="BG1503" s="85"/>
      <c r="BH1503" s="85"/>
      <c r="BI1503" s="85"/>
      <c r="BJ1503" s="85"/>
      <c r="BK1503" s="85"/>
      <c r="BL1503" s="85"/>
      <c r="BM1503" s="85"/>
      <c r="BN1503" s="85"/>
      <c r="BO1503" s="85"/>
      <c r="BP1503" s="85"/>
      <c r="BQ1503" s="85"/>
      <c r="BR1503" s="85"/>
      <c r="BS1503" s="85"/>
      <c r="BT1503" s="85"/>
      <c r="BU1503" s="85"/>
      <c r="BV1503" s="85"/>
      <c r="BW1503" s="85"/>
      <c r="BX1503" s="85"/>
      <c r="BY1503" s="85"/>
      <c r="BZ1503" s="85"/>
      <c r="CA1503" s="85"/>
      <c r="CB1503" s="85"/>
      <c r="CC1503" s="85"/>
      <c r="CD1503" s="85"/>
      <c r="CE1503" s="85"/>
      <c r="CF1503" s="85"/>
      <c r="CG1503" s="85"/>
    </row>
    <row r="1504" spans="1:85" s="9" customFormat="1" x14ac:dyDescent="0.2">
      <c r="A1504" s="85"/>
      <c r="J1504" s="85"/>
      <c r="K1504" s="85"/>
      <c r="L1504" s="85"/>
      <c r="M1504" s="85"/>
      <c r="N1504" s="85"/>
      <c r="O1504" s="85"/>
      <c r="P1504" s="85"/>
      <c r="Q1504" s="85"/>
      <c r="R1504" s="85"/>
      <c r="S1504" s="85"/>
      <c r="T1504" s="85"/>
      <c r="U1504" s="85"/>
      <c r="V1504" s="85"/>
      <c r="W1504" s="85"/>
      <c r="X1504" s="85"/>
      <c r="Y1504" s="85"/>
      <c r="Z1504" s="85"/>
      <c r="AA1504" s="85"/>
      <c r="AB1504" s="85"/>
      <c r="AC1504" s="85"/>
      <c r="AD1504" s="85"/>
      <c r="AE1504" s="85"/>
      <c r="AF1504" s="85"/>
      <c r="AG1504" s="85"/>
      <c r="AH1504" s="85"/>
      <c r="AI1504" s="85"/>
      <c r="AJ1504" s="85"/>
      <c r="AK1504" s="85"/>
      <c r="AL1504" s="85"/>
      <c r="AM1504" s="85"/>
      <c r="AN1504" s="85"/>
      <c r="AO1504" s="85"/>
      <c r="AP1504" s="85"/>
      <c r="AQ1504" s="85"/>
      <c r="AR1504" s="85"/>
      <c r="AS1504" s="85"/>
      <c r="AT1504" s="85"/>
      <c r="AU1504" s="85"/>
      <c r="AV1504" s="85"/>
      <c r="AW1504" s="85"/>
      <c r="AX1504" s="85"/>
      <c r="AY1504" s="85"/>
      <c r="AZ1504" s="85"/>
      <c r="BA1504" s="85"/>
      <c r="BB1504" s="85"/>
      <c r="BC1504" s="85"/>
      <c r="BD1504" s="85"/>
      <c r="BE1504" s="85"/>
      <c r="BF1504" s="85"/>
      <c r="BG1504" s="85"/>
      <c r="BH1504" s="85"/>
      <c r="BI1504" s="85"/>
      <c r="BJ1504" s="85"/>
      <c r="BK1504" s="85"/>
      <c r="BL1504" s="85"/>
      <c r="BM1504" s="85"/>
      <c r="BN1504" s="85"/>
      <c r="BO1504" s="85"/>
      <c r="BP1504" s="85"/>
      <c r="BQ1504" s="85"/>
      <c r="BR1504" s="85"/>
      <c r="BS1504" s="85"/>
      <c r="BT1504" s="85"/>
      <c r="BU1504" s="85"/>
      <c r="BV1504" s="85"/>
      <c r="BW1504" s="85"/>
      <c r="BX1504" s="85"/>
      <c r="BY1504" s="85"/>
      <c r="BZ1504" s="85"/>
      <c r="CA1504" s="85"/>
      <c r="CB1504" s="85"/>
      <c r="CC1504" s="85"/>
      <c r="CD1504" s="85"/>
      <c r="CE1504" s="85"/>
      <c r="CF1504" s="85"/>
      <c r="CG1504" s="85"/>
    </row>
    <row r="1505" spans="1:85" s="9" customFormat="1" x14ac:dyDescent="0.2">
      <c r="A1505" s="85"/>
      <c r="J1505" s="85"/>
      <c r="K1505" s="85"/>
      <c r="L1505" s="85"/>
      <c r="M1505" s="85"/>
      <c r="N1505" s="85"/>
      <c r="O1505" s="85"/>
      <c r="P1505" s="85"/>
      <c r="Q1505" s="85"/>
      <c r="R1505" s="85"/>
      <c r="S1505" s="85"/>
      <c r="T1505" s="85"/>
      <c r="U1505" s="85"/>
      <c r="V1505" s="85"/>
      <c r="W1505" s="85"/>
      <c r="X1505" s="85"/>
      <c r="Y1505" s="85"/>
      <c r="Z1505" s="85"/>
      <c r="AA1505" s="85"/>
      <c r="AB1505" s="85"/>
      <c r="AC1505" s="85"/>
      <c r="AD1505" s="85"/>
      <c r="AE1505" s="85"/>
      <c r="AF1505" s="85"/>
      <c r="AG1505" s="85"/>
      <c r="AH1505" s="85"/>
      <c r="AI1505" s="85"/>
      <c r="AJ1505" s="85"/>
      <c r="AK1505" s="85"/>
      <c r="AL1505" s="85"/>
      <c r="AM1505" s="85"/>
      <c r="AN1505" s="85"/>
      <c r="AO1505" s="85"/>
      <c r="AP1505" s="85"/>
      <c r="AQ1505" s="85"/>
      <c r="AR1505" s="85"/>
      <c r="AS1505" s="85"/>
      <c r="AT1505" s="85"/>
      <c r="AU1505" s="85"/>
      <c r="AV1505" s="85"/>
      <c r="AW1505" s="85"/>
      <c r="AX1505" s="85"/>
      <c r="AY1505" s="85"/>
      <c r="AZ1505" s="85"/>
      <c r="BA1505" s="85"/>
      <c r="BB1505" s="85"/>
      <c r="BC1505" s="85"/>
      <c r="BD1505" s="85"/>
      <c r="BE1505" s="85"/>
      <c r="BF1505" s="85"/>
      <c r="BG1505" s="85"/>
      <c r="BH1505" s="85"/>
      <c r="BI1505" s="85"/>
      <c r="BJ1505" s="85"/>
      <c r="BK1505" s="85"/>
      <c r="BL1505" s="85"/>
      <c r="BM1505" s="85"/>
      <c r="BN1505" s="85"/>
      <c r="BO1505" s="85"/>
      <c r="BP1505" s="85"/>
      <c r="BQ1505" s="85"/>
      <c r="BR1505" s="85"/>
      <c r="BS1505" s="85"/>
      <c r="BT1505" s="85"/>
      <c r="BU1505" s="85"/>
      <c r="BV1505" s="85"/>
      <c r="BW1505" s="85"/>
      <c r="BX1505" s="85"/>
      <c r="BY1505" s="85"/>
      <c r="BZ1505" s="85"/>
      <c r="CA1505" s="85"/>
      <c r="CB1505" s="85"/>
      <c r="CC1505" s="85"/>
      <c r="CD1505" s="85"/>
      <c r="CE1505" s="85"/>
      <c r="CF1505" s="85"/>
      <c r="CG1505" s="85"/>
    </row>
    <row r="1506" spans="1:85" s="9" customFormat="1" x14ac:dyDescent="0.2">
      <c r="A1506" s="85"/>
      <c r="J1506" s="85"/>
      <c r="K1506" s="85"/>
      <c r="L1506" s="85"/>
      <c r="M1506" s="85"/>
      <c r="N1506" s="85"/>
      <c r="O1506" s="85"/>
      <c r="P1506" s="85"/>
      <c r="Q1506" s="85"/>
      <c r="R1506" s="85"/>
      <c r="S1506" s="85"/>
      <c r="T1506" s="85"/>
      <c r="U1506" s="85"/>
      <c r="V1506" s="85"/>
      <c r="W1506" s="85"/>
      <c r="X1506" s="85"/>
      <c r="Y1506" s="85"/>
      <c r="Z1506" s="85"/>
      <c r="AA1506" s="85"/>
      <c r="AB1506" s="85"/>
      <c r="AC1506" s="85"/>
      <c r="AD1506" s="85"/>
      <c r="AE1506" s="85"/>
      <c r="AF1506" s="85"/>
      <c r="AG1506" s="85"/>
      <c r="AH1506" s="85"/>
      <c r="AI1506" s="85"/>
      <c r="AJ1506" s="85"/>
      <c r="AK1506" s="85"/>
      <c r="AL1506" s="85"/>
      <c r="AM1506" s="85"/>
      <c r="AN1506" s="85"/>
      <c r="AO1506" s="85"/>
      <c r="AP1506" s="85"/>
      <c r="AQ1506" s="85"/>
      <c r="AR1506" s="85"/>
      <c r="AS1506" s="85"/>
      <c r="AT1506" s="85"/>
      <c r="AU1506" s="85"/>
      <c r="AV1506" s="85"/>
      <c r="AW1506" s="85"/>
      <c r="AX1506" s="85"/>
      <c r="AY1506" s="85"/>
      <c r="AZ1506" s="85"/>
      <c r="BA1506" s="85"/>
      <c r="BB1506" s="85"/>
      <c r="BC1506" s="85"/>
      <c r="BD1506" s="85"/>
      <c r="BE1506" s="85"/>
      <c r="BF1506" s="85"/>
      <c r="BG1506" s="85"/>
      <c r="BH1506" s="85"/>
      <c r="BI1506" s="85"/>
      <c r="BJ1506" s="85"/>
      <c r="BK1506" s="85"/>
      <c r="BL1506" s="85"/>
      <c r="BM1506" s="85"/>
      <c r="BN1506" s="85"/>
      <c r="BO1506" s="85"/>
      <c r="BP1506" s="85"/>
      <c r="BQ1506" s="85"/>
      <c r="BR1506" s="85"/>
      <c r="BS1506" s="85"/>
      <c r="BT1506" s="85"/>
      <c r="BU1506" s="85"/>
      <c r="BV1506" s="85"/>
      <c r="BW1506" s="85"/>
      <c r="BX1506" s="85"/>
      <c r="BY1506" s="85"/>
      <c r="BZ1506" s="85"/>
      <c r="CA1506" s="85"/>
      <c r="CB1506" s="85"/>
      <c r="CC1506" s="85"/>
      <c r="CD1506" s="85"/>
      <c r="CE1506" s="85"/>
      <c r="CF1506" s="85"/>
      <c r="CG1506" s="85"/>
    </row>
    <row r="1507" spans="1:85" s="9" customFormat="1" x14ac:dyDescent="0.2">
      <c r="A1507" s="85"/>
      <c r="J1507" s="85"/>
      <c r="K1507" s="85"/>
      <c r="L1507" s="85"/>
      <c r="M1507" s="85"/>
      <c r="N1507" s="85"/>
      <c r="O1507" s="85"/>
      <c r="P1507" s="85"/>
      <c r="Q1507" s="85"/>
      <c r="R1507" s="85"/>
      <c r="S1507" s="85"/>
      <c r="T1507" s="85"/>
      <c r="U1507" s="85"/>
      <c r="V1507" s="85"/>
      <c r="W1507" s="85"/>
      <c r="X1507" s="85"/>
      <c r="Y1507" s="85"/>
      <c r="Z1507" s="85"/>
      <c r="AA1507" s="85"/>
      <c r="AB1507" s="85"/>
      <c r="AC1507" s="85"/>
      <c r="AD1507" s="85"/>
      <c r="AE1507" s="85"/>
      <c r="AF1507" s="85"/>
      <c r="AG1507" s="85"/>
      <c r="AH1507" s="85"/>
      <c r="AI1507" s="85"/>
      <c r="AJ1507" s="85"/>
      <c r="AK1507" s="85"/>
      <c r="AL1507" s="85"/>
      <c r="AM1507" s="85"/>
      <c r="AN1507" s="85"/>
      <c r="AO1507" s="85"/>
      <c r="AP1507" s="85"/>
      <c r="AQ1507" s="85"/>
      <c r="AR1507" s="85"/>
      <c r="AS1507" s="85"/>
      <c r="AT1507" s="85"/>
      <c r="AU1507" s="85"/>
      <c r="AV1507" s="85"/>
      <c r="AW1507" s="85"/>
      <c r="AX1507" s="85"/>
      <c r="AY1507" s="85"/>
      <c r="AZ1507" s="85"/>
      <c r="BA1507" s="85"/>
      <c r="BB1507" s="85"/>
      <c r="BC1507" s="85"/>
      <c r="BD1507" s="85"/>
      <c r="BE1507" s="85"/>
      <c r="BF1507" s="85"/>
      <c r="BG1507" s="85"/>
      <c r="BH1507" s="85"/>
      <c r="BI1507" s="85"/>
      <c r="BJ1507" s="85"/>
      <c r="BK1507" s="85"/>
      <c r="BL1507" s="85"/>
      <c r="BM1507" s="85"/>
      <c r="BN1507" s="85"/>
      <c r="BO1507" s="85"/>
      <c r="BP1507" s="85"/>
      <c r="BQ1507" s="85"/>
      <c r="BR1507" s="85"/>
      <c r="BS1507" s="85"/>
      <c r="BT1507" s="85"/>
      <c r="BU1507" s="85"/>
      <c r="BV1507" s="85"/>
      <c r="BW1507" s="85"/>
      <c r="BX1507" s="85"/>
      <c r="BY1507" s="85"/>
      <c r="BZ1507" s="85"/>
      <c r="CA1507" s="85"/>
      <c r="CB1507" s="85"/>
      <c r="CC1507" s="85"/>
      <c r="CD1507" s="85"/>
      <c r="CE1507" s="85"/>
      <c r="CF1507" s="85"/>
      <c r="CG1507" s="85"/>
    </row>
    <row r="1508" spans="1:85" s="9" customFormat="1" x14ac:dyDescent="0.2">
      <c r="A1508" s="85"/>
      <c r="J1508" s="85"/>
      <c r="K1508" s="85"/>
      <c r="L1508" s="85"/>
      <c r="M1508" s="85"/>
      <c r="N1508" s="85"/>
      <c r="O1508" s="85"/>
      <c r="P1508" s="85"/>
      <c r="Q1508" s="85"/>
      <c r="R1508" s="85"/>
      <c r="S1508" s="85"/>
      <c r="T1508" s="85"/>
      <c r="U1508" s="85"/>
      <c r="V1508" s="85"/>
      <c r="W1508" s="85"/>
      <c r="X1508" s="85"/>
      <c r="Y1508" s="85"/>
      <c r="Z1508" s="85"/>
      <c r="AA1508" s="85"/>
      <c r="AB1508" s="85"/>
      <c r="AC1508" s="85"/>
      <c r="AD1508" s="85"/>
      <c r="AE1508" s="85"/>
      <c r="AF1508" s="85"/>
      <c r="AG1508" s="85"/>
      <c r="AH1508" s="85"/>
      <c r="AI1508" s="85"/>
      <c r="AJ1508" s="85"/>
      <c r="AK1508" s="85"/>
      <c r="AL1508" s="85"/>
      <c r="AM1508" s="85"/>
      <c r="AN1508" s="85"/>
      <c r="AO1508" s="85"/>
      <c r="AP1508" s="85"/>
      <c r="AQ1508" s="85"/>
      <c r="AR1508" s="85"/>
      <c r="AS1508" s="85"/>
      <c r="AT1508" s="85"/>
      <c r="AU1508" s="85"/>
      <c r="AV1508" s="85"/>
      <c r="AW1508" s="85"/>
      <c r="AX1508" s="85"/>
      <c r="AY1508" s="85"/>
      <c r="AZ1508" s="85"/>
      <c r="BA1508" s="85"/>
      <c r="BB1508" s="85"/>
      <c r="BC1508" s="85"/>
      <c r="BD1508" s="85"/>
      <c r="BE1508" s="85"/>
      <c r="BF1508" s="85"/>
      <c r="BG1508" s="85"/>
      <c r="BH1508" s="85"/>
      <c r="BI1508" s="85"/>
      <c r="BJ1508" s="85"/>
      <c r="BK1508" s="85"/>
      <c r="BL1508" s="85"/>
      <c r="BM1508" s="85"/>
      <c r="BN1508" s="85"/>
      <c r="BO1508" s="85"/>
      <c r="BP1508" s="85"/>
      <c r="BQ1508" s="85"/>
      <c r="BR1508" s="85"/>
      <c r="BS1508" s="85"/>
      <c r="BT1508" s="85"/>
      <c r="BU1508" s="85"/>
      <c r="BV1508" s="85"/>
      <c r="BW1508" s="85"/>
      <c r="BX1508" s="85"/>
      <c r="BY1508" s="85"/>
      <c r="BZ1508" s="85"/>
      <c r="CA1508" s="85"/>
      <c r="CB1508" s="85"/>
      <c r="CC1508" s="85"/>
      <c r="CD1508" s="85"/>
      <c r="CE1508" s="85"/>
      <c r="CF1508" s="85"/>
      <c r="CG1508" s="85"/>
    </row>
    <row r="1509" spans="1:85" s="9" customFormat="1" x14ac:dyDescent="0.2">
      <c r="A1509" s="85"/>
      <c r="J1509" s="85"/>
      <c r="K1509" s="85"/>
      <c r="L1509" s="85"/>
      <c r="M1509" s="85"/>
      <c r="N1509" s="85"/>
      <c r="O1509" s="85"/>
      <c r="P1509" s="85"/>
      <c r="Q1509" s="85"/>
      <c r="R1509" s="85"/>
      <c r="S1509" s="85"/>
      <c r="T1509" s="85"/>
      <c r="U1509" s="85"/>
      <c r="V1509" s="85"/>
      <c r="W1509" s="85"/>
      <c r="X1509" s="85"/>
      <c r="Y1509" s="85"/>
      <c r="Z1509" s="85"/>
      <c r="AA1509" s="85"/>
      <c r="AB1509" s="85"/>
      <c r="AC1509" s="85"/>
      <c r="AD1509" s="85"/>
      <c r="AE1509" s="85"/>
      <c r="AF1509" s="85"/>
      <c r="AG1509" s="85"/>
      <c r="AH1509" s="85"/>
      <c r="AI1509" s="85"/>
      <c r="AJ1509" s="85"/>
      <c r="AK1509" s="85"/>
      <c r="AL1509" s="85"/>
      <c r="AM1509" s="85"/>
      <c r="AN1509" s="85"/>
      <c r="AO1509" s="85"/>
      <c r="AP1509" s="85"/>
      <c r="AQ1509" s="85"/>
      <c r="AR1509" s="85"/>
      <c r="AS1509" s="85"/>
      <c r="AT1509" s="85"/>
      <c r="AU1509" s="85"/>
      <c r="AV1509" s="85"/>
      <c r="AW1509" s="85"/>
      <c r="AX1509" s="85"/>
      <c r="AY1509" s="85"/>
      <c r="AZ1509" s="85"/>
      <c r="BA1509" s="85"/>
      <c r="BB1509" s="85"/>
      <c r="BC1509" s="85"/>
      <c r="BD1509" s="85"/>
      <c r="BE1509" s="85"/>
      <c r="BF1509" s="85"/>
      <c r="BG1509" s="85"/>
      <c r="BH1509" s="85"/>
      <c r="BI1509" s="85"/>
      <c r="BJ1509" s="85"/>
      <c r="BK1509" s="85"/>
      <c r="BL1509" s="85"/>
      <c r="BM1509" s="85"/>
      <c r="BN1509" s="85"/>
      <c r="BO1509" s="85"/>
      <c r="BP1509" s="85"/>
      <c r="BQ1509" s="85"/>
      <c r="BR1509" s="85"/>
      <c r="BS1509" s="85"/>
      <c r="BT1509" s="85"/>
      <c r="BU1509" s="85"/>
      <c r="BV1509" s="85"/>
      <c r="BW1509" s="85"/>
      <c r="BX1509" s="85"/>
      <c r="BY1509" s="85"/>
      <c r="BZ1509" s="85"/>
      <c r="CA1509" s="85"/>
      <c r="CB1509" s="85"/>
      <c r="CC1509" s="85"/>
      <c r="CD1509" s="85"/>
      <c r="CE1509" s="85"/>
      <c r="CF1509" s="85"/>
      <c r="CG1509" s="85"/>
    </row>
    <row r="1510" spans="1:85" s="9" customFormat="1" x14ac:dyDescent="0.2">
      <c r="A1510" s="85"/>
      <c r="J1510" s="85"/>
      <c r="K1510" s="85"/>
      <c r="L1510" s="85"/>
      <c r="M1510" s="85"/>
      <c r="N1510" s="85"/>
      <c r="O1510" s="85"/>
      <c r="P1510" s="85"/>
      <c r="Q1510" s="85"/>
      <c r="R1510" s="85"/>
      <c r="S1510" s="85"/>
      <c r="T1510" s="85"/>
      <c r="U1510" s="85"/>
      <c r="V1510" s="85"/>
      <c r="W1510" s="85"/>
      <c r="X1510" s="85"/>
      <c r="Y1510" s="85"/>
      <c r="Z1510" s="85"/>
      <c r="AA1510" s="85"/>
      <c r="AB1510" s="85"/>
      <c r="AC1510" s="85"/>
      <c r="AD1510" s="85"/>
      <c r="AE1510" s="85"/>
      <c r="AF1510" s="85"/>
      <c r="AG1510" s="85"/>
      <c r="AH1510" s="85"/>
      <c r="AI1510" s="85"/>
      <c r="AJ1510" s="85"/>
      <c r="AK1510" s="85"/>
      <c r="AL1510" s="85"/>
      <c r="AM1510" s="85"/>
      <c r="AN1510" s="85"/>
      <c r="AO1510" s="85"/>
      <c r="AP1510" s="85"/>
      <c r="AQ1510" s="85"/>
      <c r="AR1510" s="85"/>
      <c r="AS1510" s="85"/>
      <c r="AT1510" s="85"/>
      <c r="AU1510" s="85"/>
      <c r="AV1510" s="85"/>
      <c r="AW1510" s="85"/>
      <c r="AX1510" s="85"/>
      <c r="AY1510" s="85"/>
      <c r="AZ1510" s="85"/>
      <c r="BA1510" s="85"/>
      <c r="BB1510" s="85"/>
      <c r="BC1510" s="85"/>
      <c r="BD1510" s="85"/>
      <c r="BE1510" s="85"/>
      <c r="BF1510" s="85"/>
      <c r="BG1510" s="85"/>
      <c r="BH1510" s="85"/>
      <c r="BI1510" s="85"/>
      <c r="BJ1510" s="85"/>
      <c r="BK1510" s="85"/>
      <c r="BL1510" s="85"/>
      <c r="BM1510" s="85"/>
      <c r="BN1510" s="85"/>
      <c r="BO1510" s="85"/>
      <c r="BP1510" s="85"/>
      <c r="BQ1510" s="85"/>
      <c r="BR1510" s="85"/>
      <c r="BS1510" s="85"/>
      <c r="BT1510" s="85"/>
      <c r="BU1510" s="85"/>
      <c r="BV1510" s="85"/>
      <c r="BW1510" s="85"/>
      <c r="BX1510" s="85"/>
      <c r="BY1510" s="85"/>
      <c r="BZ1510" s="85"/>
      <c r="CA1510" s="85"/>
      <c r="CB1510" s="85"/>
      <c r="CC1510" s="85"/>
      <c r="CD1510" s="85"/>
      <c r="CE1510" s="85"/>
      <c r="CF1510" s="85"/>
      <c r="CG1510" s="85"/>
    </row>
    <row r="1511" spans="1:85" s="9" customFormat="1" x14ac:dyDescent="0.2">
      <c r="A1511" s="85"/>
      <c r="J1511" s="85"/>
      <c r="K1511" s="85"/>
      <c r="L1511" s="85"/>
      <c r="M1511" s="85"/>
      <c r="N1511" s="85"/>
      <c r="O1511" s="85"/>
      <c r="P1511" s="85"/>
      <c r="Q1511" s="85"/>
      <c r="R1511" s="85"/>
      <c r="S1511" s="85"/>
      <c r="T1511" s="85"/>
      <c r="U1511" s="85"/>
      <c r="V1511" s="85"/>
      <c r="W1511" s="85"/>
      <c r="X1511" s="85"/>
      <c r="Y1511" s="85"/>
      <c r="Z1511" s="85"/>
      <c r="AA1511" s="85"/>
      <c r="AB1511" s="85"/>
      <c r="AC1511" s="85"/>
      <c r="AD1511" s="85"/>
      <c r="AE1511" s="85"/>
      <c r="AF1511" s="85"/>
      <c r="AG1511" s="85"/>
      <c r="AH1511" s="85"/>
      <c r="AI1511" s="85"/>
      <c r="AJ1511" s="85"/>
      <c r="AK1511" s="85"/>
      <c r="AL1511" s="85"/>
      <c r="AM1511" s="85"/>
      <c r="AN1511" s="85"/>
      <c r="AO1511" s="85"/>
      <c r="AP1511" s="85"/>
      <c r="AQ1511" s="85"/>
      <c r="AR1511" s="85"/>
      <c r="AS1511" s="85"/>
      <c r="AT1511" s="85"/>
      <c r="AU1511" s="85"/>
      <c r="AV1511" s="85"/>
      <c r="AW1511" s="85"/>
      <c r="AX1511" s="85"/>
      <c r="AY1511" s="85"/>
      <c r="AZ1511" s="85"/>
      <c r="BA1511" s="85"/>
      <c r="BB1511" s="85"/>
      <c r="BC1511" s="85"/>
      <c r="BD1511" s="85"/>
      <c r="BE1511" s="85"/>
      <c r="BF1511" s="85"/>
      <c r="BG1511" s="85"/>
      <c r="BH1511" s="85"/>
      <c r="BI1511" s="85"/>
      <c r="BJ1511" s="85"/>
      <c r="BK1511" s="85"/>
      <c r="BL1511" s="85"/>
      <c r="BM1511" s="85"/>
      <c r="BN1511" s="85"/>
      <c r="BO1511" s="85"/>
      <c r="BP1511" s="85"/>
      <c r="BQ1511" s="85"/>
      <c r="BR1511" s="85"/>
      <c r="BS1511" s="85"/>
      <c r="BT1511" s="85"/>
      <c r="BU1511" s="85"/>
      <c r="BV1511" s="85"/>
      <c r="BW1511" s="85"/>
      <c r="BX1511" s="85"/>
      <c r="BY1511" s="85"/>
      <c r="BZ1511" s="85"/>
      <c r="CA1511" s="85"/>
      <c r="CB1511" s="85"/>
      <c r="CC1511" s="85"/>
      <c r="CD1511" s="85"/>
      <c r="CE1511" s="85"/>
      <c r="CF1511" s="85"/>
      <c r="CG1511" s="85"/>
    </row>
    <row r="1512" spans="1:85" s="9" customFormat="1" x14ac:dyDescent="0.2">
      <c r="A1512" s="85"/>
      <c r="J1512" s="85"/>
      <c r="K1512" s="85"/>
      <c r="L1512" s="85"/>
      <c r="M1512" s="85"/>
      <c r="N1512" s="85"/>
      <c r="O1512" s="85"/>
      <c r="P1512" s="85"/>
      <c r="Q1512" s="85"/>
      <c r="R1512" s="85"/>
      <c r="S1512" s="85"/>
      <c r="T1512" s="85"/>
      <c r="U1512" s="85"/>
      <c r="V1512" s="85"/>
      <c r="W1512" s="85"/>
      <c r="X1512" s="85"/>
      <c r="Y1512" s="85"/>
      <c r="Z1512" s="85"/>
      <c r="AA1512" s="85"/>
      <c r="AB1512" s="85"/>
      <c r="AC1512" s="85"/>
      <c r="AD1512" s="85"/>
      <c r="AE1512" s="85"/>
      <c r="AF1512" s="85"/>
      <c r="AG1512" s="85"/>
      <c r="AH1512" s="85"/>
      <c r="AI1512" s="85"/>
      <c r="AJ1512" s="85"/>
      <c r="AK1512" s="85"/>
      <c r="AL1512" s="85"/>
      <c r="AM1512" s="85"/>
      <c r="AN1512" s="85"/>
      <c r="AO1512" s="85"/>
      <c r="AP1512" s="85"/>
      <c r="AQ1512" s="85"/>
      <c r="AR1512" s="85"/>
      <c r="AS1512" s="85"/>
      <c r="AT1512" s="85"/>
      <c r="AU1512" s="85"/>
      <c r="AV1512" s="85"/>
      <c r="AW1512" s="85"/>
      <c r="AX1512" s="85"/>
      <c r="AY1512" s="85"/>
      <c r="AZ1512" s="85"/>
      <c r="BA1512" s="85"/>
      <c r="BB1512" s="85"/>
      <c r="BC1512" s="85"/>
      <c r="BD1512" s="85"/>
      <c r="BE1512" s="85"/>
      <c r="BF1512" s="85"/>
      <c r="BG1512" s="85"/>
      <c r="BH1512" s="85"/>
      <c r="BI1512" s="85"/>
      <c r="BJ1512" s="85"/>
      <c r="BK1512" s="85"/>
      <c r="BL1512" s="85"/>
      <c r="BM1512" s="85"/>
      <c r="BN1512" s="85"/>
      <c r="BO1512" s="85"/>
      <c r="BP1512" s="85"/>
      <c r="BQ1512" s="85"/>
      <c r="BR1512" s="85"/>
      <c r="BS1512" s="85"/>
      <c r="BT1512" s="85"/>
      <c r="BU1512" s="85"/>
      <c r="BV1512" s="85"/>
      <c r="BW1512" s="85"/>
      <c r="BX1512" s="85"/>
      <c r="BY1512" s="85"/>
      <c r="BZ1512" s="85"/>
      <c r="CA1512" s="85"/>
      <c r="CB1512" s="85"/>
      <c r="CC1512" s="85"/>
      <c r="CD1512" s="85"/>
      <c r="CE1512" s="85"/>
      <c r="CF1512" s="85"/>
      <c r="CG1512" s="85"/>
    </row>
    <row r="1513" spans="1:85" s="9" customFormat="1" x14ac:dyDescent="0.2">
      <c r="A1513" s="85"/>
      <c r="J1513" s="85"/>
      <c r="K1513" s="85"/>
      <c r="L1513" s="85"/>
      <c r="M1513" s="85"/>
      <c r="N1513" s="85"/>
      <c r="O1513" s="85"/>
      <c r="P1513" s="85"/>
      <c r="Q1513" s="85"/>
      <c r="R1513" s="85"/>
      <c r="S1513" s="85"/>
      <c r="T1513" s="85"/>
      <c r="U1513" s="85"/>
      <c r="V1513" s="85"/>
      <c r="W1513" s="85"/>
      <c r="X1513" s="85"/>
      <c r="Y1513" s="85"/>
      <c r="Z1513" s="85"/>
      <c r="AA1513" s="85"/>
      <c r="AB1513" s="85"/>
      <c r="AC1513" s="85"/>
      <c r="AD1513" s="85"/>
      <c r="AE1513" s="85"/>
      <c r="AF1513" s="85"/>
      <c r="AG1513" s="85"/>
      <c r="AH1513" s="85"/>
      <c r="AI1513" s="85"/>
      <c r="AJ1513" s="85"/>
      <c r="AK1513" s="85"/>
      <c r="AL1513" s="85"/>
      <c r="AM1513" s="85"/>
      <c r="AN1513" s="85"/>
      <c r="AO1513" s="85"/>
      <c r="AP1513" s="85"/>
      <c r="AQ1513" s="85"/>
      <c r="AR1513" s="85"/>
      <c r="AS1513" s="85"/>
      <c r="AT1513" s="85"/>
      <c r="AU1513" s="85"/>
      <c r="AV1513" s="85"/>
      <c r="AW1513" s="85"/>
      <c r="AX1513" s="85"/>
      <c r="AY1513" s="85"/>
      <c r="AZ1513" s="85"/>
      <c r="BA1513" s="85"/>
      <c r="BB1513" s="85"/>
      <c r="BC1513" s="85"/>
      <c r="BD1513" s="85"/>
      <c r="BE1513" s="85"/>
      <c r="BF1513" s="85"/>
      <c r="BG1513" s="85"/>
      <c r="BH1513" s="85"/>
      <c r="BI1513" s="85"/>
      <c r="BJ1513" s="85"/>
      <c r="BK1513" s="85"/>
      <c r="BL1513" s="85"/>
      <c r="BM1513" s="85"/>
      <c r="BN1513" s="85"/>
      <c r="BO1513" s="85"/>
      <c r="BP1513" s="85"/>
      <c r="BQ1513" s="85"/>
      <c r="BR1513" s="85"/>
      <c r="BS1513" s="85"/>
      <c r="BT1513" s="85"/>
      <c r="BU1513" s="85"/>
      <c r="BV1513" s="85"/>
      <c r="BW1513" s="85"/>
      <c r="BX1513" s="85"/>
      <c r="BY1513" s="85"/>
      <c r="BZ1513" s="85"/>
      <c r="CA1513" s="85"/>
      <c r="CB1513" s="85"/>
      <c r="CC1513" s="85"/>
      <c r="CD1513" s="85"/>
      <c r="CE1513" s="85"/>
      <c r="CF1513" s="85"/>
      <c r="CG1513" s="85"/>
    </row>
    <row r="1514" spans="1:85" s="9" customFormat="1" x14ac:dyDescent="0.2">
      <c r="A1514" s="85"/>
      <c r="J1514" s="85"/>
      <c r="K1514" s="85"/>
      <c r="L1514" s="85"/>
      <c r="M1514" s="85"/>
      <c r="N1514" s="85"/>
      <c r="O1514" s="85"/>
      <c r="P1514" s="85"/>
      <c r="Q1514" s="85"/>
      <c r="R1514" s="85"/>
      <c r="S1514" s="85"/>
      <c r="T1514" s="85"/>
      <c r="U1514" s="85"/>
      <c r="V1514" s="85"/>
      <c r="W1514" s="85"/>
      <c r="X1514" s="85"/>
      <c r="Y1514" s="85"/>
      <c r="Z1514" s="85"/>
      <c r="AA1514" s="85"/>
      <c r="AB1514" s="85"/>
      <c r="AC1514" s="85"/>
      <c r="AD1514" s="85"/>
      <c r="AE1514" s="85"/>
      <c r="AF1514" s="85"/>
      <c r="AG1514" s="85"/>
      <c r="AH1514" s="85"/>
      <c r="AI1514" s="85"/>
      <c r="AJ1514" s="85"/>
      <c r="AK1514" s="85"/>
      <c r="AL1514" s="85"/>
      <c r="AM1514" s="85"/>
      <c r="AN1514" s="85"/>
      <c r="AO1514" s="85"/>
      <c r="AP1514" s="85"/>
      <c r="AQ1514" s="85"/>
      <c r="AR1514" s="85"/>
      <c r="AS1514" s="85"/>
      <c r="AT1514" s="85"/>
      <c r="AU1514" s="85"/>
      <c r="AV1514" s="85"/>
      <c r="AW1514" s="85"/>
      <c r="AX1514" s="85"/>
      <c r="AY1514" s="85"/>
      <c r="AZ1514" s="85"/>
      <c r="BA1514" s="85"/>
      <c r="BB1514" s="85"/>
      <c r="BC1514" s="85"/>
      <c r="BD1514" s="85"/>
      <c r="BE1514" s="85"/>
      <c r="BF1514" s="85"/>
      <c r="BG1514" s="85"/>
      <c r="BH1514" s="85"/>
      <c r="BI1514" s="85"/>
      <c r="BJ1514" s="85"/>
      <c r="BK1514" s="85"/>
      <c r="BL1514" s="85"/>
      <c r="BM1514" s="85"/>
      <c r="BN1514" s="85"/>
      <c r="BO1514" s="85"/>
      <c r="BP1514" s="85"/>
      <c r="BQ1514" s="85"/>
      <c r="BR1514" s="85"/>
      <c r="BS1514" s="85"/>
      <c r="BT1514" s="85"/>
      <c r="BU1514" s="85"/>
      <c r="BV1514" s="85"/>
      <c r="BW1514" s="85"/>
      <c r="BX1514" s="85"/>
      <c r="BY1514" s="85"/>
      <c r="BZ1514" s="85"/>
      <c r="CA1514" s="85"/>
      <c r="CB1514" s="85"/>
      <c r="CC1514" s="85"/>
      <c r="CD1514" s="85"/>
      <c r="CE1514" s="85"/>
      <c r="CF1514" s="85"/>
      <c r="CG1514" s="85"/>
    </row>
    <row r="1515" spans="1:85" s="9" customFormat="1" x14ac:dyDescent="0.2">
      <c r="A1515" s="85"/>
      <c r="J1515" s="85"/>
      <c r="K1515" s="85"/>
      <c r="L1515" s="85"/>
      <c r="M1515" s="85"/>
      <c r="N1515" s="85"/>
      <c r="O1515" s="85"/>
      <c r="P1515" s="85"/>
      <c r="Q1515" s="85"/>
      <c r="R1515" s="85"/>
      <c r="S1515" s="85"/>
      <c r="T1515" s="85"/>
      <c r="U1515" s="85"/>
      <c r="V1515" s="85"/>
      <c r="W1515" s="85"/>
      <c r="X1515" s="85"/>
      <c r="Y1515" s="85"/>
      <c r="Z1515" s="85"/>
      <c r="AA1515" s="85"/>
      <c r="AB1515" s="85"/>
      <c r="AC1515" s="85"/>
      <c r="AD1515" s="85"/>
      <c r="AE1515" s="85"/>
      <c r="AF1515" s="85"/>
      <c r="AG1515" s="85"/>
      <c r="AH1515" s="85"/>
      <c r="AI1515" s="85"/>
      <c r="AJ1515" s="85"/>
      <c r="AK1515" s="85"/>
      <c r="AL1515" s="85"/>
      <c r="AM1515" s="85"/>
      <c r="AN1515" s="85"/>
      <c r="AO1515" s="85"/>
      <c r="AP1515" s="85"/>
      <c r="AQ1515" s="85"/>
      <c r="AR1515" s="85"/>
      <c r="AS1515" s="85"/>
      <c r="AT1515" s="85"/>
      <c r="AU1515" s="85"/>
      <c r="AV1515" s="85"/>
      <c r="AW1515" s="85"/>
      <c r="AX1515" s="85"/>
      <c r="AY1515" s="85"/>
      <c r="AZ1515" s="85"/>
      <c r="BA1515" s="85"/>
      <c r="BB1515" s="85"/>
      <c r="BC1515" s="85"/>
      <c r="BD1515" s="85"/>
      <c r="BE1515" s="85"/>
      <c r="BF1515" s="85"/>
      <c r="BG1515" s="85"/>
      <c r="BH1515" s="85"/>
      <c r="BI1515" s="85"/>
      <c r="BJ1515" s="85"/>
      <c r="BK1515" s="85"/>
      <c r="BL1515" s="85"/>
      <c r="BM1515" s="85"/>
      <c r="BN1515" s="85"/>
      <c r="BO1515" s="85"/>
      <c r="BP1515" s="85"/>
      <c r="BQ1515" s="85"/>
      <c r="BR1515" s="85"/>
      <c r="BS1515" s="85"/>
      <c r="BT1515" s="85"/>
      <c r="BU1515" s="85"/>
      <c r="BV1515" s="85"/>
      <c r="BW1515" s="85"/>
      <c r="BX1515" s="85"/>
      <c r="BY1515" s="85"/>
      <c r="BZ1515" s="85"/>
      <c r="CA1515" s="85"/>
      <c r="CB1515" s="85"/>
      <c r="CC1515" s="85"/>
      <c r="CD1515" s="85"/>
      <c r="CE1515" s="85"/>
      <c r="CF1515" s="85"/>
      <c r="CG1515" s="85"/>
    </row>
    <row r="1516" spans="1:85" s="9" customFormat="1" x14ac:dyDescent="0.2">
      <c r="A1516" s="85"/>
      <c r="J1516" s="85"/>
      <c r="K1516" s="85"/>
      <c r="L1516" s="85"/>
      <c r="M1516" s="85"/>
      <c r="N1516" s="85"/>
      <c r="O1516" s="85"/>
      <c r="P1516" s="85"/>
      <c r="Q1516" s="85"/>
      <c r="R1516" s="85"/>
      <c r="S1516" s="85"/>
      <c r="T1516" s="85"/>
      <c r="U1516" s="85"/>
      <c r="V1516" s="85"/>
      <c r="W1516" s="85"/>
      <c r="X1516" s="85"/>
      <c r="Y1516" s="85"/>
      <c r="Z1516" s="85"/>
      <c r="AA1516" s="85"/>
      <c r="AB1516" s="85"/>
      <c r="AC1516" s="85"/>
      <c r="AD1516" s="85"/>
      <c r="AE1516" s="85"/>
      <c r="AF1516" s="85"/>
      <c r="AG1516" s="85"/>
      <c r="AH1516" s="85"/>
      <c r="AI1516" s="85"/>
      <c r="AJ1516" s="85"/>
      <c r="AK1516" s="85"/>
      <c r="AL1516" s="85"/>
      <c r="AM1516" s="85"/>
      <c r="AN1516" s="85"/>
      <c r="AO1516" s="85"/>
      <c r="AP1516" s="85"/>
      <c r="AQ1516" s="85"/>
      <c r="AR1516" s="85"/>
      <c r="AS1516" s="85"/>
      <c r="AT1516" s="85"/>
      <c r="AU1516" s="85"/>
      <c r="AV1516" s="85"/>
      <c r="AW1516" s="85"/>
      <c r="AX1516" s="85"/>
      <c r="AY1516" s="85"/>
      <c r="AZ1516" s="85"/>
      <c r="BA1516" s="85"/>
      <c r="BB1516" s="85"/>
      <c r="BC1516" s="85"/>
      <c r="BD1516" s="85"/>
      <c r="BE1516" s="85"/>
      <c r="BF1516" s="85"/>
      <c r="BG1516" s="85"/>
      <c r="BH1516" s="85"/>
      <c r="BI1516" s="85"/>
      <c r="BJ1516" s="85"/>
      <c r="BK1516" s="85"/>
      <c r="BL1516" s="85"/>
      <c r="BM1516" s="85"/>
      <c r="BN1516" s="85"/>
      <c r="BO1516" s="85"/>
      <c r="BP1516" s="85"/>
      <c r="BQ1516" s="85"/>
      <c r="BR1516" s="85"/>
      <c r="BS1516" s="85"/>
      <c r="BT1516" s="85"/>
      <c r="BU1516" s="85"/>
      <c r="BV1516" s="85"/>
      <c r="BW1516" s="85"/>
      <c r="BX1516" s="85"/>
      <c r="BY1516" s="85"/>
      <c r="BZ1516" s="85"/>
      <c r="CA1516" s="85"/>
      <c r="CB1516" s="85"/>
      <c r="CC1516" s="85"/>
      <c r="CD1516" s="85"/>
      <c r="CE1516" s="85"/>
      <c r="CF1516" s="85"/>
      <c r="CG1516" s="85"/>
    </row>
    <row r="1517" spans="1:85" s="9" customFormat="1" x14ac:dyDescent="0.2">
      <c r="A1517" s="85"/>
      <c r="J1517" s="85"/>
      <c r="K1517" s="85"/>
      <c r="L1517" s="85"/>
      <c r="M1517" s="85"/>
      <c r="N1517" s="85"/>
      <c r="O1517" s="85"/>
      <c r="P1517" s="85"/>
      <c r="Q1517" s="85"/>
      <c r="R1517" s="85"/>
      <c r="S1517" s="85"/>
      <c r="T1517" s="85"/>
      <c r="U1517" s="85"/>
      <c r="V1517" s="85"/>
      <c r="W1517" s="85"/>
      <c r="X1517" s="85"/>
      <c r="Y1517" s="85"/>
      <c r="Z1517" s="85"/>
      <c r="AA1517" s="85"/>
      <c r="AB1517" s="85"/>
      <c r="AC1517" s="85"/>
      <c r="AD1517" s="85"/>
      <c r="AE1517" s="85"/>
      <c r="AF1517" s="85"/>
      <c r="AG1517" s="85"/>
      <c r="AH1517" s="85"/>
      <c r="AI1517" s="85"/>
      <c r="AJ1517" s="85"/>
      <c r="AK1517" s="85"/>
      <c r="AL1517" s="85"/>
      <c r="AM1517" s="85"/>
      <c r="AN1517" s="85"/>
      <c r="AO1517" s="85"/>
      <c r="AP1517" s="85"/>
      <c r="AQ1517" s="85"/>
      <c r="AR1517" s="85"/>
      <c r="AS1517" s="85"/>
      <c r="AT1517" s="85"/>
      <c r="AU1517" s="85"/>
      <c r="AV1517" s="85"/>
      <c r="AW1517" s="85"/>
      <c r="AX1517" s="85"/>
      <c r="AY1517" s="85"/>
      <c r="AZ1517" s="85"/>
      <c r="BA1517" s="85"/>
      <c r="BB1517" s="85"/>
      <c r="BC1517" s="85"/>
      <c r="BD1517" s="85"/>
      <c r="BE1517" s="85"/>
      <c r="BF1517" s="85"/>
      <c r="BG1517" s="85"/>
      <c r="BH1517" s="85"/>
      <c r="BI1517" s="85"/>
      <c r="BJ1517" s="85"/>
      <c r="BK1517" s="85"/>
      <c r="BL1517" s="85"/>
      <c r="BM1517" s="85"/>
      <c r="BN1517" s="85"/>
      <c r="BO1517" s="85"/>
      <c r="BP1517" s="85"/>
      <c r="BQ1517" s="85"/>
      <c r="BR1517" s="85"/>
      <c r="BS1517" s="85"/>
      <c r="BT1517" s="85"/>
      <c r="BU1517" s="85"/>
      <c r="BV1517" s="85"/>
      <c r="BW1517" s="85"/>
      <c r="BX1517" s="85"/>
      <c r="BY1517" s="85"/>
      <c r="BZ1517" s="85"/>
      <c r="CA1517" s="85"/>
      <c r="CB1517" s="85"/>
      <c r="CC1517" s="85"/>
      <c r="CD1517" s="85"/>
      <c r="CE1517" s="85"/>
      <c r="CF1517" s="85"/>
      <c r="CG1517" s="85"/>
    </row>
    <row r="1518" spans="1:85" s="9" customFormat="1" x14ac:dyDescent="0.2">
      <c r="A1518" s="85"/>
      <c r="J1518" s="85"/>
      <c r="K1518" s="85"/>
      <c r="L1518" s="85"/>
      <c r="M1518" s="85"/>
      <c r="N1518" s="85"/>
      <c r="O1518" s="85"/>
      <c r="P1518" s="85"/>
      <c r="Q1518" s="85"/>
      <c r="R1518" s="85"/>
      <c r="S1518" s="85"/>
      <c r="T1518" s="85"/>
      <c r="U1518" s="85"/>
      <c r="V1518" s="85"/>
      <c r="W1518" s="85"/>
      <c r="X1518" s="85"/>
      <c r="Y1518" s="85"/>
      <c r="Z1518" s="85"/>
      <c r="AA1518" s="85"/>
      <c r="AB1518" s="85"/>
      <c r="AC1518" s="85"/>
      <c r="AD1518" s="85"/>
      <c r="AE1518" s="85"/>
      <c r="AF1518" s="85"/>
      <c r="AG1518" s="85"/>
      <c r="AH1518" s="85"/>
      <c r="AI1518" s="85"/>
      <c r="AJ1518" s="85"/>
      <c r="AK1518" s="85"/>
      <c r="AL1518" s="85"/>
      <c r="AM1518" s="85"/>
      <c r="AN1518" s="85"/>
      <c r="AO1518" s="85"/>
      <c r="AP1518" s="85"/>
      <c r="AQ1518" s="85"/>
      <c r="AR1518" s="85"/>
      <c r="AS1518" s="85"/>
      <c r="AT1518" s="85"/>
      <c r="AU1518" s="85"/>
      <c r="AV1518" s="85"/>
      <c r="AW1518" s="85"/>
      <c r="AX1518" s="85"/>
      <c r="AY1518" s="85"/>
      <c r="AZ1518" s="85"/>
      <c r="BA1518" s="85"/>
      <c r="BB1518" s="85"/>
      <c r="BC1518" s="85"/>
      <c r="BD1518" s="85"/>
      <c r="BE1518" s="85"/>
      <c r="BF1518" s="85"/>
      <c r="BG1518" s="85"/>
      <c r="BH1518" s="85"/>
      <c r="BI1518" s="85"/>
      <c r="BJ1518" s="85"/>
      <c r="BK1518" s="85"/>
      <c r="BL1518" s="85"/>
      <c r="BM1518" s="85"/>
      <c r="BN1518" s="85"/>
      <c r="BO1518" s="85"/>
      <c r="BP1518" s="85"/>
      <c r="BQ1518" s="85"/>
      <c r="BR1518" s="85"/>
      <c r="BS1518" s="85"/>
      <c r="BT1518" s="85"/>
      <c r="BU1518" s="85"/>
      <c r="BV1518" s="85"/>
      <c r="BW1518" s="85"/>
      <c r="BX1518" s="85"/>
      <c r="BY1518" s="85"/>
      <c r="BZ1518" s="85"/>
      <c r="CA1518" s="85"/>
      <c r="CB1518" s="85"/>
      <c r="CC1518" s="85"/>
      <c r="CD1518" s="85"/>
      <c r="CE1518" s="85"/>
      <c r="CF1518" s="85"/>
      <c r="CG1518" s="85"/>
    </row>
    <row r="1519" spans="1:85" s="9" customFormat="1" x14ac:dyDescent="0.2">
      <c r="A1519" s="85"/>
      <c r="J1519" s="85"/>
      <c r="K1519" s="85"/>
      <c r="L1519" s="85"/>
      <c r="M1519" s="85"/>
      <c r="N1519" s="85"/>
      <c r="O1519" s="85"/>
      <c r="P1519" s="85"/>
      <c r="Q1519" s="85"/>
      <c r="R1519" s="85"/>
      <c r="S1519" s="85"/>
      <c r="T1519" s="85"/>
      <c r="U1519" s="85"/>
      <c r="V1519" s="85"/>
      <c r="W1519" s="85"/>
      <c r="X1519" s="85"/>
      <c r="Y1519" s="85"/>
      <c r="Z1519" s="85"/>
      <c r="AA1519" s="85"/>
      <c r="AB1519" s="85"/>
      <c r="AC1519" s="85"/>
      <c r="AD1519" s="85"/>
      <c r="AE1519" s="85"/>
      <c r="AF1519" s="85"/>
      <c r="AG1519" s="85"/>
      <c r="AH1519" s="85"/>
      <c r="AI1519" s="85"/>
      <c r="AJ1519" s="85"/>
      <c r="AK1519" s="85"/>
      <c r="AL1519" s="85"/>
      <c r="AM1519" s="85"/>
      <c r="AN1519" s="85"/>
      <c r="AO1519" s="85"/>
      <c r="AP1519" s="85"/>
      <c r="AQ1519" s="85"/>
      <c r="AR1519" s="85"/>
      <c r="AS1519" s="85"/>
      <c r="AT1519" s="85"/>
      <c r="AU1519" s="85"/>
      <c r="AV1519" s="85"/>
      <c r="AW1519" s="85"/>
      <c r="AX1519" s="85"/>
      <c r="AY1519" s="85"/>
      <c r="AZ1519" s="85"/>
      <c r="BA1519" s="85"/>
      <c r="BB1519" s="85"/>
      <c r="BC1519" s="85"/>
      <c r="BD1519" s="85"/>
      <c r="BE1519" s="85"/>
      <c r="BF1519" s="85"/>
      <c r="BG1519" s="85"/>
      <c r="BH1519" s="85"/>
      <c r="BI1519" s="85"/>
      <c r="BJ1519" s="85"/>
      <c r="BK1519" s="85"/>
      <c r="BL1519" s="85"/>
      <c r="BM1519" s="85"/>
      <c r="BN1519" s="85"/>
      <c r="BO1519" s="85"/>
      <c r="BP1519" s="85"/>
      <c r="BQ1519" s="85"/>
      <c r="BR1519" s="85"/>
      <c r="BS1519" s="85"/>
      <c r="BT1519" s="85"/>
      <c r="BU1519" s="85"/>
      <c r="BV1519" s="85"/>
      <c r="BW1519" s="85"/>
      <c r="BX1519" s="85"/>
      <c r="BY1519" s="85"/>
      <c r="BZ1519" s="85"/>
      <c r="CA1519" s="85"/>
      <c r="CB1519" s="85"/>
      <c r="CC1519" s="85"/>
      <c r="CD1519" s="85"/>
      <c r="CE1519" s="85"/>
      <c r="CF1519" s="85"/>
      <c r="CG1519" s="85"/>
    </row>
    <row r="1520" spans="1:85" s="9" customFormat="1" x14ac:dyDescent="0.2">
      <c r="A1520" s="85"/>
      <c r="J1520" s="85"/>
      <c r="K1520" s="85"/>
      <c r="L1520" s="85"/>
      <c r="M1520" s="85"/>
      <c r="N1520" s="85"/>
      <c r="O1520" s="85"/>
      <c r="P1520" s="85"/>
      <c r="Q1520" s="85"/>
      <c r="R1520" s="85"/>
      <c r="S1520" s="85"/>
      <c r="T1520" s="85"/>
      <c r="U1520" s="85"/>
      <c r="V1520" s="85"/>
      <c r="W1520" s="85"/>
      <c r="X1520" s="85"/>
      <c r="Y1520" s="85"/>
      <c r="Z1520" s="85"/>
      <c r="AA1520" s="85"/>
      <c r="AB1520" s="85"/>
      <c r="AC1520" s="85"/>
      <c r="AD1520" s="85"/>
      <c r="AE1520" s="85"/>
      <c r="AF1520" s="85"/>
      <c r="AG1520" s="85"/>
      <c r="AH1520" s="85"/>
      <c r="AI1520" s="85"/>
      <c r="AJ1520" s="85"/>
      <c r="AK1520" s="85"/>
      <c r="AL1520" s="85"/>
      <c r="AM1520" s="85"/>
      <c r="AN1520" s="85"/>
      <c r="AO1520" s="85"/>
      <c r="AP1520" s="85"/>
      <c r="AQ1520" s="85"/>
      <c r="AR1520" s="85"/>
      <c r="AS1520" s="85"/>
      <c r="AT1520" s="85"/>
      <c r="AU1520" s="85"/>
      <c r="AV1520" s="85"/>
      <c r="AW1520" s="85"/>
      <c r="AX1520" s="85"/>
      <c r="AY1520" s="85"/>
      <c r="AZ1520" s="85"/>
      <c r="BA1520" s="85"/>
      <c r="BB1520" s="85"/>
      <c r="BC1520" s="85"/>
      <c r="BD1520" s="85"/>
      <c r="BE1520" s="85"/>
      <c r="BF1520" s="85"/>
      <c r="BG1520" s="85"/>
      <c r="BH1520" s="85"/>
      <c r="BI1520" s="85"/>
      <c r="BJ1520" s="85"/>
      <c r="BK1520" s="85"/>
      <c r="BL1520" s="85"/>
      <c r="BM1520" s="85"/>
      <c r="BN1520" s="85"/>
      <c r="BO1520" s="85"/>
      <c r="BP1520" s="85"/>
      <c r="BQ1520" s="85"/>
      <c r="BR1520" s="85"/>
      <c r="BS1520" s="85"/>
      <c r="BT1520" s="85"/>
      <c r="BU1520" s="85"/>
      <c r="BV1520" s="85"/>
      <c r="BW1520" s="85"/>
      <c r="BX1520" s="85"/>
      <c r="BY1520" s="85"/>
      <c r="BZ1520" s="85"/>
      <c r="CA1520" s="85"/>
      <c r="CB1520" s="85"/>
      <c r="CC1520" s="85"/>
      <c r="CD1520" s="85"/>
      <c r="CE1520" s="85"/>
      <c r="CF1520" s="85"/>
      <c r="CG1520" s="85"/>
    </row>
    <row r="1521" spans="1:85" s="9" customFormat="1" x14ac:dyDescent="0.2">
      <c r="A1521" s="85"/>
      <c r="J1521" s="85"/>
      <c r="K1521" s="85"/>
      <c r="L1521" s="85"/>
      <c r="M1521" s="85"/>
      <c r="N1521" s="85"/>
      <c r="O1521" s="85"/>
      <c r="P1521" s="85"/>
      <c r="Q1521" s="85"/>
      <c r="R1521" s="85"/>
      <c r="S1521" s="85"/>
      <c r="T1521" s="85"/>
      <c r="U1521" s="85"/>
      <c r="V1521" s="85"/>
      <c r="W1521" s="85"/>
      <c r="X1521" s="85"/>
      <c r="Y1521" s="85"/>
      <c r="Z1521" s="85"/>
      <c r="AA1521" s="85"/>
      <c r="AB1521" s="85"/>
      <c r="AC1521" s="85"/>
      <c r="AD1521" s="85"/>
      <c r="AE1521" s="85"/>
      <c r="AF1521" s="85"/>
      <c r="AG1521" s="85"/>
      <c r="AH1521" s="85"/>
      <c r="AI1521" s="85"/>
      <c r="AJ1521" s="85"/>
      <c r="AK1521" s="85"/>
      <c r="AL1521" s="85"/>
      <c r="AM1521" s="85"/>
      <c r="AN1521" s="85"/>
      <c r="AO1521" s="85"/>
      <c r="AP1521" s="85"/>
      <c r="AQ1521" s="85"/>
      <c r="AR1521" s="85"/>
      <c r="AS1521" s="85"/>
      <c r="AT1521" s="85"/>
      <c r="AU1521" s="85"/>
      <c r="AV1521" s="85"/>
      <c r="AW1521" s="85"/>
      <c r="AX1521" s="85"/>
      <c r="AY1521" s="85"/>
      <c r="AZ1521" s="85"/>
      <c r="BA1521" s="85"/>
      <c r="BB1521" s="85"/>
      <c r="BC1521" s="85"/>
      <c r="BD1521" s="85"/>
      <c r="BE1521" s="85"/>
      <c r="BF1521" s="85"/>
      <c r="BG1521" s="85"/>
      <c r="BH1521" s="85"/>
      <c r="BI1521" s="85"/>
      <c r="BJ1521" s="85"/>
      <c r="BK1521" s="85"/>
      <c r="BL1521" s="85"/>
      <c r="BM1521" s="85"/>
      <c r="BN1521" s="85"/>
      <c r="BO1521" s="85"/>
      <c r="BP1521" s="85"/>
      <c r="BQ1521" s="85"/>
      <c r="BR1521" s="85"/>
      <c r="BS1521" s="85"/>
      <c r="BT1521" s="85"/>
      <c r="BU1521" s="85"/>
      <c r="BV1521" s="85"/>
      <c r="BW1521" s="85"/>
      <c r="BX1521" s="85"/>
      <c r="BY1521" s="85"/>
      <c r="BZ1521" s="85"/>
      <c r="CA1521" s="85"/>
      <c r="CB1521" s="85"/>
      <c r="CC1521" s="85"/>
      <c r="CD1521" s="85"/>
      <c r="CE1521" s="85"/>
      <c r="CF1521" s="85"/>
      <c r="CG1521" s="85"/>
    </row>
    <row r="1522" spans="1:85" s="9" customFormat="1" x14ac:dyDescent="0.2">
      <c r="A1522" s="85"/>
      <c r="J1522" s="85"/>
      <c r="K1522" s="85"/>
      <c r="L1522" s="85"/>
      <c r="M1522" s="85"/>
      <c r="N1522" s="85"/>
      <c r="O1522" s="85"/>
      <c r="P1522" s="85"/>
      <c r="Q1522" s="85"/>
      <c r="R1522" s="85"/>
      <c r="S1522" s="85"/>
      <c r="T1522" s="85"/>
      <c r="U1522" s="85"/>
      <c r="V1522" s="85"/>
      <c r="W1522" s="85"/>
      <c r="X1522" s="85"/>
      <c r="Y1522" s="85"/>
      <c r="Z1522" s="85"/>
      <c r="AA1522" s="85"/>
      <c r="AB1522" s="85"/>
      <c r="AC1522" s="85"/>
      <c r="AD1522" s="85"/>
      <c r="AE1522" s="85"/>
      <c r="AF1522" s="85"/>
      <c r="AG1522" s="85"/>
      <c r="AH1522" s="85"/>
      <c r="AI1522" s="85"/>
      <c r="AJ1522" s="85"/>
      <c r="AK1522" s="85"/>
      <c r="AL1522" s="85"/>
      <c r="AM1522" s="85"/>
      <c r="AN1522" s="85"/>
      <c r="AO1522" s="85"/>
      <c r="AP1522" s="85"/>
      <c r="AQ1522" s="85"/>
      <c r="AR1522" s="85"/>
      <c r="AS1522" s="85"/>
      <c r="AT1522" s="85"/>
      <c r="AU1522" s="85"/>
      <c r="AV1522" s="85"/>
      <c r="AW1522" s="85"/>
      <c r="AX1522" s="85"/>
      <c r="AY1522" s="85"/>
      <c r="AZ1522" s="85"/>
      <c r="BA1522" s="85"/>
      <c r="BB1522" s="85"/>
      <c r="BC1522" s="85"/>
      <c r="BD1522" s="85"/>
      <c r="BE1522" s="85"/>
      <c r="BF1522" s="85"/>
      <c r="BG1522" s="85"/>
      <c r="BH1522" s="85"/>
      <c r="BI1522" s="85"/>
      <c r="BJ1522" s="85"/>
      <c r="BK1522" s="85"/>
      <c r="BL1522" s="85"/>
      <c r="BM1522" s="85"/>
      <c r="BN1522" s="85"/>
      <c r="BO1522" s="85"/>
      <c r="BP1522" s="85"/>
      <c r="BQ1522" s="85"/>
      <c r="BR1522" s="85"/>
      <c r="BS1522" s="85"/>
      <c r="BT1522" s="85"/>
      <c r="BU1522" s="85"/>
      <c r="BV1522" s="85"/>
      <c r="BW1522" s="85"/>
      <c r="BX1522" s="85"/>
      <c r="BY1522" s="85"/>
      <c r="BZ1522" s="85"/>
      <c r="CA1522" s="85"/>
      <c r="CB1522" s="85"/>
      <c r="CC1522" s="85"/>
      <c r="CD1522" s="85"/>
      <c r="CE1522" s="85"/>
      <c r="CF1522" s="85"/>
      <c r="CG1522" s="85"/>
    </row>
    <row r="1523" spans="1:85" s="9" customFormat="1" x14ac:dyDescent="0.2">
      <c r="A1523" s="85"/>
      <c r="J1523" s="85"/>
      <c r="K1523" s="85"/>
      <c r="L1523" s="85"/>
      <c r="M1523" s="85"/>
      <c r="N1523" s="85"/>
      <c r="O1523" s="85"/>
      <c r="P1523" s="85"/>
      <c r="Q1523" s="85"/>
      <c r="R1523" s="85"/>
      <c r="S1523" s="85"/>
      <c r="T1523" s="85"/>
      <c r="U1523" s="85"/>
      <c r="V1523" s="85"/>
      <c r="W1523" s="85"/>
      <c r="X1523" s="85"/>
      <c r="Y1523" s="85"/>
      <c r="Z1523" s="85"/>
      <c r="AA1523" s="85"/>
      <c r="AB1523" s="85"/>
      <c r="AC1523" s="85"/>
      <c r="AD1523" s="85"/>
      <c r="AE1523" s="85"/>
      <c r="AF1523" s="85"/>
      <c r="AG1523" s="85"/>
      <c r="AH1523" s="85"/>
      <c r="AI1523" s="85"/>
      <c r="AJ1523" s="85"/>
      <c r="AK1523" s="85"/>
      <c r="AL1523" s="85"/>
      <c r="AM1523" s="85"/>
      <c r="AN1523" s="85"/>
      <c r="AO1523" s="85"/>
      <c r="AP1523" s="85"/>
      <c r="AQ1523" s="85"/>
      <c r="AR1523" s="85"/>
      <c r="AS1523" s="85"/>
      <c r="AT1523" s="85"/>
      <c r="AU1523" s="85"/>
      <c r="AV1523" s="85"/>
      <c r="AW1523" s="85"/>
      <c r="AX1523" s="85"/>
      <c r="AY1523" s="85"/>
      <c r="AZ1523" s="85"/>
      <c r="BA1523" s="85"/>
      <c r="BB1523" s="85"/>
      <c r="BC1523" s="85"/>
      <c r="BD1523" s="85"/>
      <c r="BE1523" s="85"/>
      <c r="BF1523" s="85"/>
      <c r="BG1523" s="85"/>
      <c r="BH1523" s="85"/>
      <c r="BI1523" s="85"/>
      <c r="BJ1523" s="85"/>
      <c r="BK1523" s="85"/>
      <c r="BL1523" s="85"/>
      <c r="BM1523" s="85"/>
      <c r="BN1523" s="85"/>
      <c r="BO1523" s="85"/>
      <c r="BP1523" s="85"/>
      <c r="BQ1523" s="85"/>
      <c r="BR1523" s="85"/>
      <c r="BS1523" s="85"/>
      <c r="BT1523" s="85"/>
      <c r="BU1523" s="85"/>
      <c r="BV1523" s="85"/>
      <c r="BW1523" s="85"/>
      <c r="BX1523" s="85"/>
      <c r="BY1523" s="85"/>
      <c r="BZ1523" s="85"/>
      <c r="CA1523" s="85"/>
      <c r="CB1523" s="85"/>
      <c r="CC1523" s="85"/>
      <c r="CD1523" s="85"/>
      <c r="CE1523" s="85"/>
      <c r="CF1523" s="85"/>
      <c r="CG1523" s="85"/>
    </row>
    <row r="1524" spans="1:85" s="9" customFormat="1" x14ac:dyDescent="0.2">
      <c r="A1524" s="85"/>
      <c r="J1524" s="85"/>
      <c r="K1524" s="85"/>
      <c r="L1524" s="85"/>
      <c r="M1524" s="85"/>
      <c r="N1524" s="85"/>
      <c r="O1524" s="85"/>
      <c r="P1524" s="85"/>
      <c r="Q1524" s="85"/>
      <c r="R1524" s="85"/>
      <c r="S1524" s="85"/>
      <c r="T1524" s="85"/>
      <c r="U1524" s="85"/>
      <c r="V1524" s="85"/>
      <c r="W1524" s="85"/>
      <c r="X1524" s="85"/>
      <c r="Y1524" s="85"/>
      <c r="Z1524" s="85"/>
      <c r="AA1524" s="85"/>
      <c r="AB1524" s="85"/>
      <c r="AC1524" s="85"/>
      <c r="AD1524" s="85"/>
      <c r="AE1524" s="85"/>
      <c r="AF1524" s="85"/>
      <c r="AG1524" s="85"/>
      <c r="AH1524" s="85"/>
      <c r="AI1524" s="85"/>
      <c r="AJ1524" s="85"/>
      <c r="AK1524" s="85"/>
      <c r="AL1524" s="85"/>
      <c r="AM1524" s="85"/>
      <c r="AN1524" s="85"/>
      <c r="AO1524" s="85"/>
      <c r="AP1524" s="85"/>
      <c r="AQ1524" s="85"/>
      <c r="AR1524" s="85"/>
      <c r="AS1524" s="85"/>
      <c r="AT1524" s="85"/>
      <c r="AU1524" s="85"/>
      <c r="AV1524" s="85"/>
      <c r="AW1524" s="85"/>
      <c r="AX1524" s="85"/>
      <c r="AY1524" s="85"/>
      <c r="AZ1524" s="85"/>
      <c r="BA1524" s="85"/>
      <c r="BB1524" s="85"/>
      <c r="BC1524" s="85"/>
      <c r="BD1524" s="85"/>
      <c r="BE1524" s="85"/>
      <c r="BF1524" s="85"/>
      <c r="BG1524" s="85"/>
      <c r="BH1524" s="85"/>
      <c r="BI1524" s="85"/>
      <c r="BJ1524" s="85"/>
      <c r="BK1524" s="85"/>
      <c r="BL1524" s="85"/>
      <c r="BM1524" s="85"/>
      <c r="BN1524" s="85"/>
      <c r="BO1524" s="85"/>
      <c r="BP1524" s="85"/>
      <c r="BQ1524" s="85"/>
      <c r="BR1524" s="85"/>
      <c r="BS1524" s="85"/>
      <c r="BT1524" s="85"/>
      <c r="BU1524" s="85"/>
      <c r="BV1524" s="85"/>
      <c r="BW1524" s="85"/>
      <c r="BX1524" s="85"/>
      <c r="BY1524" s="85"/>
      <c r="BZ1524" s="85"/>
      <c r="CA1524" s="85"/>
      <c r="CB1524" s="85"/>
      <c r="CC1524" s="85"/>
      <c r="CD1524" s="85"/>
      <c r="CE1524" s="85"/>
      <c r="CF1524" s="85"/>
      <c r="CG1524" s="85"/>
    </row>
    <row r="1525" spans="1:85" s="9" customFormat="1" x14ac:dyDescent="0.2">
      <c r="A1525" s="85"/>
      <c r="J1525" s="85"/>
      <c r="K1525" s="85"/>
      <c r="L1525" s="85"/>
      <c r="M1525" s="85"/>
      <c r="N1525" s="85"/>
      <c r="O1525" s="85"/>
      <c r="P1525" s="85"/>
      <c r="Q1525" s="85"/>
      <c r="R1525" s="85"/>
      <c r="S1525" s="85"/>
      <c r="T1525" s="85"/>
      <c r="U1525" s="85"/>
      <c r="V1525" s="85"/>
      <c r="W1525" s="85"/>
      <c r="X1525" s="85"/>
      <c r="Y1525" s="85"/>
      <c r="Z1525" s="85"/>
      <c r="AA1525" s="85"/>
      <c r="AB1525" s="85"/>
      <c r="AC1525" s="85"/>
      <c r="AD1525" s="85"/>
      <c r="AE1525" s="85"/>
      <c r="AF1525" s="85"/>
      <c r="AG1525" s="85"/>
      <c r="AH1525" s="85"/>
      <c r="AI1525" s="85"/>
      <c r="AJ1525" s="85"/>
      <c r="AK1525" s="85"/>
      <c r="AL1525" s="85"/>
      <c r="AM1525" s="85"/>
      <c r="AN1525" s="85"/>
      <c r="AO1525" s="85"/>
      <c r="AP1525" s="85"/>
      <c r="AQ1525" s="85"/>
      <c r="AR1525" s="85"/>
      <c r="AS1525" s="85"/>
      <c r="AT1525" s="85"/>
      <c r="AU1525" s="85"/>
      <c r="AV1525" s="85"/>
      <c r="AW1525" s="85"/>
      <c r="AX1525" s="85"/>
      <c r="AY1525" s="85"/>
      <c r="AZ1525" s="85"/>
      <c r="BA1525" s="85"/>
      <c r="BB1525" s="85"/>
      <c r="BC1525" s="85"/>
      <c r="BD1525" s="85"/>
      <c r="BE1525" s="85"/>
      <c r="BF1525" s="85"/>
      <c r="BG1525" s="85"/>
      <c r="BH1525" s="85"/>
      <c r="BI1525" s="85"/>
      <c r="BJ1525" s="85"/>
      <c r="BK1525" s="85"/>
      <c r="BL1525" s="85"/>
      <c r="BM1525" s="85"/>
      <c r="BN1525" s="85"/>
      <c r="BO1525" s="85"/>
      <c r="BP1525" s="85"/>
      <c r="BQ1525" s="85"/>
      <c r="BR1525" s="85"/>
      <c r="BS1525" s="85"/>
      <c r="BT1525" s="85"/>
      <c r="BU1525" s="85"/>
      <c r="BV1525" s="85"/>
      <c r="BW1525" s="85"/>
      <c r="BX1525" s="85"/>
      <c r="BY1525" s="85"/>
      <c r="BZ1525" s="85"/>
      <c r="CA1525" s="85"/>
      <c r="CB1525" s="85"/>
      <c r="CC1525" s="85"/>
      <c r="CD1525" s="85"/>
      <c r="CE1525" s="85"/>
      <c r="CF1525" s="85"/>
      <c r="CG1525" s="85"/>
    </row>
    <row r="1526" spans="1:85" s="9" customFormat="1" x14ac:dyDescent="0.2">
      <c r="A1526" s="85"/>
      <c r="J1526" s="85"/>
      <c r="K1526" s="85"/>
      <c r="L1526" s="85"/>
      <c r="M1526" s="85"/>
      <c r="N1526" s="85"/>
      <c r="O1526" s="85"/>
      <c r="P1526" s="85"/>
      <c r="Q1526" s="85"/>
      <c r="R1526" s="85"/>
      <c r="S1526" s="85"/>
      <c r="T1526" s="85"/>
      <c r="U1526" s="85"/>
      <c r="V1526" s="85"/>
      <c r="W1526" s="85"/>
      <c r="X1526" s="85"/>
      <c r="Y1526" s="85"/>
      <c r="Z1526" s="85"/>
      <c r="AA1526" s="85"/>
      <c r="AB1526" s="85"/>
      <c r="AC1526" s="85"/>
      <c r="AD1526" s="85"/>
      <c r="AE1526" s="85"/>
      <c r="AF1526" s="85"/>
      <c r="AG1526" s="85"/>
      <c r="AH1526" s="85"/>
      <c r="AI1526" s="85"/>
      <c r="AJ1526" s="85"/>
      <c r="AK1526" s="85"/>
      <c r="AL1526" s="85"/>
      <c r="AM1526" s="85"/>
      <c r="AN1526" s="85"/>
      <c r="AO1526" s="85"/>
      <c r="AP1526" s="85"/>
      <c r="AQ1526" s="85"/>
      <c r="AR1526" s="85"/>
      <c r="AS1526" s="85"/>
      <c r="AT1526" s="85"/>
      <c r="AU1526" s="85"/>
      <c r="AV1526" s="85"/>
      <c r="AW1526" s="85"/>
      <c r="AX1526" s="85"/>
      <c r="AY1526" s="85"/>
      <c r="AZ1526" s="85"/>
      <c r="BA1526" s="85"/>
      <c r="BB1526" s="85"/>
      <c r="BC1526" s="85"/>
      <c r="BD1526" s="85"/>
      <c r="BE1526" s="85"/>
      <c r="BF1526" s="85"/>
      <c r="BG1526" s="85"/>
      <c r="BH1526" s="85"/>
      <c r="BI1526" s="85"/>
      <c r="BJ1526" s="85"/>
      <c r="BK1526" s="85"/>
      <c r="BL1526" s="85"/>
      <c r="BM1526" s="85"/>
      <c r="BN1526" s="85"/>
      <c r="BO1526" s="85"/>
      <c r="BP1526" s="85"/>
      <c r="BQ1526" s="85"/>
      <c r="BR1526" s="85"/>
      <c r="BS1526" s="85"/>
      <c r="BT1526" s="85"/>
      <c r="BU1526" s="85"/>
      <c r="BV1526" s="85"/>
      <c r="BW1526" s="85"/>
      <c r="BX1526" s="85"/>
      <c r="BY1526" s="85"/>
      <c r="BZ1526" s="85"/>
      <c r="CA1526" s="85"/>
      <c r="CB1526" s="85"/>
      <c r="CC1526" s="85"/>
      <c r="CD1526" s="85"/>
      <c r="CE1526" s="85"/>
      <c r="CF1526" s="85"/>
      <c r="CG1526" s="85"/>
    </row>
    <row r="1527" spans="1:85" s="9" customFormat="1" x14ac:dyDescent="0.2">
      <c r="A1527" s="85"/>
      <c r="J1527" s="85"/>
      <c r="K1527" s="85"/>
      <c r="L1527" s="85"/>
      <c r="M1527" s="85"/>
      <c r="N1527" s="85"/>
      <c r="O1527" s="85"/>
      <c r="P1527" s="85"/>
      <c r="Q1527" s="85"/>
      <c r="R1527" s="85"/>
      <c r="S1527" s="85"/>
      <c r="T1527" s="85"/>
      <c r="U1527" s="85"/>
      <c r="V1527" s="85"/>
      <c r="W1527" s="85"/>
      <c r="X1527" s="85"/>
      <c r="Y1527" s="85"/>
      <c r="Z1527" s="85"/>
      <c r="AA1527" s="85"/>
      <c r="AB1527" s="85"/>
      <c r="AC1527" s="85"/>
      <c r="AD1527" s="85"/>
      <c r="AE1527" s="85"/>
      <c r="AF1527" s="85"/>
      <c r="AG1527" s="85"/>
      <c r="AH1527" s="85"/>
      <c r="AI1527" s="85"/>
      <c r="AJ1527" s="85"/>
      <c r="AK1527" s="85"/>
      <c r="AL1527" s="85"/>
      <c r="AM1527" s="85"/>
      <c r="AN1527" s="85"/>
      <c r="AO1527" s="85"/>
      <c r="AP1527" s="85"/>
      <c r="AQ1527" s="85"/>
      <c r="AR1527" s="85"/>
      <c r="AS1527" s="85"/>
      <c r="AT1527" s="85"/>
      <c r="AU1527" s="85"/>
      <c r="AV1527" s="85"/>
      <c r="AW1527" s="85"/>
      <c r="AX1527" s="85"/>
      <c r="AY1527" s="85"/>
      <c r="AZ1527" s="85"/>
      <c r="BA1527" s="85"/>
      <c r="BB1527" s="85"/>
      <c r="BC1527" s="85"/>
      <c r="BD1527" s="85"/>
      <c r="BE1527" s="85"/>
      <c r="BF1527" s="85"/>
      <c r="BG1527" s="85"/>
      <c r="BH1527" s="85"/>
      <c r="BI1527" s="85"/>
      <c r="BJ1527" s="85"/>
      <c r="BK1527" s="85"/>
      <c r="BL1527" s="85"/>
      <c r="BM1527" s="85"/>
      <c r="BN1527" s="85"/>
      <c r="BO1527" s="85"/>
      <c r="BP1527" s="85"/>
      <c r="BQ1527" s="85"/>
      <c r="BR1527" s="85"/>
      <c r="BS1527" s="85"/>
      <c r="BT1527" s="85"/>
      <c r="BU1527" s="85"/>
      <c r="BV1527" s="85"/>
      <c r="BW1527" s="85"/>
      <c r="BX1527" s="85"/>
      <c r="BY1527" s="85"/>
      <c r="BZ1527" s="85"/>
      <c r="CA1527" s="85"/>
      <c r="CB1527" s="85"/>
      <c r="CC1527" s="85"/>
      <c r="CD1527" s="85"/>
      <c r="CE1527" s="85"/>
      <c r="CF1527" s="85"/>
      <c r="CG1527" s="85"/>
    </row>
    <row r="1528" spans="1:85" s="9" customFormat="1" x14ac:dyDescent="0.2">
      <c r="A1528" s="85"/>
      <c r="J1528" s="85"/>
      <c r="K1528" s="85"/>
      <c r="L1528" s="85"/>
      <c r="M1528" s="85"/>
      <c r="N1528" s="85"/>
      <c r="O1528" s="85"/>
      <c r="P1528" s="85"/>
      <c r="Q1528" s="85"/>
      <c r="R1528" s="85"/>
      <c r="S1528" s="85"/>
      <c r="T1528" s="85"/>
      <c r="U1528" s="85"/>
      <c r="V1528" s="85"/>
      <c r="W1528" s="85"/>
      <c r="X1528" s="85"/>
      <c r="Y1528" s="85"/>
      <c r="Z1528" s="85"/>
      <c r="AA1528" s="85"/>
      <c r="AB1528" s="85"/>
      <c r="AC1528" s="85"/>
      <c r="AD1528" s="85"/>
      <c r="AE1528" s="85"/>
      <c r="AF1528" s="85"/>
      <c r="AG1528" s="85"/>
      <c r="AH1528" s="85"/>
      <c r="AI1528" s="85"/>
      <c r="AJ1528" s="85"/>
      <c r="AK1528" s="85"/>
      <c r="AL1528" s="85"/>
      <c r="AM1528" s="85"/>
      <c r="AN1528" s="85"/>
      <c r="AO1528" s="85"/>
      <c r="AP1528" s="85"/>
      <c r="AQ1528" s="85"/>
      <c r="AR1528" s="85"/>
      <c r="AS1528" s="85"/>
      <c r="AT1528" s="85"/>
      <c r="AU1528" s="85"/>
      <c r="AV1528" s="85"/>
      <c r="AW1528" s="85"/>
      <c r="AX1528" s="85"/>
      <c r="AY1528" s="85"/>
      <c r="AZ1528" s="85"/>
      <c r="BA1528" s="85"/>
      <c r="BB1528" s="85"/>
      <c r="BC1528" s="85"/>
      <c r="BD1528" s="85"/>
      <c r="BE1528" s="85"/>
      <c r="BF1528" s="85"/>
      <c r="BG1528" s="85"/>
      <c r="BH1528" s="85"/>
      <c r="BI1528" s="85"/>
      <c r="BJ1528" s="85"/>
      <c r="BK1528" s="85"/>
      <c r="BL1528" s="85"/>
      <c r="BM1528" s="85"/>
      <c r="BN1528" s="85"/>
      <c r="BO1528" s="85"/>
      <c r="BP1528" s="85"/>
      <c r="BQ1528" s="85"/>
      <c r="BR1528" s="85"/>
      <c r="BS1528" s="85"/>
      <c r="BT1528" s="85"/>
      <c r="BU1528" s="85"/>
      <c r="BV1528" s="85"/>
      <c r="BW1528" s="85"/>
      <c r="BX1528" s="85"/>
      <c r="BY1528" s="85"/>
      <c r="BZ1528" s="85"/>
      <c r="CA1528" s="85"/>
      <c r="CB1528" s="85"/>
      <c r="CC1528" s="85"/>
      <c r="CD1528" s="85"/>
      <c r="CE1528" s="85"/>
      <c r="CF1528" s="85"/>
      <c r="CG1528" s="85"/>
    </row>
    <row r="1529" spans="1:85" s="9" customFormat="1" x14ac:dyDescent="0.2">
      <c r="A1529" s="85"/>
      <c r="J1529" s="85"/>
      <c r="K1529" s="85"/>
      <c r="L1529" s="85"/>
      <c r="M1529" s="85"/>
      <c r="N1529" s="85"/>
      <c r="O1529" s="85"/>
      <c r="P1529" s="85"/>
      <c r="Q1529" s="85"/>
      <c r="R1529" s="85"/>
      <c r="S1529" s="85"/>
      <c r="T1529" s="85"/>
      <c r="U1529" s="85"/>
      <c r="V1529" s="85"/>
      <c r="W1529" s="85"/>
      <c r="X1529" s="85"/>
      <c r="Y1529" s="85"/>
      <c r="Z1529" s="85"/>
      <c r="AA1529" s="85"/>
      <c r="AB1529" s="85"/>
      <c r="AC1529" s="85"/>
      <c r="AD1529" s="85"/>
      <c r="AE1529" s="85"/>
      <c r="AF1529" s="85"/>
      <c r="AG1529" s="85"/>
      <c r="AH1529" s="85"/>
      <c r="AI1529" s="85"/>
      <c r="AJ1529" s="85"/>
      <c r="AK1529" s="85"/>
      <c r="AL1529" s="85"/>
      <c r="AM1529" s="85"/>
      <c r="AN1529" s="85"/>
      <c r="AO1529" s="85"/>
      <c r="AP1529" s="85"/>
      <c r="AQ1529" s="85"/>
      <c r="AR1529" s="85"/>
      <c r="AS1529" s="85"/>
      <c r="AT1529" s="85"/>
      <c r="AU1529" s="85"/>
      <c r="AV1529" s="85"/>
      <c r="AW1529" s="85"/>
      <c r="AX1529" s="85"/>
      <c r="AY1529" s="85"/>
      <c r="AZ1529" s="85"/>
      <c r="BA1529" s="85"/>
      <c r="BB1529" s="85"/>
      <c r="BC1529" s="85"/>
      <c r="BD1529" s="85"/>
      <c r="BE1529" s="85"/>
      <c r="BF1529" s="85"/>
      <c r="BG1529" s="85"/>
      <c r="BH1529" s="85"/>
      <c r="BI1529" s="85"/>
      <c r="BJ1529" s="85"/>
      <c r="BK1529" s="85"/>
      <c r="BL1529" s="85"/>
      <c r="BM1529" s="85"/>
      <c r="BN1529" s="85"/>
      <c r="BO1529" s="85"/>
      <c r="BP1529" s="85"/>
      <c r="BQ1529" s="85"/>
      <c r="BR1529" s="85"/>
      <c r="BS1529" s="85"/>
      <c r="BT1529" s="85"/>
      <c r="BU1529" s="85"/>
      <c r="BV1529" s="85"/>
      <c r="BW1529" s="85"/>
      <c r="BX1529" s="85"/>
      <c r="BY1529" s="85"/>
      <c r="BZ1529" s="85"/>
      <c r="CA1529" s="85"/>
      <c r="CB1529" s="85"/>
      <c r="CC1529" s="85"/>
      <c r="CD1529" s="85"/>
      <c r="CE1529" s="85"/>
      <c r="CF1529" s="85"/>
      <c r="CG1529" s="85"/>
    </row>
    <row r="1530" spans="1:85" s="9" customFormat="1" x14ac:dyDescent="0.2">
      <c r="A1530" s="85"/>
      <c r="J1530" s="85"/>
      <c r="K1530" s="85"/>
      <c r="L1530" s="85"/>
      <c r="M1530" s="85"/>
      <c r="N1530" s="85"/>
      <c r="O1530" s="85"/>
      <c r="P1530" s="85"/>
      <c r="Q1530" s="85"/>
      <c r="R1530" s="85"/>
      <c r="S1530" s="85"/>
      <c r="T1530" s="85"/>
      <c r="U1530" s="85"/>
      <c r="V1530" s="85"/>
      <c r="W1530" s="85"/>
      <c r="X1530" s="85"/>
      <c r="Y1530" s="85"/>
      <c r="Z1530" s="85"/>
      <c r="AA1530" s="85"/>
      <c r="AB1530" s="85"/>
      <c r="AC1530" s="85"/>
      <c r="AD1530" s="85"/>
      <c r="AE1530" s="85"/>
      <c r="AF1530" s="85"/>
      <c r="AG1530" s="85"/>
      <c r="AH1530" s="85"/>
      <c r="AI1530" s="85"/>
      <c r="AJ1530" s="85"/>
      <c r="AK1530" s="85"/>
      <c r="AL1530" s="85"/>
      <c r="AM1530" s="85"/>
      <c r="AN1530" s="85"/>
      <c r="AO1530" s="85"/>
      <c r="AP1530" s="85"/>
      <c r="AQ1530" s="85"/>
      <c r="AR1530" s="85"/>
      <c r="AS1530" s="85"/>
      <c r="AT1530" s="85"/>
      <c r="AU1530" s="85"/>
      <c r="AV1530" s="85"/>
      <c r="AW1530" s="85"/>
      <c r="AX1530" s="85"/>
      <c r="AY1530" s="85"/>
      <c r="AZ1530" s="85"/>
      <c r="BA1530" s="85"/>
      <c r="BB1530" s="85"/>
      <c r="BC1530" s="85"/>
      <c r="BD1530" s="85"/>
      <c r="BE1530" s="85"/>
      <c r="BF1530" s="85"/>
      <c r="BG1530" s="85"/>
      <c r="BH1530" s="85"/>
      <c r="BI1530" s="85"/>
      <c r="BJ1530" s="85"/>
      <c r="BK1530" s="85"/>
      <c r="BL1530" s="85"/>
      <c r="BM1530" s="85"/>
      <c r="BN1530" s="85"/>
      <c r="BO1530" s="85"/>
      <c r="BP1530" s="85"/>
      <c r="BQ1530" s="85"/>
      <c r="BR1530" s="85"/>
      <c r="BS1530" s="85"/>
      <c r="BT1530" s="85"/>
      <c r="BU1530" s="85"/>
      <c r="BV1530" s="85"/>
      <c r="BW1530" s="85"/>
      <c r="BX1530" s="85"/>
      <c r="BY1530" s="85"/>
      <c r="BZ1530" s="85"/>
      <c r="CA1530" s="85"/>
      <c r="CB1530" s="85"/>
      <c r="CC1530" s="85"/>
      <c r="CD1530" s="85"/>
      <c r="CE1530" s="85"/>
      <c r="CF1530" s="85"/>
      <c r="CG1530" s="85"/>
    </row>
    <row r="1531" spans="1:85" s="9" customFormat="1" x14ac:dyDescent="0.2">
      <c r="A1531" s="85"/>
      <c r="J1531" s="85"/>
      <c r="K1531" s="85"/>
      <c r="L1531" s="85"/>
      <c r="M1531" s="85"/>
      <c r="N1531" s="85"/>
      <c r="O1531" s="85"/>
      <c r="P1531" s="85"/>
      <c r="Q1531" s="85"/>
      <c r="R1531" s="85"/>
      <c r="S1531" s="85"/>
      <c r="T1531" s="85"/>
      <c r="U1531" s="85"/>
      <c r="V1531" s="85"/>
      <c r="W1531" s="85"/>
      <c r="X1531" s="85"/>
      <c r="Y1531" s="85"/>
      <c r="Z1531" s="85"/>
      <c r="AA1531" s="85"/>
      <c r="AB1531" s="85"/>
      <c r="AC1531" s="85"/>
      <c r="AD1531" s="85"/>
      <c r="AE1531" s="85"/>
      <c r="AF1531" s="85"/>
      <c r="AG1531" s="85"/>
      <c r="AH1531" s="85"/>
      <c r="AI1531" s="85"/>
      <c r="AJ1531" s="85"/>
      <c r="AK1531" s="85"/>
      <c r="AL1531" s="85"/>
      <c r="AM1531" s="85"/>
      <c r="AN1531" s="85"/>
      <c r="AO1531" s="85"/>
      <c r="AP1531" s="85"/>
      <c r="AQ1531" s="85"/>
      <c r="AR1531" s="85"/>
      <c r="AS1531" s="85"/>
      <c r="AT1531" s="85"/>
      <c r="AU1531" s="85"/>
      <c r="AV1531" s="85"/>
      <c r="AW1531" s="85"/>
      <c r="AX1531" s="85"/>
      <c r="AY1531" s="85"/>
      <c r="AZ1531" s="85"/>
      <c r="BA1531" s="85"/>
      <c r="BB1531" s="85"/>
      <c r="BC1531" s="85"/>
      <c r="BD1531" s="85"/>
      <c r="BE1531" s="85"/>
      <c r="BF1531" s="85"/>
      <c r="BG1531" s="85"/>
      <c r="BH1531" s="85"/>
      <c r="BI1531" s="85"/>
      <c r="BJ1531" s="85"/>
      <c r="BK1531" s="85"/>
      <c r="BL1531" s="85"/>
      <c r="BM1531" s="85"/>
      <c r="BN1531" s="85"/>
      <c r="BO1531" s="85"/>
      <c r="BP1531" s="85"/>
      <c r="BQ1531" s="85"/>
      <c r="BR1531" s="85"/>
      <c r="BS1531" s="85"/>
      <c r="BT1531" s="85"/>
      <c r="BU1531" s="85"/>
      <c r="BV1531" s="85"/>
      <c r="BW1531" s="85"/>
      <c r="BX1531" s="85"/>
      <c r="BY1531" s="85"/>
      <c r="BZ1531" s="85"/>
      <c r="CA1531" s="85"/>
      <c r="CB1531" s="85"/>
      <c r="CC1531" s="85"/>
      <c r="CD1531" s="85"/>
      <c r="CE1531" s="85"/>
      <c r="CF1531" s="85"/>
      <c r="CG1531" s="85"/>
    </row>
    <row r="1532" spans="1:85" s="9" customFormat="1" x14ac:dyDescent="0.2">
      <c r="A1532" s="85"/>
      <c r="J1532" s="85"/>
      <c r="K1532" s="85"/>
      <c r="L1532" s="85"/>
      <c r="M1532" s="85"/>
      <c r="N1532" s="85"/>
      <c r="O1532" s="85"/>
      <c r="P1532" s="85"/>
      <c r="Q1532" s="85"/>
      <c r="R1532" s="85"/>
      <c r="S1532" s="85"/>
      <c r="T1532" s="85"/>
      <c r="U1532" s="85"/>
      <c r="V1532" s="85"/>
      <c r="W1532" s="85"/>
      <c r="X1532" s="85"/>
      <c r="Y1532" s="85"/>
      <c r="Z1532" s="85"/>
      <c r="AA1532" s="85"/>
      <c r="AB1532" s="85"/>
      <c r="AC1532" s="85"/>
      <c r="AD1532" s="85"/>
      <c r="AE1532" s="85"/>
      <c r="AF1532" s="85"/>
      <c r="AG1532" s="85"/>
      <c r="AH1532" s="85"/>
      <c r="AI1532" s="85"/>
      <c r="AJ1532" s="85"/>
      <c r="AK1532" s="85"/>
      <c r="AL1532" s="85"/>
      <c r="AM1532" s="85"/>
      <c r="AN1532" s="85"/>
      <c r="AO1532" s="85"/>
      <c r="AP1532" s="85"/>
      <c r="AQ1532" s="85"/>
      <c r="AR1532" s="85"/>
      <c r="AS1532" s="85"/>
      <c r="AT1532" s="85"/>
      <c r="AU1532" s="85"/>
      <c r="AV1532" s="85"/>
      <c r="AW1532" s="85"/>
      <c r="AX1532" s="85"/>
      <c r="AY1532" s="85"/>
      <c r="AZ1532" s="85"/>
      <c r="BA1532" s="85"/>
      <c r="BB1532" s="85"/>
      <c r="BC1532" s="85"/>
      <c r="BD1532" s="85"/>
      <c r="BE1532" s="85"/>
      <c r="BF1532" s="85"/>
      <c r="BG1532" s="85"/>
      <c r="BH1532" s="85"/>
      <c r="BI1532" s="85"/>
      <c r="BJ1532" s="85"/>
      <c r="BK1532" s="85"/>
      <c r="BL1532" s="85"/>
      <c r="BM1532" s="85"/>
      <c r="BN1532" s="85"/>
      <c r="BO1532" s="85"/>
      <c r="BP1532" s="85"/>
      <c r="BQ1532" s="85"/>
      <c r="BR1532" s="85"/>
      <c r="BS1532" s="85"/>
      <c r="BT1532" s="85"/>
      <c r="BU1532" s="85"/>
      <c r="BV1532" s="85"/>
      <c r="BW1532" s="85"/>
      <c r="BX1532" s="85"/>
      <c r="BY1532" s="85"/>
      <c r="BZ1532" s="85"/>
      <c r="CA1532" s="85"/>
      <c r="CB1532" s="85"/>
      <c r="CC1532" s="85"/>
      <c r="CD1532" s="85"/>
      <c r="CE1532" s="85"/>
      <c r="CF1532" s="85"/>
      <c r="CG1532" s="85"/>
    </row>
    <row r="1533" spans="1:85" s="9" customFormat="1" x14ac:dyDescent="0.2">
      <c r="A1533" s="85"/>
      <c r="J1533" s="85"/>
      <c r="K1533" s="85"/>
      <c r="L1533" s="85"/>
      <c r="M1533" s="85"/>
      <c r="N1533" s="85"/>
      <c r="O1533" s="85"/>
      <c r="P1533" s="85"/>
      <c r="Q1533" s="85"/>
      <c r="R1533" s="85"/>
      <c r="S1533" s="85"/>
      <c r="T1533" s="85"/>
      <c r="U1533" s="85"/>
      <c r="V1533" s="85"/>
      <c r="W1533" s="85"/>
      <c r="X1533" s="85"/>
      <c r="Y1533" s="85"/>
      <c r="Z1533" s="85"/>
      <c r="AA1533" s="85"/>
      <c r="AB1533" s="85"/>
      <c r="AC1533" s="85"/>
      <c r="AD1533" s="85"/>
      <c r="AE1533" s="85"/>
      <c r="AF1533" s="85"/>
      <c r="AG1533" s="85"/>
      <c r="AH1533" s="85"/>
      <c r="AI1533" s="85"/>
      <c r="AJ1533" s="85"/>
      <c r="AK1533" s="85"/>
      <c r="AL1533" s="85"/>
      <c r="AM1533" s="85"/>
      <c r="AN1533" s="85"/>
      <c r="AO1533" s="85"/>
      <c r="AP1533" s="85"/>
      <c r="AQ1533" s="85"/>
      <c r="AR1533" s="85"/>
      <c r="AS1533" s="85"/>
      <c r="AT1533" s="85"/>
      <c r="AU1533" s="85"/>
      <c r="AV1533" s="85"/>
      <c r="AW1533" s="85"/>
      <c r="AX1533" s="85"/>
      <c r="AY1533" s="85"/>
      <c r="AZ1533" s="85"/>
      <c r="BA1533" s="85"/>
      <c r="BB1533" s="85"/>
      <c r="BC1533" s="85"/>
      <c r="BD1533" s="85"/>
      <c r="BE1533" s="85"/>
      <c r="BF1533" s="85"/>
      <c r="BG1533" s="85"/>
      <c r="BH1533" s="85"/>
      <c r="BI1533" s="85"/>
      <c r="BJ1533" s="85"/>
      <c r="BK1533" s="85"/>
      <c r="BL1533" s="85"/>
      <c r="BM1533" s="85"/>
      <c r="BN1533" s="85"/>
      <c r="BO1533" s="85"/>
      <c r="BP1533" s="85"/>
      <c r="BQ1533" s="85"/>
      <c r="BR1533" s="85"/>
      <c r="BS1533" s="85"/>
      <c r="BT1533" s="85"/>
      <c r="BU1533" s="85"/>
      <c r="BV1533" s="85"/>
      <c r="BW1533" s="85"/>
      <c r="BX1533" s="85"/>
      <c r="BY1533" s="85"/>
      <c r="BZ1533" s="85"/>
      <c r="CA1533" s="85"/>
      <c r="CB1533" s="85"/>
      <c r="CC1533" s="85"/>
      <c r="CD1533" s="85"/>
      <c r="CE1533" s="85"/>
      <c r="CF1533" s="85"/>
      <c r="CG1533" s="85"/>
    </row>
    <row r="1534" spans="1:85" s="9" customFormat="1" x14ac:dyDescent="0.2">
      <c r="A1534" s="85"/>
      <c r="J1534" s="85"/>
      <c r="K1534" s="85"/>
      <c r="L1534" s="85"/>
      <c r="M1534" s="85"/>
      <c r="N1534" s="85"/>
      <c r="O1534" s="85"/>
      <c r="P1534" s="85"/>
      <c r="Q1534" s="85"/>
      <c r="R1534" s="85"/>
      <c r="S1534" s="85"/>
      <c r="T1534" s="85"/>
      <c r="U1534" s="85"/>
      <c r="V1534" s="85"/>
      <c r="W1534" s="85"/>
      <c r="X1534" s="85"/>
      <c r="Y1534" s="85"/>
      <c r="Z1534" s="85"/>
      <c r="AA1534" s="85"/>
      <c r="AB1534" s="85"/>
      <c r="AC1534" s="85"/>
      <c r="AD1534" s="85"/>
      <c r="AE1534" s="85"/>
      <c r="AF1534" s="85"/>
      <c r="AG1534" s="85"/>
      <c r="AH1534" s="85"/>
      <c r="AI1534" s="85"/>
      <c r="AJ1534" s="85"/>
      <c r="AK1534" s="85"/>
      <c r="AL1534" s="85"/>
      <c r="AM1534" s="85"/>
      <c r="AN1534" s="85"/>
      <c r="AO1534" s="85"/>
      <c r="AP1534" s="85"/>
      <c r="AQ1534" s="85"/>
      <c r="AR1534" s="85"/>
      <c r="AS1534" s="85"/>
      <c r="AT1534" s="85"/>
      <c r="AU1534" s="85"/>
      <c r="AV1534" s="85"/>
      <c r="AW1534" s="85"/>
      <c r="AX1534" s="85"/>
      <c r="AY1534" s="85"/>
      <c r="AZ1534" s="85"/>
      <c r="BA1534" s="85"/>
      <c r="BB1534" s="85"/>
      <c r="BC1534" s="85"/>
      <c r="BD1534" s="85"/>
      <c r="BE1534" s="85"/>
      <c r="BF1534" s="85"/>
      <c r="BG1534" s="85"/>
      <c r="BH1534" s="85"/>
      <c r="BI1534" s="85"/>
      <c r="BJ1534" s="85"/>
      <c r="BK1534" s="85"/>
      <c r="BL1534" s="85"/>
      <c r="BM1534" s="85"/>
      <c r="BN1534" s="85"/>
      <c r="BO1534" s="85"/>
      <c r="BP1534" s="85"/>
      <c r="BQ1534" s="85"/>
      <c r="BR1534" s="85"/>
      <c r="BS1534" s="85"/>
      <c r="BT1534" s="85"/>
      <c r="BU1534" s="85"/>
      <c r="BV1534" s="85"/>
      <c r="BW1534" s="85"/>
      <c r="BX1534" s="85"/>
      <c r="BY1534" s="85"/>
      <c r="BZ1534" s="85"/>
      <c r="CA1534" s="85"/>
      <c r="CB1534" s="85"/>
      <c r="CC1534" s="85"/>
      <c r="CD1534" s="85"/>
      <c r="CE1534" s="85"/>
      <c r="CF1534" s="85"/>
      <c r="CG1534" s="85"/>
    </row>
    <row r="1535" spans="1:85" s="9" customFormat="1" x14ac:dyDescent="0.2">
      <c r="A1535" s="85"/>
      <c r="J1535" s="85"/>
      <c r="K1535" s="85"/>
      <c r="L1535" s="85"/>
      <c r="M1535" s="85"/>
      <c r="N1535" s="85"/>
      <c r="O1535" s="85"/>
      <c r="P1535" s="85"/>
      <c r="Q1535" s="85"/>
      <c r="R1535" s="85"/>
      <c r="S1535" s="85"/>
      <c r="T1535" s="85"/>
      <c r="U1535" s="85"/>
      <c r="V1535" s="85"/>
      <c r="W1535" s="85"/>
      <c r="X1535" s="85"/>
      <c r="Y1535" s="85"/>
      <c r="Z1535" s="85"/>
      <c r="AA1535" s="85"/>
      <c r="AB1535" s="85"/>
      <c r="AC1535" s="85"/>
      <c r="AD1535" s="85"/>
      <c r="AE1535" s="85"/>
      <c r="AF1535" s="85"/>
      <c r="AG1535" s="85"/>
      <c r="AH1535" s="85"/>
      <c r="AI1535" s="85"/>
      <c r="AJ1535" s="85"/>
      <c r="AK1535" s="85"/>
      <c r="AL1535" s="85"/>
      <c r="AM1535" s="85"/>
      <c r="AN1535" s="85"/>
      <c r="AO1535" s="85"/>
      <c r="AP1535" s="85"/>
      <c r="AQ1535" s="85"/>
      <c r="AR1535" s="85"/>
      <c r="AS1535" s="85"/>
      <c r="AT1535" s="85"/>
      <c r="AU1535" s="85"/>
      <c r="AV1535" s="85"/>
      <c r="AW1535" s="85"/>
      <c r="AX1535" s="85"/>
      <c r="AY1535" s="85"/>
      <c r="AZ1535" s="85"/>
      <c r="BA1535" s="85"/>
      <c r="BB1535" s="85"/>
      <c r="BC1535" s="85"/>
      <c r="BD1535" s="85"/>
      <c r="BE1535" s="85"/>
      <c r="BF1535" s="85"/>
      <c r="BG1535" s="85"/>
      <c r="BH1535" s="85"/>
      <c r="BI1535" s="85"/>
      <c r="BJ1535" s="85"/>
      <c r="BK1535" s="85"/>
      <c r="BL1535" s="85"/>
      <c r="BM1535" s="85"/>
      <c r="BN1535" s="85"/>
      <c r="BO1535" s="85"/>
      <c r="BP1535" s="85"/>
      <c r="BQ1535" s="85"/>
      <c r="BR1535" s="85"/>
      <c r="BS1535" s="85"/>
      <c r="BT1535" s="85"/>
      <c r="BU1535" s="85"/>
      <c r="BV1535" s="85"/>
      <c r="BW1535" s="85"/>
      <c r="BX1535" s="85"/>
      <c r="BY1535" s="85"/>
      <c r="BZ1535" s="85"/>
      <c r="CA1535" s="85"/>
      <c r="CB1535" s="85"/>
      <c r="CC1535" s="85"/>
      <c r="CD1535" s="85"/>
      <c r="CE1535" s="85"/>
      <c r="CF1535" s="85"/>
      <c r="CG1535" s="85"/>
    </row>
    <row r="1536" spans="1:85" s="9" customFormat="1" x14ac:dyDescent="0.2">
      <c r="A1536" s="85"/>
      <c r="J1536" s="85"/>
      <c r="K1536" s="85"/>
      <c r="L1536" s="85"/>
      <c r="M1536" s="85"/>
      <c r="N1536" s="85"/>
      <c r="O1536" s="85"/>
      <c r="P1536" s="85"/>
      <c r="Q1536" s="85"/>
      <c r="R1536" s="85"/>
      <c r="S1536" s="85"/>
      <c r="T1536" s="85"/>
      <c r="U1536" s="85"/>
      <c r="V1536" s="85"/>
      <c r="W1536" s="85"/>
      <c r="X1536" s="85"/>
      <c r="Y1536" s="85"/>
      <c r="Z1536" s="85"/>
      <c r="AA1536" s="85"/>
      <c r="AB1536" s="85"/>
      <c r="AC1536" s="85"/>
      <c r="AD1536" s="85"/>
      <c r="AE1536" s="85"/>
      <c r="AF1536" s="85"/>
      <c r="AG1536" s="85"/>
      <c r="AH1536" s="85"/>
      <c r="AI1536" s="85"/>
      <c r="AJ1536" s="85"/>
      <c r="AK1536" s="85"/>
      <c r="AL1536" s="85"/>
      <c r="AM1536" s="85"/>
      <c r="AN1536" s="85"/>
      <c r="AO1536" s="85"/>
      <c r="AP1536" s="85"/>
      <c r="AQ1536" s="85"/>
      <c r="AR1536" s="85"/>
      <c r="AS1536" s="85"/>
      <c r="AT1536" s="85"/>
      <c r="AU1536" s="85"/>
      <c r="AV1536" s="85"/>
      <c r="AW1536" s="85"/>
      <c r="AX1536" s="85"/>
      <c r="AY1536" s="85"/>
      <c r="AZ1536" s="85"/>
      <c r="BA1536" s="85"/>
      <c r="BB1536" s="85"/>
      <c r="BC1536" s="85"/>
      <c r="BD1536" s="85"/>
      <c r="BE1536" s="85"/>
      <c r="BF1536" s="85"/>
      <c r="BG1536" s="85"/>
      <c r="BH1536" s="85"/>
      <c r="BI1536" s="85"/>
      <c r="BJ1536" s="85"/>
      <c r="BK1536" s="85"/>
      <c r="BL1536" s="85"/>
      <c r="BM1536" s="85"/>
      <c r="BN1536" s="85"/>
      <c r="BO1536" s="85"/>
      <c r="BP1536" s="85"/>
      <c r="BQ1536" s="85"/>
      <c r="BR1536" s="85"/>
      <c r="BS1536" s="85"/>
      <c r="BT1536" s="85"/>
      <c r="BU1536" s="85"/>
      <c r="BV1536" s="85"/>
      <c r="BW1536" s="85"/>
      <c r="BX1536" s="85"/>
      <c r="BY1536" s="85"/>
      <c r="BZ1536" s="85"/>
      <c r="CA1536" s="85"/>
      <c r="CB1536" s="85"/>
      <c r="CC1536" s="85"/>
      <c r="CD1536" s="85"/>
      <c r="CE1536" s="85"/>
      <c r="CF1536" s="85"/>
      <c r="CG1536" s="85"/>
    </row>
    <row r="1537" spans="1:85" s="9" customFormat="1" x14ac:dyDescent="0.2">
      <c r="A1537" s="85"/>
      <c r="J1537" s="85"/>
      <c r="K1537" s="85"/>
      <c r="L1537" s="85"/>
      <c r="M1537" s="85"/>
      <c r="N1537" s="85"/>
      <c r="O1537" s="85"/>
      <c r="P1537" s="85"/>
      <c r="Q1537" s="85"/>
      <c r="R1537" s="85"/>
      <c r="S1537" s="85"/>
      <c r="T1537" s="85"/>
      <c r="U1537" s="85"/>
      <c r="V1537" s="85"/>
      <c r="W1537" s="85"/>
      <c r="X1537" s="85"/>
      <c r="Y1537" s="85"/>
      <c r="Z1537" s="85"/>
      <c r="AA1537" s="85"/>
      <c r="AB1537" s="85"/>
      <c r="AC1537" s="85"/>
      <c r="AD1537" s="85"/>
      <c r="AE1537" s="85"/>
      <c r="AF1537" s="85"/>
      <c r="AG1537" s="85"/>
      <c r="AH1537" s="85"/>
      <c r="AI1537" s="85"/>
      <c r="AJ1537" s="85"/>
      <c r="AK1537" s="85"/>
      <c r="AL1537" s="85"/>
      <c r="AM1537" s="85"/>
      <c r="AN1537" s="85"/>
      <c r="AO1537" s="85"/>
      <c r="AP1537" s="85"/>
      <c r="AQ1537" s="85"/>
      <c r="AR1537" s="85"/>
      <c r="AS1537" s="85"/>
      <c r="AT1537" s="85"/>
      <c r="AU1537" s="85"/>
      <c r="AV1537" s="85"/>
      <c r="AW1537" s="85"/>
      <c r="AX1537" s="85"/>
      <c r="AY1537" s="85"/>
      <c r="AZ1537" s="85"/>
      <c r="BA1537" s="85"/>
      <c r="BB1537" s="85"/>
      <c r="BC1537" s="85"/>
      <c r="BD1537" s="85"/>
      <c r="BE1537" s="85"/>
      <c r="BF1537" s="85"/>
      <c r="BG1537" s="85"/>
      <c r="BH1537" s="85"/>
      <c r="BI1537" s="85"/>
      <c r="BJ1537" s="85"/>
      <c r="BK1537" s="85"/>
      <c r="BL1537" s="85"/>
      <c r="BM1537" s="85"/>
      <c r="BN1537" s="85"/>
      <c r="BO1537" s="85"/>
      <c r="BP1537" s="85"/>
      <c r="BQ1537" s="85"/>
      <c r="BR1537" s="85"/>
      <c r="BS1537" s="85"/>
      <c r="BT1537" s="85"/>
      <c r="BU1537" s="85"/>
      <c r="BV1537" s="85"/>
      <c r="BW1537" s="85"/>
      <c r="BX1537" s="85"/>
      <c r="BY1537" s="85"/>
      <c r="BZ1537" s="85"/>
      <c r="CA1537" s="85"/>
      <c r="CB1537" s="85"/>
      <c r="CC1537" s="85"/>
      <c r="CD1537" s="85"/>
      <c r="CE1537" s="85"/>
      <c r="CF1537" s="85"/>
      <c r="CG1537" s="85"/>
    </row>
    <row r="1538" spans="1:85" s="9" customFormat="1" x14ac:dyDescent="0.2">
      <c r="A1538" s="85"/>
      <c r="J1538" s="85"/>
      <c r="K1538" s="85"/>
      <c r="L1538" s="85"/>
      <c r="M1538" s="85"/>
      <c r="N1538" s="85"/>
      <c r="O1538" s="85"/>
      <c r="P1538" s="85"/>
      <c r="Q1538" s="85"/>
      <c r="R1538" s="85"/>
      <c r="S1538" s="85"/>
      <c r="T1538" s="85"/>
      <c r="U1538" s="85"/>
      <c r="V1538" s="85"/>
      <c r="W1538" s="85"/>
      <c r="X1538" s="85"/>
      <c r="Y1538" s="85"/>
      <c r="Z1538" s="85"/>
      <c r="AA1538" s="85"/>
      <c r="AB1538" s="85"/>
      <c r="AC1538" s="85"/>
      <c r="AD1538" s="85"/>
      <c r="AE1538" s="85"/>
      <c r="AF1538" s="85"/>
      <c r="AG1538" s="85"/>
      <c r="AH1538" s="85"/>
      <c r="AI1538" s="85"/>
      <c r="AJ1538" s="85"/>
      <c r="AK1538" s="85"/>
      <c r="AL1538" s="85"/>
      <c r="AM1538" s="85"/>
      <c r="AN1538" s="85"/>
      <c r="AO1538" s="85"/>
      <c r="AP1538" s="85"/>
      <c r="AQ1538" s="85"/>
      <c r="AR1538" s="85"/>
      <c r="AS1538" s="85"/>
      <c r="AT1538" s="85"/>
      <c r="AU1538" s="85"/>
      <c r="AV1538" s="85"/>
      <c r="AW1538" s="85"/>
      <c r="AX1538" s="85"/>
      <c r="AY1538" s="85"/>
      <c r="AZ1538" s="85"/>
      <c r="BA1538" s="85"/>
      <c r="BB1538" s="85"/>
      <c r="BC1538" s="85"/>
      <c r="BD1538" s="85"/>
      <c r="BE1538" s="85"/>
      <c r="BF1538" s="85"/>
      <c r="BG1538" s="85"/>
      <c r="BH1538" s="85"/>
      <c r="BI1538" s="85"/>
      <c r="BJ1538" s="85"/>
      <c r="BK1538" s="85"/>
      <c r="BL1538" s="85"/>
      <c r="BM1538" s="85"/>
      <c r="BN1538" s="85"/>
      <c r="BO1538" s="85"/>
      <c r="BP1538" s="85"/>
      <c r="BQ1538" s="85"/>
      <c r="BR1538" s="85"/>
      <c r="BS1538" s="85"/>
      <c r="BT1538" s="85"/>
      <c r="BU1538" s="85"/>
      <c r="BV1538" s="85"/>
      <c r="BW1538" s="85"/>
      <c r="BX1538" s="85"/>
      <c r="BY1538" s="85"/>
      <c r="BZ1538" s="85"/>
      <c r="CA1538" s="85"/>
      <c r="CB1538" s="85"/>
      <c r="CC1538" s="85"/>
      <c r="CD1538" s="85"/>
      <c r="CE1538" s="85"/>
      <c r="CF1538" s="85"/>
      <c r="CG1538" s="85"/>
    </row>
    <row r="1539" spans="1:85" s="9" customFormat="1" x14ac:dyDescent="0.2">
      <c r="A1539" s="85"/>
      <c r="J1539" s="85"/>
      <c r="K1539" s="85"/>
      <c r="L1539" s="85"/>
      <c r="M1539" s="85"/>
      <c r="N1539" s="85"/>
      <c r="O1539" s="85"/>
      <c r="P1539" s="85"/>
      <c r="Q1539" s="85"/>
      <c r="R1539" s="85"/>
      <c r="S1539" s="85"/>
      <c r="T1539" s="85"/>
      <c r="U1539" s="85"/>
      <c r="V1539" s="85"/>
      <c r="W1539" s="85"/>
      <c r="X1539" s="85"/>
      <c r="Y1539" s="85"/>
      <c r="Z1539" s="85"/>
      <c r="AA1539" s="85"/>
      <c r="AB1539" s="85"/>
      <c r="AC1539" s="85"/>
      <c r="AD1539" s="85"/>
      <c r="AE1539" s="85"/>
      <c r="AF1539" s="85"/>
      <c r="AG1539" s="85"/>
      <c r="AH1539" s="85"/>
      <c r="AI1539" s="85"/>
      <c r="AJ1539" s="85"/>
      <c r="AK1539" s="85"/>
      <c r="AL1539" s="85"/>
      <c r="AM1539" s="85"/>
      <c r="AN1539" s="85"/>
      <c r="AO1539" s="85"/>
      <c r="AP1539" s="85"/>
      <c r="AQ1539" s="85"/>
      <c r="AR1539" s="85"/>
      <c r="AS1539" s="85"/>
      <c r="AT1539" s="85"/>
      <c r="AU1539" s="85"/>
      <c r="AV1539" s="85"/>
      <c r="AW1539" s="85"/>
      <c r="AX1539" s="85"/>
      <c r="AY1539" s="85"/>
      <c r="AZ1539" s="85"/>
      <c r="BA1539" s="85"/>
      <c r="BB1539" s="85"/>
      <c r="BC1539" s="85"/>
      <c r="BD1539" s="85"/>
      <c r="BE1539" s="85"/>
      <c r="BF1539" s="85"/>
      <c r="BG1539" s="85"/>
      <c r="BH1539" s="85"/>
      <c r="BI1539" s="85"/>
      <c r="BJ1539" s="85"/>
      <c r="BK1539" s="85"/>
      <c r="BL1539" s="85"/>
      <c r="BM1539" s="85"/>
      <c r="BN1539" s="85"/>
      <c r="BO1539" s="85"/>
      <c r="BP1539" s="85"/>
      <c r="BQ1539" s="85"/>
      <c r="BR1539" s="85"/>
      <c r="BS1539" s="85"/>
      <c r="BT1539" s="85"/>
      <c r="BU1539" s="85"/>
      <c r="BV1539" s="85"/>
      <c r="BW1539" s="85"/>
      <c r="BX1539" s="85"/>
      <c r="BY1539" s="85"/>
      <c r="BZ1539" s="85"/>
      <c r="CA1539" s="85"/>
      <c r="CB1539" s="85"/>
      <c r="CC1539" s="85"/>
      <c r="CD1539" s="85"/>
      <c r="CE1539" s="85"/>
      <c r="CF1539" s="85"/>
      <c r="CG1539" s="85"/>
    </row>
    <row r="1540" spans="1:85" s="9" customFormat="1" x14ac:dyDescent="0.2">
      <c r="A1540" s="85"/>
      <c r="J1540" s="85"/>
      <c r="K1540" s="85"/>
      <c r="L1540" s="85"/>
      <c r="M1540" s="85"/>
      <c r="N1540" s="85"/>
      <c r="O1540" s="85"/>
      <c r="P1540" s="85"/>
      <c r="Q1540" s="85"/>
      <c r="R1540" s="85"/>
      <c r="S1540" s="85"/>
      <c r="T1540" s="85"/>
      <c r="U1540" s="85"/>
      <c r="V1540" s="85"/>
      <c r="W1540" s="85"/>
      <c r="X1540" s="85"/>
      <c r="Y1540" s="85"/>
      <c r="Z1540" s="85"/>
      <c r="AA1540" s="85"/>
      <c r="AB1540" s="85"/>
      <c r="AC1540" s="85"/>
      <c r="AD1540" s="85"/>
      <c r="AE1540" s="85"/>
      <c r="AF1540" s="85"/>
      <c r="AG1540" s="85"/>
      <c r="AH1540" s="85"/>
      <c r="AI1540" s="85"/>
      <c r="AJ1540" s="85"/>
      <c r="AK1540" s="85"/>
      <c r="AL1540" s="85"/>
      <c r="AM1540" s="85"/>
      <c r="AN1540" s="85"/>
      <c r="AO1540" s="85"/>
      <c r="AP1540" s="85"/>
      <c r="AQ1540" s="85"/>
      <c r="AR1540" s="85"/>
      <c r="AS1540" s="85"/>
      <c r="AT1540" s="85"/>
      <c r="AU1540" s="85"/>
      <c r="AV1540" s="85"/>
      <c r="AW1540" s="85"/>
      <c r="AX1540" s="85"/>
      <c r="AY1540" s="85"/>
      <c r="AZ1540" s="85"/>
      <c r="BA1540" s="85"/>
      <c r="BB1540" s="85"/>
      <c r="BC1540" s="85"/>
      <c r="BD1540" s="85"/>
      <c r="BE1540" s="85"/>
      <c r="BF1540" s="85"/>
      <c r="BG1540" s="85"/>
      <c r="BH1540" s="85"/>
      <c r="BI1540" s="85"/>
      <c r="BJ1540" s="85"/>
      <c r="BK1540" s="85"/>
      <c r="BL1540" s="85"/>
      <c r="BM1540" s="85"/>
      <c r="BN1540" s="85"/>
      <c r="BO1540" s="85"/>
      <c r="BP1540" s="85"/>
      <c r="BQ1540" s="85"/>
      <c r="BR1540" s="85"/>
      <c r="BS1540" s="85"/>
      <c r="BT1540" s="85"/>
      <c r="BU1540" s="85"/>
      <c r="BV1540" s="85"/>
      <c r="BW1540" s="85"/>
      <c r="BX1540" s="85"/>
      <c r="BY1540" s="85"/>
      <c r="BZ1540" s="85"/>
      <c r="CA1540" s="85"/>
      <c r="CB1540" s="85"/>
      <c r="CC1540" s="85"/>
      <c r="CD1540" s="85"/>
      <c r="CE1540" s="85"/>
      <c r="CF1540" s="85"/>
      <c r="CG1540" s="85"/>
    </row>
    <row r="1541" spans="1:85" s="9" customFormat="1" x14ac:dyDescent="0.2">
      <c r="A1541" s="85"/>
      <c r="J1541" s="85"/>
      <c r="K1541" s="85"/>
      <c r="L1541" s="85"/>
      <c r="M1541" s="85"/>
      <c r="N1541" s="85"/>
      <c r="O1541" s="85"/>
      <c r="P1541" s="85"/>
      <c r="Q1541" s="85"/>
      <c r="R1541" s="85"/>
      <c r="S1541" s="85"/>
      <c r="T1541" s="85"/>
      <c r="U1541" s="85"/>
      <c r="V1541" s="85"/>
      <c r="W1541" s="85"/>
      <c r="X1541" s="85"/>
      <c r="Y1541" s="85"/>
      <c r="Z1541" s="85"/>
      <c r="AA1541" s="85"/>
      <c r="AB1541" s="85"/>
      <c r="AC1541" s="85"/>
      <c r="AD1541" s="85"/>
      <c r="AE1541" s="85"/>
      <c r="AF1541" s="85"/>
      <c r="AG1541" s="85"/>
      <c r="AH1541" s="85"/>
      <c r="AI1541" s="85"/>
      <c r="AJ1541" s="85"/>
      <c r="AK1541" s="85"/>
      <c r="AL1541" s="85"/>
      <c r="AM1541" s="85"/>
      <c r="AN1541" s="85"/>
      <c r="AO1541" s="85"/>
      <c r="AP1541" s="85"/>
      <c r="AQ1541" s="85"/>
      <c r="AR1541" s="85"/>
      <c r="AS1541" s="85"/>
      <c r="AT1541" s="85"/>
      <c r="AU1541" s="85"/>
      <c r="AV1541" s="85"/>
      <c r="AW1541" s="85"/>
      <c r="AX1541" s="85"/>
      <c r="AY1541" s="85"/>
      <c r="AZ1541" s="85"/>
      <c r="BA1541" s="85"/>
      <c r="BB1541" s="85"/>
      <c r="BC1541" s="85"/>
      <c r="BD1541" s="85"/>
      <c r="BE1541" s="85"/>
      <c r="BF1541" s="85"/>
      <c r="BG1541" s="85"/>
      <c r="BH1541" s="85"/>
      <c r="BI1541" s="85"/>
      <c r="BJ1541" s="85"/>
      <c r="BK1541" s="85"/>
      <c r="BL1541" s="85"/>
      <c r="BM1541" s="85"/>
      <c r="BN1541" s="85"/>
      <c r="BO1541" s="85"/>
      <c r="BP1541" s="85"/>
      <c r="BQ1541" s="85"/>
      <c r="BR1541" s="85"/>
      <c r="BS1541" s="85"/>
      <c r="BT1541" s="85"/>
      <c r="BU1541" s="85"/>
      <c r="BV1541" s="85"/>
      <c r="BW1541" s="85"/>
      <c r="BX1541" s="85"/>
      <c r="BY1541" s="85"/>
      <c r="BZ1541" s="85"/>
      <c r="CA1541" s="85"/>
      <c r="CB1541" s="85"/>
      <c r="CC1541" s="85"/>
      <c r="CD1541" s="85"/>
      <c r="CE1541" s="85"/>
      <c r="CF1541" s="85"/>
      <c r="CG1541" s="85"/>
    </row>
    <row r="1542" spans="1:85" s="9" customFormat="1" x14ac:dyDescent="0.2">
      <c r="A1542" s="85"/>
      <c r="J1542" s="85"/>
      <c r="K1542" s="85"/>
      <c r="L1542" s="85"/>
      <c r="M1542" s="85"/>
      <c r="N1542" s="85"/>
      <c r="O1542" s="85"/>
      <c r="P1542" s="85"/>
      <c r="Q1542" s="85"/>
      <c r="R1542" s="85"/>
      <c r="S1542" s="85"/>
      <c r="T1542" s="85"/>
      <c r="U1542" s="85"/>
      <c r="V1542" s="85"/>
      <c r="W1542" s="85"/>
      <c r="X1542" s="85"/>
      <c r="Y1542" s="85"/>
      <c r="Z1542" s="85"/>
      <c r="AA1542" s="85"/>
      <c r="AB1542" s="85"/>
      <c r="AC1542" s="85"/>
      <c r="AD1542" s="85"/>
      <c r="AE1542" s="85"/>
      <c r="AF1542" s="85"/>
      <c r="AG1542" s="85"/>
      <c r="AH1542" s="85"/>
      <c r="AI1542" s="85"/>
      <c r="AJ1542" s="85"/>
      <c r="AK1542" s="85"/>
      <c r="AL1542" s="85"/>
      <c r="AM1542" s="85"/>
      <c r="AN1542" s="85"/>
      <c r="AO1542" s="85"/>
      <c r="AP1542" s="85"/>
      <c r="AQ1542" s="85"/>
      <c r="AR1542" s="85"/>
      <c r="AS1542" s="85"/>
      <c r="AT1542" s="85"/>
      <c r="AU1542" s="85"/>
      <c r="AV1542" s="85"/>
      <c r="AW1542" s="85"/>
      <c r="AX1542" s="85"/>
      <c r="AY1542" s="85"/>
      <c r="AZ1542" s="85"/>
      <c r="BA1542" s="85"/>
      <c r="BB1542" s="85"/>
      <c r="BC1542" s="85"/>
      <c r="BD1542" s="85"/>
      <c r="BE1542" s="85"/>
      <c r="BF1542" s="85"/>
      <c r="BG1542" s="85"/>
      <c r="BH1542" s="85"/>
      <c r="BI1542" s="85"/>
      <c r="BJ1542" s="85"/>
      <c r="BK1542" s="85"/>
      <c r="BL1542" s="85"/>
      <c r="BM1542" s="85"/>
      <c r="BN1542" s="85"/>
      <c r="BO1542" s="85"/>
      <c r="BP1542" s="85"/>
      <c r="BQ1542" s="85"/>
      <c r="BR1542" s="85"/>
      <c r="BS1542" s="85"/>
      <c r="BT1542" s="85"/>
      <c r="BU1542" s="85"/>
      <c r="BV1542" s="85"/>
      <c r="BW1542" s="85"/>
      <c r="BX1542" s="85"/>
      <c r="BY1542" s="85"/>
      <c r="BZ1542" s="85"/>
      <c r="CA1542" s="85"/>
      <c r="CB1542" s="85"/>
      <c r="CC1542" s="85"/>
      <c r="CD1542" s="85"/>
      <c r="CE1542" s="85"/>
      <c r="CF1542" s="85"/>
      <c r="CG1542" s="85"/>
    </row>
    <row r="1543" spans="1:85" s="9" customFormat="1" x14ac:dyDescent="0.2">
      <c r="A1543" s="85"/>
      <c r="J1543" s="85"/>
      <c r="K1543" s="85"/>
      <c r="L1543" s="85"/>
      <c r="M1543" s="85"/>
      <c r="N1543" s="85"/>
      <c r="O1543" s="85"/>
      <c r="P1543" s="85"/>
      <c r="Q1543" s="85"/>
      <c r="R1543" s="85"/>
      <c r="S1543" s="85"/>
      <c r="T1543" s="85"/>
      <c r="U1543" s="85"/>
      <c r="V1543" s="85"/>
      <c r="W1543" s="85"/>
      <c r="X1543" s="85"/>
      <c r="Y1543" s="85"/>
      <c r="Z1543" s="85"/>
      <c r="AA1543" s="85"/>
      <c r="AB1543" s="85"/>
      <c r="AC1543" s="85"/>
      <c r="AD1543" s="85"/>
      <c r="AE1543" s="85"/>
      <c r="AF1543" s="85"/>
      <c r="AG1543" s="85"/>
      <c r="AH1543" s="85"/>
      <c r="AI1543" s="85"/>
      <c r="AJ1543" s="85"/>
      <c r="AK1543" s="85"/>
      <c r="AL1543" s="85"/>
      <c r="AM1543" s="85"/>
      <c r="AN1543" s="85"/>
      <c r="AO1543" s="85"/>
      <c r="AP1543" s="85"/>
      <c r="AQ1543" s="85"/>
      <c r="AR1543" s="85"/>
      <c r="AS1543" s="85"/>
      <c r="AT1543" s="85"/>
      <c r="AU1543" s="85"/>
      <c r="AV1543" s="85"/>
      <c r="AW1543" s="85"/>
      <c r="AX1543" s="85"/>
      <c r="AY1543" s="85"/>
      <c r="AZ1543" s="85"/>
      <c r="BA1543" s="85"/>
      <c r="BB1543" s="85"/>
      <c r="BC1543" s="85"/>
      <c r="BD1543" s="85"/>
      <c r="BE1543" s="85"/>
      <c r="BF1543" s="85"/>
      <c r="BG1543" s="85"/>
      <c r="BH1543" s="85"/>
      <c r="BI1543" s="85"/>
      <c r="BJ1543" s="85"/>
      <c r="BK1543" s="85"/>
      <c r="BL1543" s="85"/>
      <c r="BM1543" s="85"/>
      <c r="BN1543" s="85"/>
      <c r="BO1543" s="85"/>
      <c r="BP1543" s="85"/>
      <c r="BQ1543" s="85"/>
      <c r="BR1543" s="85"/>
      <c r="BS1543" s="85"/>
      <c r="BT1543" s="85"/>
      <c r="BU1543" s="85"/>
      <c r="BV1543" s="85"/>
      <c r="BW1543" s="85"/>
      <c r="BX1543" s="85"/>
      <c r="BY1543" s="85"/>
      <c r="BZ1543" s="85"/>
      <c r="CA1543" s="85"/>
      <c r="CB1543" s="85"/>
      <c r="CC1543" s="85"/>
      <c r="CD1543" s="85"/>
      <c r="CE1543" s="85"/>
      <c r="CF1543" s="85"/>
      <c r="CG1543" s="85"/>
    </row>
    <row r="1544" spans="1:85" s="9" customFormat="1" x14ac:dyDescent="0.2">
      <c r="A1544" s="85"/>
      <c r="J1544" s="85"/>
      <c r="K1544" s="85"/>
      <c r="L1544" s="85"/>
      <c r="M1544" s="85"/>
      <c r="N1544" s="85"/>
      <c r="O1544" s="85"/>
      <c r="P1544" s="85"/>
      <c r="Q1544" s="85"/>
      <c r="R1544" s="85"/>
      <c r="S1544" s="85"/>
      <c r="T1544" s="85"/>
      <c r="U1544" s="85"/>
      <c r="V1544" s="85"/>
      <c r="W1544" s="85"/>
      <c r="X1544" s="85"/>
      <c r="Y1544" s="85"/>
      <c r="Z1544" s="85"/>
      <c r="AA1544" s="85"/>
      <c r="AB1544" s="85"/>
      <c r="AC1544" s="85"/>
      <c r="AD1544" s="85"/>
      <c r="AE1544" s="85"/>
      <c r="AF1544" s="85"/>
      <c r="AG1544" s="85"/>
      <c r="AH1544" s="85"/>
      <c r="AI1544" s="85"/>
      <c r="AJ1544" s="85"/>
      <c r="AK1544" s="85"/>
      <c r="AL1544" s="85"/>
      <c r="AM1544" s="85"/>
      <c r="AN1544" s="85"/>
      <c r="AO1544" s="85"/>
      <c r="AP1544" s="85"/>
      <c r="AQ1544" s="85"/>
      <c r="AR1544" s="85"/>
      <c r="AS1544" s="85"/>
      <c r="AT1544" s="85"/>
      <c r="AU1544" s="85"/>
      <c r="AV1544" s="85"/>
      <c r="AW1544" s="85"/>
      <c r="AX1544" s="85"/>
      <c r="AY1544" s="85"/>
      <c r="AZ1544" s="85"/>
      <c r="BA1544" s="85"/>
      <c r="BB1544" s="85"/>
      <c r="BC1544" s="85"/>
      <c r="BD1544" s="85"/>
      <c r="BE1544" s="85"/>
      <c r="BF1544" s="85"/>
      <c r="BG1544" s="85"/>
      <c r="BH1544" s="85"/>
      <c r="BI1544" s="85"/>
      <c r="BJ1544" s="85"/>
      <c r="BK1544" s="85"/>
      <c r="BL1544" s="85"/>
      <c r="BM1544" s="85"/>
      <c r="BN1544" s="85"/>
      <c r="BO1544" s="85"/>
      <c r="BP1544" s="85"/>
      <c r="BQ1544" s="85"/>
      <c r="BR1544" s="85"/>
      <c r="BS1544" s="85"/>
      <c r="BT1544" s="85"/>
      <c r="BU1544" s="85"/>
      <c r="BV1544" s="85"/>
      <c r="BW1544" s="85"/>
      <c r="BX1544" s="85"/>
      <c r="BY1544" s="85"/>
      <c r="BZ1544" s="85"/>
      <c r="CA1544" s="85"/>
      <c r="CB1544" s="85"/>
      <c r="CC1544" s="85"/>
      <c r="CD1544" s="85"/>
      <c r="CE1544" s="85"/>
      <c r="CF1544" s="85"/>
      <c r="CG1544" s="85"/>
    </row>
    <row r="1545" spans="1:85" s="9" customFormat="1" x14ac:dyDescent="0.2">
      <c r="A1545" s="85"/>
      <c r="J1545" s="85"/>
      <c r="K1545" s="85"/>
      <c r="L1545" s="85"/>
      <c r="M1545" s="85"/>
      <c r="N1545" s="85"/>
      <c r="O1545" s="85"/>
      <c r="P1545" s="85"/>
      <c r="Q1545" s="85"/>
      <c r="R1545" s="85"/>
      <c r="S1545" s="85"/>
      <c r="T1545" s="85"/>
      <c r="U1545" s="85"/>
      <c r="V1545" s="85"/>
      <c r="W1545" s="85"/>
      <c r="X1545" s="85"/>
      <c r="Y1545" s="85"/>
      <c r="Z1545" s="85"/>
      <c r="AA1545" s="85"/>
      <c r="AB1545" s="85"/>
      <c r="AC1545" s="85"/>
      <c r="AD1545" s="85"/>
      <c r="AE1545" s="85"/>
      <c r="AF1545" s="85"/>
      <c r="AG1545" s="85"/>
      <c r="AH1545" s="85"/>
      <c r="AI1545" s="85"/>
      <c r="AJ1545" s="85"/>
      <c r="AK1545" s="85"/>
      <c r="AL1545" s="85"/>
      <c r="AM1545" s="85"/>
      <c r="AN1545" s="85"/>
      <c r="AO1545" s="85"/>
      <c r="AP1545" s="85"/>
      <c r="AQ1545" s="85"/>
      <c r="AR1545" s="85"/>
      <c r="AS1545" s="85"/>
      <c r="AT1545" s="85"/>
      <c r="AU1545" s="85"/>
      <c r="AV1545" s="85"/>
      <c r="AW1545" s="85"/>
      <c r="AX1545" s="85"/>
      <c r="AY1545" s="85"/>
      <c r="AZ1545" s="85"/>
      <c r="BA1545" s="85"/>
      <c r="BB1545" s="85"/>
      <c r="BC1545" s="85"/>
      <c r="BD1545" s="85"/>
      <c r="BE1545" s="85"/>
      <c r="BF1545" s="85"/>
      <c r="BG1545" s="85"/>
      <c r="BH1545" s="85"/>
      <c r="BI1545" s="85"/>
      <c r="BJ1545" s="85"/>
      <c r="BK1545" s="85"/>
      <c r="BL1545" s="85"/>
      <c r="BM1545" s="85"/>
      <c r="BN1545" s="85"/>
      <c r="BO1545" s="85"/>
      <c r="BP1545" s="85"/>
      <c r="BQ1545" s="85"/>
      <c r="BR1545" s="85"/>
      <c r="BS1545" s="85"/>
      <c r="BT1545" s="85"/>
      <c r="BU1545" s="85"/>
      <c r="BV1545" s="85"/>
      <c r="BW1545" s="85"/>
      <c r="BX1545" s="85"/>
      <c r="BY1545" s="85"/>
      <c r="BZ1545" s="85"/>
      <c r="CA1545" s="85"/>
      <c r="CB1545" s="85"/>
      <c r="CC1545" s="85"/>
      <c r="CD1545" s="85"/>
      <c r="CE1545" s="85"/>
      <c r="CF1545" s="85"/>
      <c r="CG1545" s="85"/>
    </row>
    <row r="1546" spans="1:85" s="9" customFormat="1" x14ac:dyDescent="0.2">
      <c r="A1546" s="85"/>
      <c r="J1546" s="85"/>
      <c r="K1546" s="85"/>
      <c r="L1546" s="85"/>
      <c r="M1546" s="85"/>
      <c r="N1546" s="85"/>
      <c r="O1546" s="85"/>
      <c r="P1546" s="85"/>
      <c r="Q1546" s="85"/>
      <c r="R1546" s="85"/>
      <c r="S1546" s="85"/>
      <c r="T1546" s="85"/>
      <c r="U1546" s="85"/>
      <c r="V1546" s="85"/>
      <c r="W1546" s="85"/>
      <c r="X1546" s="85"/>
      <c r="Y1546" s="85"/>
      <c r="Z1546" s="85"/>
      <c r="AA1546" s="85"/>
      <c r="AB1546" s="85"/>
      <c r="AC1546" s="85"/>
      <c r="AD1546" s="85"/>
      <c r="AE1546" s="85"/>
      <c r="AF1546" s="85"/>
      <c r="AG1546" s="85"/>
      <c r="AH1546" s="85"/>
      <c r="AI1546" s="85"/>
      <c r="AJ1546" s="85"/>
      <c r="AK1546" s="85"/>
      <c r="AL1546" s="85"/>
      <c r="AM1546" s="85"/>
      <c r="AN1546" s="85"/>
      <c r="AO1546" s="85"/>
      <c r="AP1546" s="85"/>
      <c r="AQ1546" s="85"/>
      <c r="AR1546" s="85"/>
      <c r="AS1546" s="85"/>
      <c r="AT1546" s="85"/>
      <c r="AU1546" s="85"/>
      <c r="AV1546" s="85"/>
      <c r="AW1546" s="85"/>
      <c r="AX1546" s="85"/>
      <c r="AY1546" s="85"/>
      <c r="AZ1546" s="85"/>
      <c r="BA1546" s="85"/>
      <c r="BB1546" s="85"/>
      <c r="BC1546" s="85"/>
      <c r="BD1546" s="85"/>
      <c r="BE1546" s="85"/>
      <c r="BF1546" s="85"/>
      <c r="BG1546" s="85"/>
      <c r="BH1546" s="85"/>
      <c r="BI1546" s="85"/>
      <c r="BJ1546" s="85"/>
      <c r="BK1546" s="85"/>
      <c r="BL1546" s="85"/>
      <c r="BM1546" s="85"/>
      <c r="BN1546" s="85"/>
      <c r="BO1546" s="85"/>
      <c r="BP1546" s="85"/>
      <c r="BQ1546" s="85"/>
      <c r="BR1546" s="85"/>
      <c r="BS1546" s="85"/>
      <c r="BT1546" s="85"/>
      <c r="BU1546" s="85"/>
      <c r="BV1546" s="85"/>
      <c r="BW1546" s="85"/>
      <c r="BX1546" s="85"/>
      <c r="BY1546" s="85"/>
      <c r="BZ1546" s="85"/>
      <c r="CA1546" s="85"/>
      <c r="CB1546" s="85"/>
      <c r="CC1546" s="85"/>
      <c r="CD1546" s="85"/>
      <c r="CE1546" s="85"/>
      <c r="CF1546" s="85"/>
      <c r="CG1546" s="85"/>
    </row>
    <row r="1547" spans="1:85" s="9" customFormat="1" x14ac:dyDescent="0.2">
      <c r="A1547" s="85"/>
      <c r="J1547" s="85"/>
      <c r="K1547" s="85"/>
      <c r="L1547" s="85"/>
      <c r="M1547" s="85"/>
      <c r="N1547" s="85"/>
      <c r="O1547" s="85"/>
      <c r="P1547" s="85"/>
      <c r="Q1547" s="85"/>
      <c r="R1547" s="85"/>
      <c r="S1547" s="85"/>
      <c r="T1547" s="85"/>
      <c r="U1547" s="85"/>
      <c r="V1547" s="85"/>
      <c r="W1547" s="85"/>
      <c r="X1547" s="85"/>
      <c r="Y1547" s="85"/>
      <c r="Z1547" s="85"/>
      <c r="AA1547" s="85"/>
      <c r="AB1547" s="85"/>
      <c r="AC1547" s="85"/>
      <c r="AD1547" s="85"/>
      <c r="AE1547" s="85"/>
      <c r="AF1547" s="85"/>
      <c r="AG1547" s="85"/>
      <c r="AH1547" s="85"/>
      <c r="AI1547" s="85"/>
      <c r="AJ1547" s="85"/>
      <c r="AK1547" s="85"/>
      <c r="AL1547" s="85"/>
      <c r="AM1547" s="85"/>
      <c r="AN1547" s="85"/>
      <c r="AO1547" s="85"/>
      <c r="AP1547" s="85"/>
      <c r="AQ1547" s="85"/>
      <c r="AR1547" s="85"/>
      <c r="AS1547" s="85"/>
      <c r="AT1547" s="85"/>
      <c r="AU1547" s="85"/>
      <c r="AV1547" s="85"/>
      <c r="AW1547" s="85"/>
      <c r="AX1547" s="85"/>
      <c r="AY1547" s="85"/>
      <c r="AZ1547" s="85"/>
      <c r="BA1547" s="85"/>
      <c r="BB1547" s="85"/>
      <c r="BC1547" s="85"/>
      <c r="BD1547" s="85"/>
      <c r="BE1547" s="85"/>
      <c r="BF1547" s="85"/>
      <c r="BG1547" s="85"/>
      <c r="BH1547" s="85"/>
      <c r="BI1547" s="85"/>
      <c r="BJ1547" s="85"/>
      <c r="BK1547" s="85"/>
      <c r="BL1547" s="85"/>
      <c r="BM1547" s="85"/>
      <c r="BN1547" s="85"/>
      <c r="BO1547" s="85"/>
      <c r="BP1547" s="85"/>
      <c r="BQ1547" s="85"/>
      <c r="BR1547" s="85"/>
      <c r="BS1547" s="85"/>
      <c r="BT1547" s="85"/>
      <c r="BU1547" s="85"/>
      <c r="BV1547" s="85"/>
      <c r="BW1547" s="85"/>
      <c r="BX1547" s="85"/>
      <c r="BY1547" s="85"/>
      <c r="BZ1547" s="85"/>
      <c r="CA1547" s="85"/>
      <c r="CB1547" s="85"/>
      <c r="CC1547" s="85"/>
      <c r="CD1547" s="85"/>
      <c r="CE1547" s="85"/>
      <c r="CF1547" s="85"/>
      <c r="CG1547" s="85"/>
    </row>
    <row r="1548" spans="1:85" s="9" customFormat="1" x14ac:dyDescent="0.2">
      <c r="A1548" s="85"/>
      <c r="J1548" s="85"/>
      <c r="K1548" s="85"/>
      <c r="L1548" s="85"/>
      <c r="M1548" s="85"/>
      <c r="N1548" s="85"/>
      <c r="O1548" s="85"/>
      <c r="P1548" s="85"/>
      <c r="Q1548" s="85"/>
      <c r="R1548" s="85"/>
      <c r="S1548" s="85"/>
      <c r="T1548" s="85"/>
      <c r="U1548" s="85"/>
      <c r="V1548" s="85"/>
      <c r="W1548" s="85"/>
      <c r="X1548" s="85"/>
      <c r="Y1548" s="85"/>
      <c r="Z1548" s="85"/>
      <c r="AA1548" s="85"/>
      <c r="AB1548" s="85"/>
      <c r="AC1548" s="85"/>
      <c r="AD1548" s="85"/>
      <c r="AE1548" s="85"/>
      <c r="AF1548" s="85"/>
      <c r="AG1548" s="85"/>
      <c r="AH1548" s="85"/>
      <c r="AI1548" s="85"/>
      <c r="AJ1548" s="85"/>
      <c r="AK1548" s="85"/>
      <c r="AL1548" s="85"/>
      <c r="AM1548" s="85"/>
      <c r="AN1548" s="85"/>
      <c r="AO1548" s="85"/>
      <c r="AP1548" s="85"/>
      <c r="AQ1548" s="85"/>
      <c r="AR1548" s="85"/>
      <c r="AS1548" s="85"/>
      <c r="AT1548" s="85"/>
      <c r="AU1548" s="85"/>
      <c r="AV1548" s="85"/>
      <c r="AW1548" s="85"/>
      <c r="AX1548" s="85"/>
      <c r="AY1548" s="85"/>
      <c r="AZ1548" s="85"/>
      <c r="BA1548" s="85"/>
      <c r="BB1548" s="85"/>
      <c r="BC1548" s="85"/>
      <c r="BD1548" s="85"/>
      <c r="BE1548" s="85"/>
      <c r="BF1548" s="85"/>
      <c r="BG1548" s="85"/>
      <c r="BH1548" s="85"/>
      <c r="BI1548" s="85"/>
      <c r="BJ1548" s="85"/>
      <c r="BK1548" s="85"/>
      <c r="BL1548" s="85"/>
      <c r="BM1548" s="85"/>
      <c r="BN1548" s="85"/>
      <c r="BO1548" s="85"/>
      <c r="BP1548" s="85"/>
      <c r="BQ1548" s="85"/>
      <c r="BR1548" s="85"/>
      <c r="BS1548" s="85"/>
      <c r="BT1548" s="85"/>
      <c r="BU1548" s="85"/>
      <c r="BV1548" s="85"/>
      <c r="BW1548" s="85"/>
      <c r="BX1548" s="85"/>
      <c r="BY1548" s="85"/>
      <c r="BZ1548" s="85"/>
      <c r="CA1548" s="85"/>
      <c r="CB1548" s="85"/>
      <c r="CC1548" s="85"/>
      <c r="CD1548" s="85"/>
      <c r="CE1548" s="85"/>
      <c r="CF1548" s="85"/>
      <c r="CG1548" s="85"/>
    </row>
    <row r="1549" spans="1:85" s="9" customFormat="1" x14ac:dyDescent="0.2">
      <c r="A1549" s="85"/>
      <c r="J1549" s="85"/>
      <c r="K1549" s="85"/>
      <c r="L1549" s="85"/>
      <c r="M1549" s="85"/>
      <c r="N1549" s="85"/>
      <c r="O1549" s="85"/>
      <c r="P1549" s="85"/>
      <c r="Q1549" s="85"/>
      <c r="R1549" s="85"/>
      <c r="S1549" s="85"/>
      <c r="T1549" s="85"/>
      <c r="U1549" s="85"/>
      <c r="V1549" s="85"/>
      <c r="W1549" s="85"/>
      <c r="X1549" s="85"/>
      <c r="Y1549" s="85"/>
      <c r="Z1549" s="85"/>
      <c r="AA1549" s="85"/>
      <c r="AB1549" s="85"/>
      <c r="AC1549" s="85"/>
      <c r="AD1549" s="85"/>
      <c r="AE1549" s="85"/>
      <c r="AF1549" s="85"/>
      <c r="AG1549" s="85"/>
      <c r="AH1549" s="85"/>
      <c r="AI1549" s="85"/>
      <c r="AJ1549" s="85"/>
      <c r="AK1549" s="85"/>
      <c r="AL1549" s="85"/>
      <c r="AM1549" s="85"/>
      <c r="AN1549" s="85"/>
      <c r="AO1549" s="85"/>
      <c r="AP1549" s="85"/>
      <c r="AQ1549" s="85"/>
      <c r="AR1549" s="85"/>
      <c r="AS1549" s="85"/>
      <c r="AT1549" s="85"/>
      <c r="AU1549" s="85"/>
      <c r="AV1549" s="85"/>
      <c r="AW1549" s="85"/>
      <c r="AX1549" s="85"/>
      <c r="AY1549" s="85"/>
      <c r="AZ1549" s="85"/>
      <c r="BA1549" s="85"/>
      <c r="BB1549" s="85"/>
      <c r="BC1549" s="85"/>
      <c r="BD1549" s="85"/>
      <c r="BE1549" s="85"/>
      <c r="BF1549" s="85"/>
      <c r="BG1549" s="85"/>
      <c r="BH1549" s="85"/>
      <c r="BI1549" s="85"/>
      <c r="BJ1549" s="85"/>
      <c r="BK1549" s="85"/>
      <c r="BL1549" s="85"/>
      <c r="BM1549" s="85"/>
      <c r="BN1549" s="85"/>
      <c r="BO1549" s="85"/>
      <c r="BP1549" s="85"/>
      <c r="BQ1549" s="85"/>
      <c r="BR1549" s="85"/>
      <c r="BS1549" s="85"/>
      <c r="BT1549" s="85"/>
      <c r="BU1549" s="85"/>
      <c r="BV1549" s="85"/>
      <c r="BW1549" s="85"/>
      <c r="BX1549" s="85"/>
      <c r="BY1549" s="85"/>
      <c r="BZ1549" s="85"/>
      <c r="CA1549" s="85"/>
      <c r="CB1549" s="85"/>
      <c r="CC1549" s="85"/>
      <c r="CD1549" s="85"/>
      <c r="CE1549" s="85"/>
      <c r="CF1549" s="85"/>
      <c r="CG1549" s="85"/>
    </row>
    <row r="1550" spans="1:85" s="9" customFormat="1" x14ac:dyDescent="0.2">
      <c r="A1550" s="85"/>
      <c r="J1550" s="85"/>
      <c r="K1550" s="85"/>
      <c r="L1550" s="85"/>
      <c r="M1550" s="85"/>
      <c r="N1550" s="85"/>
      <c r="O1550" s="85"/>
      <c r="P1550" s="85"/>
      <c r="Q1550" s="85"/>
      <c r="R1550" s="85"/>
      <c r="S1550" s="85"/>
      <c r="T1550" s="85"/>
      <c r="U1550" s="85"/>
      <c r="V1550" s="85"/>
      <c r="W1550" s="85"/>
      <c r="X1550" s="85"/>
      <c r="Y1550" s="85"/>
      <c r="Z1550" s="85"/>
      <c r="AA1550" s="85"/>
      <c r="AB1550" s="85"/>
      <c r="AC1550" s="85"/>
      <c r="AD1550" s="85"/>
      <c r="AE1550" s="85"/>
      <c r="AF1550" s="85"/>
      <c r="AG1550" s="85"/>
      <c r="AH1550" s="85"/>
      <c r="AI1550" s="85"/>
      <c r="AJ1550" s="85"/>
      <c r="AK1550" s="85"/>
      <c r="AL1550" s="85"/>
      <c r="AM1550" s="85"/>
      <c r="AN1550" s="85"/>
      <c r="AO1550" s="85"/>
      <c r="AP1550" s="85"/>
      <c r="AQ1550" s="85"/>
      <c r="AR1550" s="85"/>
      <c r="AS1550" s="85"/>
      <c r="AT1550" s="85"/>
      <c r="AU1550" s="85"/>
      <c r="AV1550" s="85"/>
      <c r="AW1550" s="85"/>
      <c r="AX1550" s="85"/>
      <c r="AY1550" s="85"/>
      <c r="AZ1550" s="85"/>
      <c r="BA1550" s="85"/>
      <c r="BB1550" s="85"/>
      <c r="BC1550" s="85"/>
      <c r="BD1550" s="85"/>
      <c r="BE1550" s="85"/>
      <c r="BF1550" s="85"/>
      <c r="BG1550" s="85"/>
      <c r="BH1550" s="85"/>
      <c r="BI1550" s="85"/>
      <c r="BJ1550" s="85"/>
      <c r="BK1550" s="85"/>
      <c r="BL1550" s="85"/>
      <c r="BM1550" s="85"/>
      <c r="BN1550" s="85"/>
      <c r="BO1550" s="85"/>
      <c r="BP1550" s="85"/>
      <c r="BQ1550" s="85"/>
      <c r="BR1550" s="85"/>
      <c r="BS1550" s="85"/>
      <c r="BT1550" s="85"/>
      <c r="BU1550" s="85"/>
      <c r="BV1550" s="85"/>
      <c r="BW1550" s="85"/>
      <c r="BX1550" s="85"/>
      <c r="BY1550" s="85"/>
      <c r="BZ1550" s="85"/>
      <c r="CA1550" s="85"/>
      <c r="CB1550" s="85"/>
      <c r="CC1550" s="85"/>
      <c r="CD1550" s="85"/>
      <c r="CE1550" s="85"/>
      <c r="CF1550" s="85"/>
      <c r="CG1550" s="85"/>
    </row>
    <row r="1551" spans="1:85" s="9" customFormat="1" x14ac:dyDescent="0.2">
      <c r="A1551" s="85"/>
      <c r="J1551" s="85"/>
      <c r="K1551" s="85"/>
      <c r="L1551" s="85"/>
      <c r="M1551" s="85"/>
      <c r="N1551" s="85"/>
      <c r="O1551" s="85"/>
      <c r="P1551" s="85"/>
      <c r="Q1551" s="85"/>
      <c r="R1551" s="85"/>
      <c r="S1551" s="85"/>
      <c r="T1551" s="85"/>
      <c r="U1551" s="85"/>
      <c r="V1551" s="85"/>
      <c r="W1551" s="85"/>
      <c r="X1551" s="85"/>
      <c r="Y1551" s="85"/>
      <c r="Z1551" s="85"/>
      <c r="AA1551" s="85"/>
      <c r="AB1551" s="85"/>
      <c r="AC1551" s="85"/>
      <c r="AD1551" s="85"/>
      <c r="AE1551" s="85"/>
      <c r="AF1551" s="85"/>
      <c r="AG1551" s="85"/>
      <c r="AH1551" s="85"/>
      <c r="AI1551" s="85"/>
      <c r="AJ1551" s="85"/>
      <c r="AK1551" s="85"/>
      <c r="AL1551" s="85"/>
      <c r="AM1551" s="85"/>
      <c r="AN1551" s="85"/>
      <c r="AO1551" s="85"/>
      <c r="AP1551" s="85"/>
      <c r="AQ1551" s="85"/>
      <c r="AR1551" s="85"/>
      <c r="AS1551" s="85"/>
      <c r="AT1551" s="85"/>
      <c r="AU1551" s="85"/>
      <c r="AV1551" s="85"/>
      <c r="AW1551" s="85"/>
      <c r="AX1551" s="85"/>
      <c r="AY1551" s="85"/>
      <c r="AZ1551" s="85"/>
      <c r="BA1551" s="85"/>
      <c r="BB1551" s="85"/>
      <c r="BC1551" s="85"/>
      <c r="BD1551" s="85"/>
      <c r="BE1551" s="85"/>
      <c r="BF1551" s="85"/>
      <c r="BG1551" s="85"/>
      <c r="BH1551" s="85"/>
      <c r="BI1551" s="85"/>
      <c r="BJ1551" s="85"/>
      <c r="BK1551" s="85"/>
      <c r="BL1551" s="85"/>
      <c r="BM1551" s="85"/>
      <c r="BN1551" s="85"/>
      <c r="BO1551" s="85"/>
      <c r="BP1551" s="85"/>
      <c r="BQ1551" s="85"/>
      <c r="BR1551" s="85"/>
      <c r="BS1551" s="85"/>
      <c r="BT1551" s="85"/>
      <c r="BU1551" s="85"/>
      <c r="BV1551" s="85"/>
      <c r="BW1551" s="85"/>
      <c r="BX1551" s="85"/>
      <c r="BY1551" s="85"/>
      <c r="BZ1551" s="85"/>
      <c r="CA1551" s="85"/>
      <c r="CB1551" s="85"/>
      <c r="CC1551" s="85"/>
      <c r="CD1551" s="85"/>
      <c r="CE1551" s="85"/>
      <c r="CF1551" s="85"/>
      <c r="CG1551" s="85"/>
    </row>
    <row r="1552" spans="1:85" s="9" customFormat="1" x14ac:dyDescent="0.2">
      <c r="A1552" s="85"/>
      <c r="J1552" s="85"/>
      <c r="K1552" s="85"/>
      <c r="L1552" s="85"/>
      <c r="M1552" s="85"/>
      <c r="N1552" s="85"/>
      <c r="O1552" s="85"/>
      <c r="P1552" s="85"/>
      <c r="Q1552" s="85"/>
      <c r="R1552" s="85"/>
      <c r="S1552" s="85"/>
      <c r="T1552" s="85"/>
      <c r="U1552" s="85"/>
      <c r="V1552" s="85"/>
      <c r="W1552" s="85"/>
      <c r="X1552" s="85"/>
      <c r="Y1552" s="85"/>
      <c r="Z1552" s="85"/>
      <c r="AA1552" s="85"/>
      <c r="AB1552" s="85"/>
      <c r="AC1552" s="85"/>
      <c r="AD1552" s="85"/>
      <c r="AE1552" s="85"/>
      <c r="AF1552" s="85"/>
      <c r="AG1552" s="85"/>
      <c r="AH1552" s="85"/>
      <c r="AI1552" s="85"/>
      <c r="AJ1552" s="85"/>
      <c r="AK1552" s="85"/>
      <c r="AL1552" s="85"/>
      <c r="AM1552" s="85"/>
      <c r="AN1552" s="85"/>
      <c r="AO1552" s="85"/>
      <c r="AP1552" s="85"/>
      <c r="AQ1552" s="85"/>
      <c r="AR1552" s="85"/>
      <c r="AS1552" s="85"/>
      <c r="AT1552" s="85"/>
      <c r="AU1552" s="85"/>
      <c r="AV1552" s="85"/>
      <c r="AW1552" s="85"/>
      <c r="AX1552" s="85"/>
      <c r="AY1552" s="85"/>
      <c r="AZ1552" s="85"/>
      <c r="BA1552" s="85"/>
      <c r="BB1552" s="85"/>
      <c r="BC1552" s="85"/>
      <c r="BD1552" s="85"/>
      <c r="BE1552" s="85"/>
      <c r="BF1552" s="85"/>
      <c r="BG1552" s="85"/>
      <c r="BH1552" s="85"/>
      <c r="BI1552" s="85"/>
      <c r="BJ1552" s="85"/>
      <c r="BK1552" s="85"/>
      <c r="BL1552" s="85"/>
      <c r="BM1552" s="85"/>
      <c r="BN1552" s="85"/>
      <c r="BO1552" s="85"/>
      <c r="BP1552" s="85"/>
      <c r="BQ1552" s="85"/>
      <c r="BR1552" s="85"/>
      <c r="BS1552" s="85"/>
      <c r="BT1552" s="85"/>
      <c r="BU1552" s="85"/>
      <c r="BV1552" s="85"/>
      <c r="BW1552" s="85"/>
      <c r="BX1552" s="85"/>
      <c r="BY1552" s="85"/>
      <c r="BZ1552" s="85"/>
      <c r="CA1552" s="85"/>
      <c r="CB1552" s="85"/>
      <c r="CC1552" s="85"/>
      <c r="CD1552" s="85"/>
      <c r="CE1552" s="85"/>
      <c r="CF1552" s="85"/>
      <c r="CG1552" s="85"/>
    </row>
    <row r="1553" spans="1:85" s="9" customFormat="1" x14ac:dyDescent="0.2">
      <c r="A1553" s="85"/>
      <c r="J1553" s="85"/>
      <c r="K1553" s="85"/>
      <c r="L1553" s="85"/>
      <c r="M1553" s="85"/>
      <c r="N1553" s="85"/>
      <c r="O1553" s="85"/>
      <c r="P1553" s="85"/>
      <c r="Q1553" s="85"/>
      <c r="R1553" s="85"/>
      <c r="S1553" s="85"/>
      <c r="T1553" s="85"/>
      <c r="U1553" s="85"/>
      <c r="V1553" s="85"/>
      <c r="W1553" s="85"/>
      <c r="X1553" s="85"/>
      <c r="Y1553" s="85"/>
      <c r="Z1553" s="85"/>
      <c r="AA1553" s="85"/>
      <c r="AB1553" s="85"/>
      <c r="AC1553" s="85"/>
      <c r="AD1553" s="85"/>
      <c r="AE1553" s="85"/>
      <c r="AF1553" s="85"/>
      <c r="AG1553" s="85"/>
      <c r="AH1553" s="85"/>
      <c r="AI1553" s="85"/>
      <c r="AJ1553" s="85"/>
      <c r="AK1553" s="85"/>
      <c r="AL1553" s="85"/>
      <c r="AM1553" s="85"/>
      <c r="AN1553" s="85"/>
      <c r="AO1553" s="85"/>
      <c r="AP1553" s="85"/>
      <c r="AQ1553" s="85"/>
      <c r="AR1553" s="85"/>
      <c r="AS1553" s="85"/>
      <c r="AT1553" s="85"/>
      <c r="AU1553" s="85"/>
      <c r="AV1553" s="85"/>
      <c r="AW1553" s="85"/>
      <c r="AX1553" s="85"/>
      <c r="AY1553" s="85"/>
      <c r="AZ1553" s="85"/>
      <c r="BA1553" s="85"/>
      <c r="BB1553" s="85"/>
      <c r="BC1553" s="85"/>
      <c r="BD1553" s="85"/>
      <c r="BE1553" s="85"/>
      <c r="BF1553" s="85"/>
      <c r="BG1553" s="85"/>
      <c r="BH1553" s="85"/>
      <c r="BI1553" s="85"/>
      <c r="BJ1553" s="85"/>
      <c r="BK1553" s="85"/>
      <c r="BL1553" s="85"/>
      <c r="BM1553" s="85"/>
      <c r="BN1553" s="85"/>
      <c r="BO1553" s="85"/>
      <c r="BP1553" s="85"/>
      <c r="BQ1553" s="85"/>
      <c r="BR1553" s="85"/>
      <c r="BS1553" s="85"/>
      <c r="BT1553" s="85"/>
      <c r="BU1553" s="85"/>
      <c r="BV1553" s="85"/>
      <c r="BW1553" s="85"/>
      <c r="BX1553" s="85"/>
      <c r="BY1553" s="85"/>
      <c r="BZ1553" s="85"/>
      <c r="CA1553" s="85"/>
      <c r="CB1553" s="85"/>
      <c r="CC1553" s="85"/>
      <c r="CD1553" s="85"/>
      <c r="CE1553" s="85"/>
      <c r="CF1553" s="85"/>
      <c r="CG1553" s="85"/>
    </row>
    <row r="1554" spans="1:85" s="9" customFormat="1" x14ac:dyDescent="0.2">
      <c r="A1554" s="85"/>
      <c r="J1554" s="85"/>
      <c r="K1554" s="85"/>
      <c r="L1554" s="85"/>
      <c r="M1554" s="85"/>
      <c r="N1554" s="85"/>
      <c r="O1554" s="85"/>
      <c r="P1554" s="85"/>
      <c r="Q1554" s="85"/>
      <c r="R1554" s="85"/>
      <c r="S1554" s="85"/>
      <c r="T1554" s="85"/>
      <c r="U1554" s="85"/>
      <c r="V1554" s="85"/>
      <c r="W1554" s="85"/>
      <c r="X1554" s="85"/>
      <c r="Y1554" s="85"/>
      <c r="Z1554" s="85"/>
      <c r="AA1554" s="85"/>
      <c r="AB1554" s="85"/>
      <c r="AC1554" s="85"/>
      <c r="AD1554" s="85"/>
      <c r="AE1554" s="85"/>
      <c r="AF1554" s="85"/>
      <c r="AG1554" s="85"/>
      <c r="AH1554" s="85"/>
      <c r="AI1554" s="85"/>
      <c r="AJ1554" s="85"/>
      <c r="AK1554" s="85"/>
      <c r="AL1554" s="85"/>
      <c r="AM1554" s="85"/>
      <c r="AN1554" s="85"/>
      <c r="AO1554" s="85"/>
      <c r="AP1554" s="85"/>
      <c r="AQ1554" s="85"/>
      <c r="AR1554" s="85"/>
      <c r="AS1554" s="85"/>
      <c r="AT1554" s="85"/>
      <c r="AU1554" s="85"/>
      <c r="AV1554" s="85"/>
      <c r="AW1554" s="85"/>
      <c r="AX1554" s="85"/>
      <c r="AY1554" s="85"/>
      <c r="AZ1554" s="85"/>
      <c r="BA1554" s="85"/>
      <c r="BB1554" s="85"/>
      <c r="BC1554" s="85"/>
      <c r="BD1554" s="85"/>
      <c r="BE1554" s="85"/>
      <c r="BF1554" s="85"/>
      <c r="BG1554" s="85"/>
      <c r="BH1554" s="85"/>
      <c r="BI1554" s="85"/>
      <c r="BJ1554" s="85"/>
      <c r="BK1554" s="85"/>
      <c r="BL1554" s="85"/>
      <c r="BM1554" s="85"/>
      <c r="BN1554" s="85"/>
      <c r="BO1554" s="85"/>
      <c r="BP1554" s="85"/>
      <c r="BQ1554" s="85"/>
      <c r="BR1554" s="85"/>
      <c r="BS1554" s="85"/>
      <c r="BT1554" s="85"/>
      <c r="BU1554" s="85"/>
      <c r="BV1554" s="85"/>
      <c r="BW1554" s="85"/>
      <c r="BX1554" s="85"/>
      <c r="BY1554" s="85"/>
      <c r="BZ1554" s="85"/>
      <c r="CA1554" s="85"/>
      <c r="CB1554" s="85"/>
      <c r="CC1554" s="85"/>
      <c r="CD1554" s="85"/>
      <c r="CE1554" s="85"/>
      <c r="CF1554" s="85"/>
      <c r="CG1554" s="85"/>
    </row>
    <row r="1555" spans="1:85" s="9" customFormat="1" x14ac:dyDescent="0.2">
      <c r="A1555" s="85"/>
      <c r="J1555" s="85"/>
      <c r="K1555" s="85"/>
      <c r="L1555" s="85"/>
      <c r="M1555" s="85"/>
      <c r="N1555" s="85"/>
      <c r="O1555" s="85"/>
      <c r="P1555" s="85"/>
      <c r="Q1555" s="85"/>
      <c r="R1555" s="85"/>
      <c r="S1555" s="85"/>
      <c r="T1555" s="85"/>
      <c r="U1555" s="85"/>
      <c r="V1555" s="85"/>
      <c r="W1555" s="85"/>
      <c r="X1555" s="85"/>
      <c r="Y1555" s="85"/>
      <c r="Z1555" s="85"/>
      <c r="AA1555" s="85"/>
      <c r="AB1555" s="85"/>
      <c r="AC1555" s="85"/>
      <c r="AD1555" s="85"/>
      <c r="AE1555" s="85"/>
      <c r="AF1555" s="85"/>
      <c r="AG1555" s="85"/>
      <c r="AH1555" s="85"/>
      <c r="AI1555" s="85"/>
      <c r="AJ1555" s="85"/>
      <c r="AK1555" s="85"/>
      <c r="AL1555" s="85"/>
      <c r="AM1555" s="85"/>
      <c r="AN1555" s="85"/>
      <c r="AO1555" s="85"/>
      <c r="AP1555" s="85"/>
      <c r="AQ1555" s="85"/>
      <c r="AR1555" s="85"/>
      <c r="AS1555" s="85"/>
      <c r="AT1555" s="85"/>
      <c r="AU1555" s="85"/>
      <c r="AV1555" s="85"/>
      <c r="AW1555" s="85"/>
      <c r="AX1555" s="85"/>
      <c r="AY1555" s="85"/>
      <c r="AZ1555" s="85"/>
      <c r="BA1555" s="85"/>
      <c r="BB1555" s="85"/>
      <c r="BC1555" s="85"/>
      <c r="BD1555" s="85"/>
      <c r="BE1555" s="85"/>
      <c r="BF1555" s="85"/>
      <c r="BG1555" s="85"/>
      <c r="BH1555" s="85"/>
      <c r="BI1555" s="85"/>
      <c r="BJ1555" s="85"/>
      <c r="BK1555" s="85"/>
      <c r="BL1555" s="85"/>
      <c r="BM1555" s="85"/>
      <c r="BN1555" s="85"/>
      <c r="BO1555" s="85"/>
      <c r="BP1555" s="85"/>
      <c r="BQ1555" s="85"/>
      <c r="BR1555" s="85"/>
      <c r="BS1555" s="85"/>
      <c r="BT1555" s="85"/>
      <c r="BU1555" s="85"/>
      <c r="BV1555" s="85"/>
      <c r="BW1555" s="85"/>
      <c r="BX1555" s="85"/>
      <c r="BY1555" s="85"/>
      <c r="BZ1555" s="85"/>
      <c r="CA1555" s="85"/>
      <c r="CB1555" s="85"/>
      <c r="CC1555" s="85"/>
      <c r="CD1555" s="85"/>
      <c r="CE1555" s="85"/>
      <c r="CF1555" s="85"/>
      <c r="CG1555" s="85"/>
    </row>
    <row r="1556" spans="1:85" s="9" customFormat="1" x14ac:dyDescent="0.2">
      <c r="A1556" s="85"/>
      <c r="J1556" s="85"/>
      <c r="K1556" s="85"/>
      <c r="L1556" s="85"/>
      <c r="M1556" s="85"/>
      <c r="N1556" s="85"/>
      <c r="O1556" s="85"/>
      <c r="P1556" s="85"/>
      <c r="Q1556" s="85"/>
      <c r="R1556" s="85"/>
      <c r="S1556" s="85"/>
      <c r="T1556" s="85"/>
      <c r="U1556" s="85"/>
      <c r="V1556" s="85"/>
      <c r="W1556" s="85"/>
      <c r="X1556" s="85"/>
      <c r="Y1556" s="85"/>
      <c r="Z1556" s="85"/>
      <c r="AA1556" s="85"/>
      <c r="AB1556" s="85"/>
      <c r="AC1556" s="85"/>
      <c r="AD1556" s="85"/>
      <c r="AE1556" s="85"/>
      <c r="AF1556" s="85"/>
      <c r="AG1556" s="85"/>
      <c r="AH1556" s="85"/>
      <c r="AI1556" s="85"/>
      <c r="AJ1556" s="85"/>
      <c r="AK1556" s="85"/>
      <c r="AL1556" s="85"/>
      <c r="AM1556" s="85"/>
      <c r="AN1556" s="85"/>
      <c r="AO1556" s="85"/>
      <c r="AP1556" s="85"/>
      <c r="AQ1556" s="85"/>
      <c r="AR1556" s="85"/>
      <c r="AS1556" s="85"/>
      <c r="AT1556" s="85"/>
      <c r="AU1556" s="85"/>
      <c r="AV1556" s="85"/>
      <c r="AW1556" s="85"/>
      <c r="AX1556" s="85"/>
      <c r="AY1556" s="85"/>
      <c r="AZ1556" s="85"/>
      <c r="BA1556" s="85"/>
      <c r="BB1556" s="85"/>
      <c r="BC1556" s="85"/>
      <c r="BD1556" s="85"/>
      <c r="BE1556" s="85"/>
      <c r="BF1556" s="85"/>
      <c r="BG1556" s="85"/>
      <c r="BH1556" s="85"/>
      <c r="BI1556" s="85"/>
      <c r="BJ1556" s="85"/>
      <c r="BK1556" s="85"/>
      <c r="BL1556" s="85"/>
      <c r="BM1556" s="85"/>
      <c r="BN1556" s="85"/>
      <c r="BO1556" s="85"/>
      <c r="BP1556" s="85"/>
      <c r="BQ1556" s="85"/>
      <c r="BR1556" s="85"/>
      <c r="BS1556" s="85"/>
      <c r="BT1556" s="85"/>
      <c r="BU1556" s="85"/>
      <c r="BV1556" s="85"/>
      <c r="BW1556" s="85"/>
      <c r="BX1556" s="85"/>
      <c r="BY1556" s="85"/>
      <c r="BZ1556" s="85"/>
      <c r="CA1556" s="85"/>
      <c r="CB1556" s="85"/>
      <c r="CC1556" s="85"/>
      <c r="CD1556" s="85"/>
      <c r="CE1556" s="85"/>
      <c r="CF1556" s="85"/>
      <c r="CG1556" s="85"/>
    </row>
    <row r="1557" spans="1:85" s="9" customFormat="1" x14ac:dyDescent="0.2">
      <c r="A1557" s="85"/>
      <c r="J1557" s="85"/>
      <c r="K1557" s="85"/>
      <c r="L1557" s="85"/>
      <c r="M1557" s="85"/>
      <c r="N1557" s="85"/>
      <c r="O1557" s="85"/>
      <c r="P1557" s="85"/>
      <c r="Q1557" s="85"/>
      <c r="R1557" s="85"/>
      <c r="S1557" s="85"/>
      <c r="T1557" s="85"/>
      <c r="U1557" s="85"/>
      <c r="V1557" s="85"/>
      <c r="W1557" s="85"/>
      <c r="X1557" s="85"/>
      <c r="Y1557" s="85"/>
      <c r="Z1557" s="85"/>
      <c r="AA1557" s="85"/>
      <c r="AB1557" s="85"/>
      <c r="AC1557" s="85"/>
      <c r="AD1557" s="85"/>
      <c r="AE1557" s="85"/>
      <c r="AF1557" s="85"/>
      <c r="AG1557" s="85"/>
      <c r="AH1557" s="85"/>
      <c r="AI1557" s="85"/>
      <c r="AJ1557" s="85"/>
      <c r="AK1557" s="85"/>
      <c r="AL1557" s="85"/>
      <c r="AM1557" s="85"/>
      <c r="AN1557" s="85"/>
      <c r="AO1557" s="85"/>
      <c r="AP1557" s="85"/>
      <c r="AQ1557" s="85"/>
      <c r="AR1557" s="85"/>
      <c r="AS1557" s="85"/>
      <c r="AT1557" s="85"/>
      <c r="AU1557" s="85"/>
      <c r="AV1557" s="85"/>
      <c r="AW1557" s="85"/>
      <c r="AX1557" s="85"/>
      <c r="AY1557" s="85"/>
      <c r="AZ1557" s="85"/>
      <c r="BA1557" s="85"/>
      <c r="BB1557" s="85"/>
      <c r="BC1557" s="85"/>
      <c r="BD1557" s="85"/>
      <c r="BE1557" s="85"/>
      <c r="BF1557" s="85"/>
      <c r="BG1557" s="85"/>
      <c r="BH1557" s="85"/>
      <c r="BI1557" s="85"/>
      <c r="BJ1557" s="85"/>
      <c r="BK1557" s="85"/>
      <c r="BL1557" s="85"/>
      <c r="BM1557" s="85"/>
      <c r="BN1557" s="85"/>
      <c r="BO1557" s="85"/>
      <c r="BP1557" s="85"/>
      <c r="BQ1557" s="85"/>
      <c r="BR1557" s="85"/>
      <c r="BS1557" s="85"/>
      <c r="BT1557" s="85"/>
      <c r="BU1557" s="85"/>
      <c r="BV1557" s="85"/>
      <c r="BW1557" s="85"/>
      <c r="BX1557" s="85"/>
      <c r="BY1557" s="85"/>
      <c r="BZ1557" s="85"/>
      <c r="CA1557" s="85"/>
      <c r="CB1557" s="85"/>
      <c r="CC1557" s="85"/>
      <c r="CD1557" s="85"/>
      <c r="CE1557" s="85"/>
      <c r="CF1557" s="85"/>
      <c r="CG1557" s="85"/>
    </row>
    <row r="1558" spans="1:85" s="9" customFormat="1" x14ac:dyDescent="0.2">
      <c r="A1558" s="85"/>
      <c r="J1558" s="85"/>
      <c r="K1558" s="85"/>
      <c r="L1558" s="85"/>
      <c r="M1558" s="85"/>
      <c r="N1558" s="85"/>
      <c r="O1558" s="85"/>
      <c r="P1558" s="85"/>
      <c r="Q1558" s="85"/>
      <c r="R1558" s="85"/>
      <c r="S1558" s="85"/>
      <c r="T1558" s="85"/>
      <c r="U1558" s="85"/>
      <c r="V1558" s="85"/>
      <c r="W1558" s="85"/>
      <c r="X1558" s="85"/>
      <c r="Y1558" s="85"/>
      <c r="Z1558" s="85"/>
      <c r="AA1558" s="85"/>
      <c r="AB1558" s="85"/>
      <c r="AC1558" s="85"/>
      <c r="AD1558" s="85"/>
      <c r="AE1558" s="85"/>
      <c r="AF1558" s="85"/>
      <c r="AG1558" s="85"/>
      <c r="AH1558" s="85"/>
      <c r="AI1558" s="85"/>
      <c r="AJ1558" s="85"/>
      <c r="AK1558" s="85"/>
      <c r="AL1558" s="85"/>
      <c r="AM1558" s="85"/>
      <c r="AN1558" s="85"/>
      <c r="AO1558" s="85"/>
      <c r="AP1558" s="85"/>
      <c r="AQ1558" s="85"/>
      <c r="AR1558" s="85"/>
      <c r="AS1558" s="85"/>
      <c r="AT1558" s="85"/>
      <c r="AU1558" s="85"/>
      <c r="AV1558" s="85"/>
      <c r="AW1558" s="85"/>
      <c r="AX1558" s="85"/>
      <c r="AY1558" s="85"/>
      <c r="AZ1558" s="85"/>
      <c r="BA1558" s="85"/>
      <c r="BB1558" s="85"/>
      <c r="BC1558" s="85"/>
      <c r="BD1558" s="85"/>
      <c r="BE1558" s="85"/>
      <c r="BF1558" s="85"/>
      <c r="BG1558" s="85"/>
      <c r="BH1558" s="85"/>
      <c r="BI1558" s="85"/>
      <c r="BJ1558" s="85"/>
      <c r="BK1558" s="85"/>
      <c r="BL1558" s="85"/>
      <c r="BM1558" s="85"/>
      <c r="BN1558" s="85"/>
      <c r="BO1558" s="85"/>
      <c r="BP1558" s="85"/>
      <c r="BQ1558" s="85"/>
      <c r="BR1558" s="85"/>
      <c r="BS1558" s="85"/>
      <c r="BT1558" s="85"/>
      <c r="BU1558" s="85"/>
      <c r="BV1558" s="85"/>
      <c r="BW1558" s="85"/>
      <c r="BX1558" s="85"/>
      <c r="BY1558" s="85"/>
      <c r="BZ1558" s="85"/>
      <c r="CA1558" s="85"/>
      <c r="CB1558" s="85"/>
      <c r="CC1558" s="85"/>
      <c r="CD1558" s="85"/>
      <c r="CE1558" s="85"/>
      <c r="CF1558" s="85"/>
      <c r="CG1558" s="85"/>
    </row>
    <row r="1559" spans="1:85" s="9" customFormat="1" x14ac:dyDescent="0.2">
      <c r="A1559" s="85"/>
      <c r="J1559" s="85"/>
      <c r="K1559" s="85"/>
      <c r="L1559" s="85"/>
      <c r="M1559" s="85"/>
      <c r="N1559" s="85"/>
      <c r="O1559" s="85"/>
      <c r="P1559" s="85"/>
      <c r="Q1559" s="85"/>
      <c r="R1559" s="85"/>
      <c r="S1559" s="85"/>
      <c r="T1559" s="85"/>
      <c r="U1559" s="85"/>
      <c r="V1559" s="85"/>
      <c r="W1559" s="85"/>
      <c r="X1559" s="85"/>
      <c r="Y1559" s="85"/>
      <c r="Z1559" s="85"/>
      <c r="AA1559" s="85"/>
      <c r="AB1559" s="85"/>
      <c r="AC1559" s="85"/>
      <c r="AD1559" s="85"/>
      <c r="AE1559" s="85"/>
      <c r="AF1559" s="85"/>
      <c r="AG1559" s="85"/>
      <c r="AH1559" s="85"/>
      <c r="AI1559" s="85"/>
      <c r="AJ1559" s="85"/>
      <c r="AK1559" s="85"/>
      <c r="AL1559" s="85"/>
      <c r="AM1559" s="85"/>
      <c r="AN1559" s="85"/>
      <c r="AO1559" s="85"/>
      <c r="AP1559" s="85"/>
      <c r="AQ1559" s="85"/>
      <c r="AR1559" s="85"/>
      <c r="AS1559" s="85"/>
      <c r="AT1559" s="85"/>
      <c r="AU1559" s="85"/>
      <c r="AV1559" s="85"/>
      <c r="AW1559" s="85"/>
      <c r="AX1559" s="85"/>
      <c r="AY1559" s="85"/>
      <c r="AZ1559" s="85"/>
      <c r="BA1559" s="85"/>
      <c r="BB1559" s="85"/>
      <c r="BC1559" s="85"/>
      <c r="BD1559" s="85"/>
      <c r="BE1559" s="85"/>
      <c r="BF1559" s="85"/>
      <c r="BG1559" s="85"/>
      <c r="BH1559" s="85"/>
      <c r="BI1559" s="85"/>
      <c r="BJ1559" s="85"/>
      <c r="BK1559" s="85"/>
      <c r="BL1559" s="85"/>
      <c r="BM1559" s="85"/>
      <c r="BN1559" s="85"/>
      <c r="BO1559" s="85"/>
      <c r="BP1559" s="85"/>
      <c r="BQ1559" s="85"/>
      <c r="BR1559" s="85"/>
      <c r="BS1559" s="85"/>
      <c r="BT1559" s="85"/>
      <c r="BU1559" s="85"/>
      <c r="BV1559" s="85"/>
      <c r="BW1559" s="85"/>
      <c r="BX1559" s="85"/>
      <c r="BY1559" s="85"/>
      <c r="BZ1559" s="85"/>
      <c r="CA1559" s="85"/>
      <c r="CB1559" s="85"/>
      <c r="CC1559" s="85"/>
      <c r="CD1559" s="85"/>
      <c r="CE1559" s="85"/>
      <c r="CF1559" s="85"/>
      <c r="CG1559" s="85"/>
    </row>
    <row r="1560" spans="1:85" s="9" customFormat="1" x14ac:dyDescent="0.2">
      <c r="A1560" s="85"/>
      <c r="J1560" s="85"/>
      <c r="K1560" s="85"/>
      <c r="L1560" s="85"/>
      <c r="M1560" s="85"/>
      <c r="N1560" s="85"/>
      <c r="O1560" s="85"/>
      <c r="P1560" s="85"/>
      <c r="Q1560" s="85"/>
      <c r="R1560" s="85"/>
      <c r="S1560" s="85"/>
      <c r="T1560" s="85"/>
      <c r="U1560" s="85"/>
      <c r="V1560" s="85"/>
      <c r="W1560" s="85"/>
      <c r="X1560" s="85"/>
      <c r="Y1560" s="85"/>
      <c r="Z1560" s="85"/>
      <c r="AA1560" s="85"/>
      <c r="AB1560" s="85"/>
      <c r="AC1560" s="85"/>
      <c r="AD1560" s="85"/>
      <c r="AE1560" s="85"/>
      <c r="AF1560" s="85"/>
      <c r="AG1560" s="85"/>
      <c r="AH1560" s="85"/>
      <c r="AI1560" s="85"/>
      <c r="AJ1560" s="85"/>
      <c r="AK1560" s="85"/>
      <c r="AL1560" s="85"/>
      <c r="AM1560" s="85"/>
      <c r="AN1560" s="85"/>
      <c r="AO1560" s="85"/>
      <c r="AP1560" s="85"/>
      <c r="AQ1560" s="85"/>
      <c r="AR1560" s="85"/>
      <c r="AS1560" s="85"/>
      <c r="AT1560" s="85"/>
      <c r="AU1560" s="85"/>
      <c r="AV1560" s="85"/>
      <c r="AW1560" s="85"/>
      <c r="AX1560" s="85"/>
      <c r="AY1560" s="85"/>
      <c r="AZ1560" s="85"/>
      <c r="BA1560" s="85"/>
      <c r="BB1560" s="85"/>
      <c r="BC1560" s="85"/>
      <c r="BD1560" s="85"/>
      <c r="BE1560" s="85"/>
      <c r="BF1560" s="85"/>
      <c r="BG1560" s="85"/>
      <c r="BH1560" s="85"/>
      <c r="BI1560" s="85"/>
      <c r="BJ1560" s="85"/>
      <c r="BK1560" s="85"/>
      <c r="BL1560" s="85"/>
      <c r="BM1560" s="85"/>
      <c r="BN1560" s="85"/>
      <c r="BO1560" s="85"/>
      <c r="BP1560" s="85"/>
      <c r="BQ1560" s="85"/>
      <c r="BR1560" s="85"/>
      <c r="BS1560" s="85"/>
      <c r="BT1560" s="85"/>
      <c r="BU1560" s="85"/>
      <c r="BV1560" s="85"/>
      <c r="BW1560" s="85"/>
      <c r="BX1560" s="85"/>
      <c r="BY1560" s="85"/>
      <c r="BZ1560" s="85"/>
      <c r="CA1560" s="85"/>
      <c r="CB1560" s="85"/>
      <c r="CC1560" s="85"/>
      <c r="CD1560" s="85"/>
      <c r="CE1560" s="85"/>
      <c r="CF1560" s="85"/>
      <c r="CG1560" s="85"/>
    </row>
    <row r="1561" spans="1:85" s="9" customFormat="1" x14ac:dyDescent="0.2">
      <c r="A1561" s="85"/>
      <c r="J1561" s="85"/>
      <c r="K1561" s="85"/>
      <c r="L1561" s="85"/>
      <c r="M1561" s="85"/>
      <c r="N1561" s="85"/>
      <c r="O1561" s="85"/>
      <c r="P1561" s="85"/>
      <c r="Q1561" s="85"/>
      <c r="R1561" s="85"/>
      <c r="S1561" s="85"/>
      <c r="T1561" s="85"/>
      <c r="U1561" s="85"/>
      <c r="V1561" s="85"/>
      <c r="W1561" s="85"/>
      <c r="X1561" s="85"/>
      <c r="Y1561" s="85"/>
      <c r="Z1561" s="85"/>
      <c r="AA1561" s="85"/>
      <c r="AB1561" s="85"/>
      <c r="AC1561" s="85"/>
      <c r="AD1561" s="85"/>
      <c r="AE1561" s="85"/>
      <c r="AF1561" s="85"/>
      <c r="AG1561" s="85"/>
      <c r="AH1561" s="85"/>
      <c r="AI1561" s="85"/>
      <c r="AJ1561" s="85"/>
      <c r="AK1561" s="85"/>
      <c r="AL1561" s="85"/>
      <c r="AM1561" s="85"/>
      <c r="AN1561" s="85"/>
      <c r="AO1561" s="85"/>
      <c r="AP1561" s="85"/>
      <c r="AQ1561" s="85"/>
      <c r="AR1561" s="85"/>
      <c r="AS1561" s="85"/>
      <c r="AT1561" s="85"/>
      <c r="AU1561" s="85"/>
      <c r="AV1561" s="85"/>
      <c r="AW1561" s="85"/>
      <c r="AX1561" s="85"/>
      <c r="AY1561" s="85"/>
      <c r="AZ1561" s="85"/>
      <c r="BA1561" s="85"/>
      <c r="BB1561" s="85"/>
      <c r="BC1561" s="85"/>
      <c r="BD1561" s="85"/>
      <c r="BE1561" s="85"/>
      <c r="BF1561" s="85"/>
      <c r="BG1561" s="85"/>
      <c r="BH1561" s="85"/>
      <c r="BI1561" s="85"/>
      <c r="BJ1561" s="85"/>
      <c r="BK1561" s="85"/>
      <c r="BL1561" s="85"/>
      <c r="BM1561" s="85"/>
      <c r="BN1561" s="85"/>
      <c r="BO1561" s="85"/>
      <c r="BP1561" s="85"/>
      <c r="BQ1561" s="85"/>
      <c r="BR1561" s="85"/>
      <c r="BS1561" s="85"/>
      <c r="BT1561" s="85"/>
      <c r="BU1561" s="85"/>
      <c r="BV1561" s="85"/>
      <c r="BW1561" s="85"/>
      <c r="BX1561" s="85"/>
      <c r="BY1561" s="85"/>
      <c r="BZ1561" s="85"/>
      <c r="CA1561" s="85"/>
      <c r="CB1561" s="85"/>
      <c r="CC1561" s="85"/>
      <c r="CD1561" s="85"/>
      <c r="CE1561" s="85"/>
      <c r="CF1561" s="85"/>
      <c r="CG1561" s="85"/>
    </row>
    <row r="1562" spans="1:85" s="9" customFormat="1" x14ac:dyDescent="0.2">
      <c r="A1562" s="85"/>
      <c r="J1562" s="85"/>
      <c r="K1562" s="85"/>
      <c r="L1562" s="85"/>
      <c r="M1562" s="85"/>
      <c r="N1562" s="85"/>
      <c r="O1562" s="85"/>
      <c r="P1562" s="85"/>
      <c r="Q1562" s="85"/>
      <c r="R1562" s="85"/>
      <c r="S1562" s="85"/>
      <c r="T1562" s="85"/>
      <c r="U1562" s="85"/>
      <c r="V1562" s="85"/>
      <c r="W1562" s="85"/>
      <c r="X1562" s="85"/>
      <c r="Y1562" s="85"/>
      <c r="Z1562" s="85"/>
      <c r="AA1562" s="85"/>
      <c r="AB1562" s="85"/>
      <c r="AC1562" s="85"/>
      <c r="AD1562" s="85"/>
      <c r="AE1562" s="85"/>
      <c r="AF1562" s="85"/>
      <c r="AG1562" s="85"/>
      <c r="AH1562" s="85"/>
      <c r="AI1562" s="85"/>
      <c r="AJ1562" s="85"/>
      <c r="AK1562" s="85"/>
      <c r="AL1562" s="85"/>
      <c r="AM1562" s="85"/>
      <c r="AN1562" s="85"/>
      <c r="AO1562" s="85"/>
      <c r="AP1562" s="85"/>
      <c r="AQ1562" s="85"/>
      <c r="AR1562" s="85"/>
      <c r="AS1562" s="85"/>
      <c r="AT1562" s="85"/>
      <c r="AU1562" s="85"/>
      <c r="AV1562" s="85"/>
      <c r="AW1562" s="85"/>
      <c r="AX1562" s="85"/>
      <c r="AY1562" s="85"/>
      <c r="AZ1562" s="85"/>
      <c r="BA1562" s="85"/>
      <c r="BB1562" s="85"/>
      <c r="BC1562" s="85"/>
      <c r="BD1562" s="85"/>
      <c r="BE1562" s="85"/>
      <c r="BF1562" s="85"/>
      <c r="BG1562" s="85"/>
      <c r="BH1562" s="85"/>
      <c r="BI1562" s="85"/>
      <c r="BJ1562" s="85"/>
      <c r="BK1562" s="85"/>
      <c r="BL1562" s="85"/>
      <c r="BM1562" s="85"/>
      <c r="BN1562" s="85"/>
      <c r="BO1562" s="85"/>
      <c r="BP1562" s="85"/>
      <c r="BQ1562" s="85"/>
      <c r="BR1562" s="85"/>
      <c r="BS1562" s="85"/>
      <c r="BT1562" s="85"/>
      <c r="BU1562" s="85"/>
      <c r="BV1562" s="85"/>
      <c r="BW1562" s="85"/>
      <c r="BX1562" s="85"/>
      <c r="BY1562" s="85"/>
      <c r="BZ1562" s="85"/>
      <c r="CA1562" s="85"/>
      <c r="CB1562" s="85"/>
      <c r="CC1562" s="85"/>
      <c r="CD1562" s="85"/>
      <c r="CE1562" s="85"/>
      <c r="CF1562" s="85"/>
      <c r="CG1562" s="85"/>
    </row>
    <row r="1563" spans="1:85" s="9" customFormat="1" x14ac:dyDescent="0.2">
      <c r="A1563" s="85"/>
      <c r="J1563" s="85"/>
      <c r="K1563" s="85"/>
      <c r="L1563" s="85"/>
      <c r="M1563" s="85"/>
      <c r="N1563" s="85"/>
      <c r="O1563" s="85"/>
      <c r="P1563" s="85"/>
      <c r="Q1563" s="85"/>
      <c r="R1563" s="85"/>
      <c r="S1563" s="85"/>
      <c r="T1563" s="85"/>
      <c r="U1563" s="85"/>
      <c r="V1563" s="85"/>
      <c r="W1563" s="85"/>
      <c r="X1563" s="85"/>
      <c r="Y1563" s="85"/>
      <c r="Z1563" s="85"/>
      <c r="AA1563" s="85"/>
      <c r="AB1563" s="85"/>
      <c r="AC1563" s="85"/>
      <c r="AD1563" s="85"/>
      <c r="AE1563" s="85"/>
      <c r="AF1563" s="85"/>
      <c r="AG1563" s="85"/>
      <c r="AH1563" s="85"/>
      <c r="AI1563" s="85"/>
      <c r="AJ1563" s="85"/>
      <c r="AK1563" s="85"/>
      <c r="AL1563" s="85"/>
      <c r="AM1563" s="85"/>
      <c r="AN1563" s="85"/>
      <c r="AO1563" s="85"/>
      <c r="AP1563" s="85"/>
      <c r="AQ1563" s="85"/>
      <c r="AR1563" s="85"/>
      <c r="AS1563" s="85"/>
      <c r="AT1563" s="85"/>
      <c r="AU1563" s="85"/>
      <c r="AV1563" s="85"/>
      <c r="AW1563" s="85"/>
      <c r="AX1563" s="85"/>
      <c r="AY1563" s="85"/>
      <c r="AZ1563" s="85"/>
      <c r="BA1563" s="85"/>
      <c r="BB1563" s="85"/>
      <c r="BC1563" s="85"/>
      <c r="BD1563" s="85"/>
      <c r="BE1563" s="85"/>
      <c r="BF1563" s="85"/>
      <c r="BG1563" s="85"/>
      <c r="BH1563" s="85"/>
      <c r="BI1563" s="85"/>
      <c r="BJ1563" s="85"/>
      <c r="BK1563" s="85"/>
      <c r="BL1563" s="85"/>
      <c r="BM1563" s="85"/>
      <c r="BN1563" s="85"/>
      <c r="BO1563" s="85"/>
      <c r="BP1563" s="85"/>
      <c r="BQ1563" s="85"/>
      <c r="BR1563" s="85"/>
      <c r="BS1563" s="85"/>
      <c r="BT1563" s="85"/>
      <c r="BU1563" s="85"/>
      <c r="BV1563" s="85"/>
      <c r="BW1563" s="85"/>
      <c r="BX1563" s="85"/>
      <c r="BY1563" s="85"/>
      <c r="BZ1563" s="85"/>
      <c r="CA1563" s="85"/>
      <c r="CB1563" s="85"/>
      <c r="CC1563" s="85"/>
      <c r="CD1563" s="85"/>
      <c r="CE1563" s="85"/>
      <c r="CF1563" s="85"/>
      <c r="CG1563" s="85"/>
    </row>
    <row r="1564" spans="1:85" s="9" customFormat="1" x14ac:dyDescent="0.2">
      <c r="A1564" s="85"/>
      <c r="J1564" s="85"/>
      <c r="K1564" s="85"/>
      <c r="L1564" s="85"/>
      <c r="M1564" s="85"/>
      <c r="N1564" s="85"/>
      <c r="O1564" s="85"/>
      <c r="P1564" s="85"/>
      <c r="Q1564" s="85"/>
      <c r="R1564" s="85"/>
      <c r="S1564" s="85"/>
      <c r="T1564" s="85"/>
      <c r="U1564" s="85"/>
      <c r="V1564" s="85"/>
      <c r="W1564" s="85"/>
      <c r="X1564" s="85"/>
      <c r="Y1564" s="85"/>
      <c r="Z1564" s="85"/>
      <c r="AA1564" s="85"/>
      <c r="AB1564" s="85"/>
      <c r="AC1564" s="85"/>
      <c r="AD1564" s="85"/>
      <c r="AE1564" s="85"/>
      <c r="AF1564" s="85"/>
      <c r="AG1564" s="85"/>
      <c r="AH1564" s="85"/>
      <c r="AI1564" s="85"/>
      <c r="AJ1564" s="85"/>
      <c r="AK1564" s="85"/>
      <c r="AL1564" s="85"/>
      <c r="AM1564" s="85"/>
      <c r="AN1564" s="85"/>
      <c r="AO1564" s="85"/>
      <c r="AP1564" s="85"/>
      <c r="AQ1564" s="85"/>
      <c r="AR1564" s="85"/>
      <c r="AS1564" s="85"/>
      <c r="AT1564" s="85"/>
      <c r="AU1564" s="85"/>
      <c r="AV1564" s="85"/>
      <c r="AW1564" s="85"/>
      <c r="AX1564" s="85"/>
      <c r="AY1564" s="85"/>
      <c r="AZ1564" s="85"/>
      <c r="BA1564" s="85"/>
      <c r="BB1564" s="85"/>
      <c r="BC1564" s="85"/>
      <c r="BD1564" s="85"/>
      <c r="BE1564" s="85"/>
      <c r="BF1564" s="85"/>
      <c r="BG1564" s="85"/>
      <c r="BH1564" s="85"/>
      <c r="BI1564" s="85"/>
      <c r="BJ1564" s="85"/>
      <c r="BK1564" s="85"/>
      <c r="BL1564" s="85"/>
      <c r="BM1564" s="85"/>
      <c r="BN1564" s="85"/>
      <c r="BO1564" s="85"/>
      <c r="BP1564" s="85"/>
      <c r="BQ1564" s="85"/>
      <c r="BR1564" s="85"/>
      <c r="BS1564" s="85"/>
      <c r="BT1564" s="85"/>
      <c r="BU1564" s="85"/>
      <c r="BV1564" s="85"/>
      <c r="BW1564" s="85"/>
      <c r="BX1564" s="85"/>
      <c r="BY1564" s="85"/>
      <c r="BZ1564" s="85"/>
      <c r="CA1564" s="85"/>
      <c r="CB1564" s="85"/>
      <c r="CC1564" s="85"/>
      <c r="CD1564" s="85"/>
      <c r="CE1564" s="85"/>
      <c r="CF1564" s="85"/>
      <c r="CG1564" s="85"/>
    </row>
    <row r="1565" spans="1:85" s="9" customFormat="1" x14ac:dyDescent="0.2">
      <c r="A1565" s="85"/>
      <c r="J1565" s="85"/>
      <c r="K1565" s="85"/>
      <c r="L1565" s="85"/>
      <c r="M1565" s="85"/>
      <c r="N1565" s="85"/>
      <c r="O1565" s="85"/>
      <c r="P1565" s="85"/>
      <c r="Q1565" s="85"/>
      <c r="R1565" s="85"/>
      <c r="S1565" s="85"/>
      <c r="T1565" s="85"/>
      <c r="U1565" s="85"/>
      <c r="V1565" s="85"/>
      <c r="W1565" s="85"/>
      <c r="X1565" s="85"/>
      <c r="Y1565" s="85"/>
      <c r="Z1565" s="85"/>
      <c r="AA1565" s="85"/>
      <c r="AB1565" s="85"/>
      <c r="AC1565" s="85"/>
      <c r="AD1565" s="85"/>
      <c r="AE1565" s="85"/>
      <c r="AF1565" s="85"/>
      <c r="AG1565" s="85"/>
      <c r="AH1565" s="85"/>
      <c r="AI1565" s="85"/>
      <c r="AJ1565" s="85"/>
      <c r="AK1565" s="85"/>
      <c r="AL1565" s="85"/>
      <c r="AM1565" s="85"/>
      <c r="AN1565" s="85"/>
      <c r="AO1565" s="85"/>
      <c r="AP1565" s="85"/>
      <c r="AQ1565" s="85"/>
      <c r="AR1565" s="85"/>
      <c r="AS1565" s="85"/>
      <c r="AT1565" s="85"/>
      <c r="AU1565" s="85"/>
      <c r="AV1565" s="85"/>
      <c r="AW1565" s="85"/>
      <c r="AX1565" s="85"/>
      <c r="AY1565" s="85"/>
      <c r="AZ1565" s="85"/>
      <c r="BA1565" s="85"/>
      <c r="BB1565" s="85"/>
      <c r="BC1565" s="85"/>
      <c r="BD1565" s="85"/>
      <c r="BE1565" s="85"/>
      <c r="BF1565" s="85"/>
      <c r="BG1565" s="85"/>
      <c r="BH1565" s="85"/>
      <c r="BI1565" s="85"/>
      <c r="BJ1565" s="85"/>
      <c r="BK1565" s="85"/>
      <c r="BL1565" s="85"/>
      <c r="BM1565" s="85"/>
      <c r="BN1565" s="85"/>
      <c r="BO1565" s="85"/>
      <c r="BP1565" s="85"/>
      <c r="BQ1565" s="85"/>
      <c r="BR1565" s="85"/>
      <c r="BS1565" s="85"/>
      <c r="BT1565" s="85"/>
      <c r="BU1565" s="85"/>
      <c r="BV1565" s="85"/>
      <c r="BW1565" s="85"/>
      <c r="BX1565" s="85"/>
      <c r="BY1565" s="85"/>
      <c r="BZ1565" s="85"/>
      <c r="CA1565" s="85"/>
      <c r="CB1565" s="85"/>
      <c r="CC1565" s="85"/>
      <c r="CD1565" s="85"/>
      <c r="CE1565" s="85"/>
      <c r="CF1565" s="85"/>
      <c r="CG1565" s="85"/>
    </row>
    <row r="1566" spans="1:85" s="9" customFormat="1" x14ac:dyDescent="0.2">
      <c r="A1566" s="85"/>
      <c r="J1566" s="85"/>
      <c r="K1566" s="85"/>
      <c r="L1566" s="85"/>
      <c r="M1566" s="85"/>
      <c r="N1566" s="85"/>
      <c r="O1566" s="85"/>
      <c r="P1566" s="85"/>
      <c r="Q1566" s="85"/>
      <c r="R1566" s="85"/>
      <c r="S1566" s="85"/>
      <c r="T1566" s="85"/>
      <c r="U1566" s="85"/>
      <c r="V1566" s="85"/>
      <c r="W1566" s="85"/>
      <c r="X1566" s="85"/>
      <c r="Y1566" s="85"/>
      <c r="Z1566" s="85"/>
      <c r="AA1566" s="85"/>
      <c r="AB1566" s="85"/>
      <c r="AC1566" s="85"/>
      <c r="AD1566" s="85"/>
      <c r="AE1566" s="85"/>
      <c r="AF1566" s="85"/>
      <c r="AG1566" s="85"/>
      <c r="AH1566" s="85"/>
      <c r="AI1566" s="85"/>
      <c r="AJ1566" s="85"/>
      <c r="AK1566" s="85"/>
      <c r="AL1566" s="85"/>
      <c r="AM1566" s="85"/>
      <c r="AN1566" s="85"/>
      <c r="AO1566" s="85"/>
      <c r="AP1566" s="85"/>
      <c r="AQ1566" s="85"/>
      <c r="AR1566" s="85"/>
      <c r="AS1566" s="85"/>
      <c r="AT1566" s="85"/>
      <c r="AU1566" s="85"/>
      <c r="AV1566" s="85"/>
      <c r="AW1566" s="85"/>
      <c r="AX1566" s="85"/>
      <c r="AY1566" s="85"/>
      <c r="AZ1566" s="85"/>
      <c r="BA1566" s="85"/>
      <c r="BB1566" s="85"/>
      <c r="BC1566" s="85"/>
      <c r="BD1566" s="85"/>
      <c r="BE1566" s="85"/>
      <c r="BF1566" s="85"/>
      <c r="BG1566" s="85"/>
      <c r="BH1566" s="85"/>
      <c r="BI1566" s="85"/>
      <c r="BJ1566" s="85"/>
      <c r="BK1566" s="85"/>
      <c r="BL1566" s="85"/>
      <c r="BM1566" s="85"/>
      <c r="BN1566" s="85"/>
      <c r="BO1566" s="85"/>
      <c r="BP1566" s="85"/>
      <c r="BQ1566" s="85"/>
      <c r="BR1566" s="85"/>
      <c r="BS1566" s="85"/>
      <c r="BT1566" s="85"/>
      <c r="BU1566" s="85"/>
      <c r="BV1566" s="85"/>
      <c r="BW1566" s="85"/>
      <c r="BX1566" s="85"/>
      <c r="BY1566" s="85"/>
      <c r="BZ1566" s="85"/>
      <c r="CA1566" s="85"/>
      <c r="CB1566" s="85"/>
      <c r="CC1566" s="85"/>
      <c r="CD1566" s="85"/>
      <c r="CE1566" s="85"/>
      <c r="CF1566" s="85"/>
      <c r="CG1566" s="85"/>
    </row>
    <row r="1567" spans="1:85" s="9" customFormat="1" x14ac:dyDescent="0.2">
      <c r="A1567" s="85"/>
      <c r="J1567" s="85"/>
      <c r="K1567" s="85"/>
      <c r="L1567" s="85"/>
      <c r="M1567" s="85"/>
      <c r="N1567" s="85"/>
      <c r="O1567" s="85"/>
      <c r="P1567" s="85"/>
      <c r="Q1567" s="85"/>
      <c r="R1567" s="85"/>
      <c r="S1567" s="85"/>
      <c r="T1567" s="85"/>
      <c r="U1567" s="85"/>
      <c r="V1567" s="85"/>
      <c r="W1567" s="85"/>
      <c r="X1567" s="85"/>
      <c r="Y1567" s="85"/>
      <c r="Z1567" s="85"/>
      <c r="AA1567" s="85"/>
      <c r="AB1567" s="85"/>
      <c r="AC1567" s="85"/>
      <c r="AD1567" s="85"/>
      <c r="AE1567" s="85"/>
      <c r="AF1567" s="85"/>
      <c r="AG1567" s="85"/>
      <c r="AH1567" s="85"/>
      <c r="AI1567" s="85"/>
      <c r="AJ1567" s="85"/>
      <c r="AK1567" s="85"/>
      <c r="AL1567" s="85"/>
      <c r="AM1567" s="85"/>
      <c r="AN1567" s="85"/>
      <c r="AO1567" s="85"/>
      <c r="AP1567" s="85"/>
      <c r="AQ1567" s="85"/>
      <c r="AR1567" s="85"/>
      <c r="AS1567" s="85"/>
      <c r="AT1567" s="85"/>
      <c r="AU1567" s="85"/>
      <c r="AV1567" s="85"/>
      <c r="AW1567" s="85"/>
      <c r="AX1567" s="85"/>
      <c r="AY1567" s="85"/>
      <c r="AZ1567" s="85"/>
      <c r="BA1567" s="85"/>
      <c r="BB1567" s="85"/>
      <c r="BC1567" s="85"/>
      <c r="BD1567" s="85"/>
      <c r="BE1567" s="85"/>
      <c r="BF1567" s="85"/>
      <c r="BG1567" s="85"/>
      <c r="BH1567" s="85"/>
      <c r="BI1567" s="85"/>
      <c r="BJ1567" s="85"/>
      <c r="BK1567" s="85"/>
      <c r="BL1567" s="85"/>
      <c r="BM1567" s="85"/>
      <c r="BN1567" s="85"/>
      <c r="BO1567" s="85"/>
      <c r="BP1567" s="85"/>
      <c r="BQ1567" s="85"/>
      <c r="BR1567" s="85"/>
      <c r="BS1567" s="85"/>
      <c r="BT1567" s="85"/>
      <c r="BU1567" s="85"/>
      <c r="BV1567" s="85"/>
      <c r="BW1567" s="85"/>
      <c r="BX1567" s="85"/>
      <c r="BY1567" s="85"/>
      <c r="BZ1567" s="85"/>
      <c r="CA1567" s="85"/>
      <c r="CB1567" s="85"/>
      <c r="CC1567" s="85"/>
      <c r="CD1567" s="85"/>
      <c r="CE1567" s="85"/>
      <c r="CF1567" s="85"/>
      <c r="CG1567" s="85"/>
    </row>
    <row r="1568" spans="1:85" s="9" customFormat="1" x14ac:dyDescent="0.2">
      <c r="A1568" s="85"/>
      <c r="J1568" s="85"/>
      <c r="K1568" s="85"/>
      <c r="L1568" s="85"/>
      <c r="M1568" s="85"/>
      <c r="N1568" s="85"/>
      <c r="O1568" s="85"/>
      <c r="P1568" s="85"/>
      <c r="Q1568" s="85"/>
      <c r="R1568" s="85"/>
      <c r="S1568" s="85"/>
      <c r="T1568" s="85"/>
      <c r="U1568" s="85"/>
      <c r="V1568" s="85"/>
      <c r="W1568" s="85"/>
      <c r="X1568" s="85"/>
      <c r="Y1568" s="85"/>
      <c r="Z1568" s="85"/>
      <c r="AA1568" s="85"/>
      <c r="AB1568" s="85"/>
      <c r="AC1568" s="85"/>
      <c r="AD1568" s="85"/>
      <c r="AE1568" s="85"/>
      <c r="AF1568" s="85"/>
      <c r="AG1568" s="85"/>
      <c r="AH1568" s="85"/>
      <c r="AI1568" s="85"/>
      <c r="AJ1568" s="85"/>
      <c r="AK1568" s="85"/>
      <c r="AL1568" s="85"/>
      <c r="AM1568" s="85"/>
      <c r="AN1568" s="85"/>
      <c r="AO1568" s="85"/>
      <c r="AP1568" s="85"/>
      <c r="AQ1568" s="85"/>
      <c r="AR1568" s="85"/>
      <c r="AS1568" s="85"/>
      <c r="AT1568" s="85"/>
      <c r="AU1568" s="85"/>
      <c r="AV1568" s="85"/>
      <c r="AW1568" s="85"/>
      <c r="AX1568" s="85"/>
      <c r="AY1568" s="85"/>
      <c r="AZ1568" s="85"/>
      <c r="BA1568" s="85"/>
      <c r="BB1568" s="85"/>
      <c r="BC1568" s="85"/>
      <c r="BD1568" s="85"/>
      <c r="BE1568" s="85"/>
      <c r="BF1568" s="85"/>
      <c r="BG1568" s="85"/>
      <c r="BH1568" s="85"/>
      <c r="BI1568" s="85"/>
      <c r="BJ1568" s="85"/>
      <c r="BK1568" s="85"/>
      <c r="BL1568" s="85"/>
      <c r="BM1568" s="85"/>
      <c r="BN1568" s="85"/>
      <c r="BO1568" s="85"/>
      <c r="BP1568" s="85"/>
      <c r="BQ1568" s="85"/>
      <c r="BR1568" s="85"/>
      <c r="BS1568" s="85"/>
      <c r="BT1568" s="85"/>
      <c r="BU1568" s="85"/>
      <c r="BV1568" s="85"/>
      <c r="BW1568" s="85"/>
      <c r="BX1568" s="85"/>
      <c r="BY1568" s="85"/>
      <c r="BZ1568" s="85"/>
      <c r="CA1568" s="85"/>
      <c r="CB1568" s="85"/>
      <c r="CC1568" s="85"/>
      <c r="CD1568" s="85"/>
      <c r="CE1568" s="85"/>
      <c r="CF1568" s="85"/>
      <c r="CG1568" s="85"/>
    </row>
    <row r="1569" spans="1:85" s="9" customFormat="1" x14ac:dyDescent="0.2">
      <c r="A1569" s="85"/>
      <c r="J1569" s="85"/>
      <c r="K1569" s="85"/>
      <c r="L1569" s="85"/>
      <c r="M1569" s="85"/>
      <c r="N1569" s="85"/>
      <c r="O1569" s="85"/>
      <c r="P1569" s="85"/>
      <c r="Q1569" s="85"/>
      <c r="R1569" s="85"/>
      <c r="S1569" s="85"/>
      <c r="T1569" s="85"/>
      <c r="U1569" s="85"/>
      <c r="V1569" s="85"/>
      <c r="W1569" s="85"/>
      <c r="X1569" s="85"/>
      <c r="Y1569" s="85"/>
      <c r="Z1569" s="85"/>
      <c r="AA1569" s="85"/>
      <c r="AB1569" s="85"/>
      <c r="AC1569" s="85"/>
      <c r="AD1569" s="85"/>
      <c r="AE1569" s="85"/>
      <c r="AF1569" s="85"/>
      <c r="AG1569" s="85"/>
      <c r="AH1569" s="85"/>
      <c r="AI1569" s="85"/>
      <c r="AJ1569" s="85"/>
      <c r="AK1569" s="85"/>
      <c r="AL1569" s="85"/>
      <c r="AM1569" s="85"/>
      <c r="AN1569" s="85"/>
      <c r="AO1569" s="85"/>
      <c r="AP1569" s="85"/>
      <c r="AQ1569" s="85"/>
      <c r="AR1569" s="85"/>
      <c r="AS1569" s="85"/>
      <c r="AT1569" s="85"/>
      <c r="AU1569" s="85"/>
      <c r="AV1569" s="85"/>
      <c r="AW1569" s="85"/>
      <c r="AX1569" s="85"/>
      <c r="AY1569" s="85"/>
      <c r="AZ1569" s="85"/>
      <c r="BA1569" s="85"/>
      <c r="BB1569" s="85"/>
      <c r="BC1569" s="85"/>
      <c r="BD1569" s="85"/>
      <c r="BE1569" s="85"/>
      <c r="BF1569" s="85"/>
      <c r="BG1569" s="85"/>
      <c r="BH1569" s="85"/>
      <c r="BI1569" s="85"/>
      <c r="BJ1569" s="85"/>
      <c r="BK1569" s="85"/>
      <c r="BL1569" s="85"/>
      <c r="BM1569" s="85"/>
      <c r="BN1569" s="85"/>
      <c r="BO1569" s="85"/>
      <c r="BP1569" s="85"/>
      <c r="BQ1569" s="85"/>
      <c r="BR1569" s="85"/>
      <c r="BS1569" s="85"/>
      <c r="BT1569" s="85"/>
      <c r="BU1569" s="85"/>
      <c r="BV1569" s="85"/>
      <c r="BW1569" s="85"/>
      <c r="BX1569" s="85"/>
      <c r="BY1569" s="85"/>
      <c r="BZ1569" s="85"/>
      <c r="CA1569" s="85"/>
      <c r="CB1569" s="85"/>
      <c r="CC1569" s="85"/>
      <c r="CD1569" s="85"/>
      <c r="CE1569" s="85"/>
      <c r="CF1569" s="85"/>
      <c r="CG1569" s="85"/>
    </row>
    <row r="1570" spans="1:85" s="9" customFormat="1" x14ac:dyDescent="0.2">
      <c r="A1570" s="85"/>
      <c r="J1570" s="85"/>
      <c r="K1570" s="85"/>
      <c r="L1570" s="85"/>
      <c r="M1570" s="85"/>
      <c r="N1570" s="85"/>
      <c r="O1570" s="85"/>
      <c r="P1570" s="85"/>
      <c r="Q1570" s="85"/>
      <c r="R1570" s="85"/>
      <c r="S1570" s="85"/>
      <c r="T1570" s="85"/>
      <c r="U1570" s="85"/>
      <c r="V1570" s="85"/>
      <c r="W1570" s="85"/>
      <c r="X1570" s="85"/>
      <c r="Y1570" s="85"/>
      <c r="Z1570" s="85"/>
      <c r="AA1570" s="85"/>
      <c r="AB1570" s="85"/>
      <c r="AC1570" s="85"/>
      <c r="AD1570" s="85"/>
      <c r="AE1570" s="85"/>
      <c r="AF1570" s="85"/>
      <c r="AG1570" s="85"/>
      <c r="AH1570" s="85"/>
      <c r="AI1570" s="85"/>
      <c r="AJ1570" s="85"/>
      <c r="AK1570" s="85"/>
      <c r="AL1570" s="85"/>
      <c r="AM1570" s="85"/>
      <c r="AN1570" s="85"/>
      <c r="AO1570" s="85"/>
      <c r="AP1570" s="85"/>
      <c r="AQ1570" s="85"/>
      <c r="AR1570" s="85"/>
      <c r="AS1570" s="85"/>
      <c r="AT1570" s="85"/>
      <c r="AU1570" s="85"/>
      <c r="AV1570" s="85"/>
      <c r="AW1570" s="85"/>
      <c r="AX1570" s="85"/>
      <c r="AY1570" s="85"/>
      <c r="AZ1570" s="85"/>
      <c r="BA1570" s="85"/>
      <c r="BB1570" s="85"/>
      <c r="BC1570" s="85"/>
      <c r="BD1570" s="85"/>
      <c r="BE1570" s="85"/>
      <c r="BF1570" s="85"/>
      <c r="BG1570" s="85"/>
      <c r="BH1570" s="85"/>
      <c r="BI1570" s="85"/>
      <c r="BJ1570" s="85"/>
      <c r="BK1570" s="85"/>
      <c r="BL1570" s="85"/>
      <c r="BM1570" s="85"/>
      <c r="BN1570" s="85"/>
      <c r="BO1570" s="85"/>
      <c r="BP1570" s="85"/>
      <c r="BQ1570" s="85"/>
      <c r="BR1570" s="85"/>
      <c r="BS1570" s="85"/>
      <c r="BT1570" s="85"/>
      <c r="BU1570" s="85"/>
      <c r="BV1570" s="85"/>
      <c r="BW1570" s="85"/>
      <c r="BX1570" s="85"/>
      <c r="BY1570" s="85"/>
      <c r="BZ1570" s="85"/>
      <c r="CA1570" s="85"/>
      <c r="CB1570" s="85"/>
      <c r="CC1570" s="85"/>
      <c r="CD1570" s="85"/>
      <c r="CE1570" s="85"/>
      <c r="CF1570" s="85"/>
      <c r="CG1570" s="85"/>
    </row>
    <row r="1571" spans="1:85" s="9" customFormat="1" x14ac:dyDescent="0.2">
      <c r="A1571" s="85"/>
      <c r="J1571" s="85"/>
      <c r="K1571" s="85"/>
      <c r="L1571" s="85"/>
      <c r="M1571" s="85"/>
      <c r="N1571" s="85"/>
      <c r="O1571" s="85"/>
      <c r="P1571" s="85"/>
      <c r="Q1571" s="85"/>
      <c r="R1571" s="85"/>
      <c r="S1571" s="85"/>
      <c r="T1571" s="85"/>
      <c r="U1571" s="85"/>
      <c r="V1571" s="85"/>
      <c r="W1571" s="85"/>
      <c r="X1571" s="85"/>
      <c r="Y1571" s="85"/>
      <c r="Z1571" s="85"/>
      <c r="AA1571" s="85"/>
      <c r="AB1571" s="85"/>
      <c r="AC1571" s="85"/>
      <c r="AD1571" s="85"/>
      <c r="AE1571" s="85"/>
      <c r="AF1571" s="85"/>
      <c r="AG1571" s="85"/>
      <c r="AH1571" s="85"/>
      <c r="AI1571" s="85"/>
      <c r="AJ1571" s="85"/>
      <c r="AK1571" s="85"/>
      <c r="AL1571" s="85"/>
      <c r="AM1571" s="85"/>
      <c r="AN1571" s="85"/>
      <c r="AO1571" s="85"/>
      <c r="AP1571" s="85"/>
      <c r="AQ1571" s="85"/>
      <c r="AR1571" s="85"/>
      <c r="AS1571" s="85"/>
      <c r="AT1571" s="85"/>
      <c r="AU1571" s="85"/>
      <c r="AV1571" s="85"/>
      <c r="AW1571" s="85"/>
      <c r="AX1571" s="85"/>
      <c r="AY1571" s="85"/>
      <c r="AZ1571" s="85"/>
      <c r="BA1571" s="85"/>
      <c r="BB1571" s="85"/>
      <c r="BC1571" s="85"/>
      <c r="BD1571" s="85"/>
      <c r="BE1571" s="85"/>
      <c r="BF1571" s="85"/>
      <c r="BG1571" s="85"/>
      <c r="BH1571" s="85"/>
      <c r="BI1571" s="85"/>
      <c r="BJ1571" s="85"/>
      <c r="BK1571" s="85"/>
      <c r="BL1571" s="85"/>
      <c r="BM1571" s="85"/>
      <c r="BN1571" s="85"/>
      <c r="BO1571" s="85"/>
      <c r="BP1571" s="85"/>
      <c r="BQ1571" s="85"/>
      <c r="BR1571" s="85"/>
      <c r="BS1571" s="85"/>
      <c r="BT1571" s="85"/>
      <c r="BU1571" s="85"/>
      <c r="BV1571" s="85"/>
      <c r="BW1571" s="85"/>
      <c r="BX1571" s="85"/>
      <c r="BY1571" s="85"/>
      <c r="BZ1571" s="85"/>
      <c r="CA1571" s="85"/>
      <c r="CB1571" s="85"/>
      <c r="CC1571" s="85"/>
      <c r="CD1571" s="85"/>
      <c r="CE1571" s="85"/>
      <c r="CF1571" s="85"/>
      <c r="CG1571" s="85"/>
    </row>
    <row r="1572" spans="1:85" s="9" customFormat="1" x14ac:dyDescent="0.2">
      <c r="A1572" s="85"/>
      <c r="J1572" s="85"/>
      <c r="K1572" s="85"/>
      <c r="L1572" s="85"/>
      <c r="M1572" s="85"/>
      <c r="N1572" s="85"/>
      <c r="O1572" s="85"/>
      <c r="P1572" s="85"/>
      <c r="Q1572" s="85"/>
      <c r="R1572" s="85"/>
      <c r="S1572" s="85"/>
      <c r="T1572" s="85"/>
      <c r="U1572" s="85"/>
      <c r="V1572" s="85"/>
      <c r="W1572" s="85"/>
      <c r="X1572" s="85"/>
      <c r="Y1572" s="85"/>
      <c r="Z1572" s="85"/>
      <c r="AA1572" s="85"/>
      <c r="AB1572" s="85"/>
      <c r="AC1572" s="85"/>
      <c r="AD1572" s="85"/>
      <c r="AE1572" s="85"/>
      <c r="AF1572" s="85"/>
      <c r="AG1572" s="85"/>
      <c r="AH1572" s="85"/>
      <c r="AI1572" s="85"/>
      <c r="AJ1572" s="85"/>
      <c r="AK1572" s="85"/>
      <c r="AL1572" s="85"/>
      <c r="AM1572" s="85"/>
      <c r="AN1572" s="85"/>
      <c r="AO1572" s="85"/>
      <c r="AP1572" s="85"/>
      <c r="AQ1572" s="85"/>
      <c r="AR1572" s="85"/>
      <c r="AS1572" s="85"/>
      <c r="AT1572" s="85"/>
      <c r="AU1572" s="85"/>
      <c r="AV1572" s="85"/>
      <c r="AW1572" s="85"/>
      <c r="AX1572" s="85"/>
      <c r="AY1572" s="85"/>
      <c r="AZ1572" s="85"/>
      <c r="BA1572" s="85"/>
      <c r="BB1572" s="85"/>
      <c r="BC1572" s="85"/>
      <c r="BD1572" s="85"/>
      <c r="BE1572" s="85"/>
      <c r="BF1572" s="85"/>
      <c r="BG1572" s="85"/>
      <c r="BH1572" s="85"/>
      <c r="BI1572" s="85"/>
      <c r="BJ1572" s="85"/>
      <c r="BK1572" s="85"/>
      <c r="BL1572" s="85"/>
      <c r="BM1572" s="85"/>
      <c r="BN1572" s="85"/>
      <c r="BO1572" s="85"/>
      <c r="BP1572" s="85"/>
      <c r="BQ1572" s="85"/>
      <c r="BR1572" s="85"/>
      <c r="BS1572" s="85"/>
      <c r="BT1572" s="85"/>
      <c r="BU1572" s="85"/>
      <c r="BV1572" s="85"/>
      <c r="BW1572" s="85"/>
      <c r="BX1572" s="85"/>
      <c r="BY1572" s="85"/>
      <c r="BZ1572" s="85"/>
      <c r="CA1572" s="85"/>
      <c r="CB1572" s="85"/>
      <c r="CC1572" s="85"/>
      <c r="CD1572" s="85"/>
      <c r="CE1572" s="85"/>
      <c r="CF1572" s="85"/>
      <c r="CG1572" s="85"/>
    </row>
    <row r="1573" spans="1:85" s="9" customFormat="1" x14ac:dyDescent="0.2">
      <c r="A1573" s="85"/>
      <c r="J1573" s="85"/>
      <c r="K1573" s="85"/>
      <c r="L1573" s="85"/>
      <c r="M1573" s="85"/>
      <c r="N1573" s="85"/>
      <c r="O1573" s="85"/>
      <c r="P1573" s="85"/>
      <c r="Q1573" s="85"/>
      <c r="R1573" s="85"/>
      <c r="S1573" s="85"/>
      <c r="T1573" s="85"/>
      <c r="U1573" s="85"/>
      <c r="V1573" s="85"/>
      <c r="W1573" s="85"/>
      <c r="X1573" s="85"/>
      <c r="Y1573" s="85"/>
      <c r="Z1573" s="85"/>
      <c r="AA1573" s="85"/>
      <c r="AB1573" s="85"/>
      <c r="AC1573" s="85"/>
      <c r="AD1573" s="85"/>
      <c r="AE1573" s="85"/>
      <c r="AF1573" s="85"/>
      <c r="AG1573" s="85"/>
      <c r="AH1573" s="85"/>
      <c r="AI1573" s="85"/>
      <c r="AJ1573" s="85"/>
      <c r="AK1573" s="85"/>
      <c r="AL1573" s="85"/>
      <c r="AM1573" s="85"/>
      <c r="AN1573" s="85"/>
      <c r="AO1573" s="85"/>
      <c r="AP1573" s="85"/>
      <c r="AQ1573" s="85"/>
      <c r="AR1573" s="85"/>
      <c r="AS1573" s="85"/>
      <c r="AT1573" s="85"/>
      <c r="AU1573" s="85"/>
      <c r="AV1573" s="85"/>
      <c r="AW1573" s="85"/>
      <c r="AX1573" s="85"/>
      <c r="AY1573" s="85"/>
      <c r="AZ1573" s="85"/>
      <c r="BA1573" s="85"/>
      <c r="BB1573" s="85"/>
      <c r="BC1573" s="85"/>
      <c r="BD1573" s="85"/>
      <c r="BE1573" s="85"/>
      <c r="BF1573" s="85"/>
      <c r="BG1573" s="85"/>
      <c r="BH1573" s="85"/>
      <c r="BI1573" s="85"/>
      <c r="BJ1573" s="85"/>
      <c r="BK1573" s="85"/>
      <c r="BL1573" s="85"/>
      <c r="BM1573" s="85"/>
      <c r="BN1573" s="85"/>
      <c r="BO1573" s="85"/>
      <c r="BP1573" s="85"/>
      <c r="BQ1573" s="85"/>
      <c r="BR1573" s="85"/>
      <c r="BS1573" s="85"/>
      <c r="BT1573" s="85"/>
      <c r="BU1573" s="85"/>
      <c r="BV1573" s="85"/>
      <c r="BW1573" s="85"/>
      <c r="BX1573" s="85"/>
      <c r="BY1573" s="85"/>
      <c r="BZ1573" s="85"/>
      <c r="CA1573" s="85"/>
      <c r="CB1573" s="85"/>
      <c r="CC1573" s="85"/>
      <c r="CD1573" s="85"/>
      <c r="CE1573" s="85"/>
      <c r="CF1573" s="85"/>
      <c r="CG1573" s="85"/>
    </row>
    <row r="1574" spans="1:85" s="9" customFormat="1" x14ac:dyDescent="0.2">
      <c r="A1574" s="85"/>
      <c r="J1574" s="85"/>
      <c r="K1574" s="85"/>
      <c r="L1574" s="85"/>
      <c r="M1574" s="85"/>
      <c r="N1574" s="85"/>
      <c r="O1574" s="85"/>
      <c r="P1574" s="85"/>
      <c r="Q1574" s="85"/>
      <c r="R1574" s="85"/>
      <c r="S1574" s="85"/>
      <c r="T1574" s="85"/>
      <c r="U1574" s="85"/>
      <c r="V1574" s="85"/>
      <c r="W1574" s="85"/>
      <c r="X1574" s="85"/>
      <c r="Y1574" s="85"/>
      <c r="Z1574" s="85"/>
      <c r="AA1574" s="85"/>
      <c r="AB1574" s="85"/>
      <c r="AC1574" s="85"/>
      <c r="AD1574" s="85"/>
      <c r="AE1574" s="85"/>
      <c r="AF1574" s="85"/>
      <c r="AG1574" s="85"/>
      <c r="AH1574" s="85"/>
      <c r="AI1574" s="85"/>
      <c r="AJ1574" s="85"/>
      <c r="AK1574" s="85"/>
      <c r="AL1574" s="85"/>
      <c r="AM1574" s="85"/>
      <c r="AN1574" s="85"/>
      <c r="AO1574" s="85"/>
      <c r="AP1574" s="85"/>
      <c r="AQ1574" s="85"/>
      <c r="AR1574" s="85"/>
      <c r="AS1574" s="85"/>
      <c r="AT1574" s="85"/>
      <c r="AU1574" s="85"/>
      <c r="AV1574" s="85"/>
      <c r="AW1574" s="85"/>
      <c r="AX1574" s="85"/>
      <c r="AY1574" s="85"/>
      <c r="AZ1574" s="85"/>
      <c r="BA1574" s="85"/>
      <c r="BB1574" s="85"/>
      <c r="BC1574" s="85"/>
      <c r="BD1574" s="85"/>
      <c r="BE1574" s="85"/>
      <c r="BF1574" s="85"/>
      <c r="BG1574" s="85"/>
      <c r="BH1574" s="85"/>
      <c r="BI1574" s="85"/>
      <c r="BJ1574" s="85"/>
      <c r="BK1574" s="85"/>
      <c r="BL1574" s="85"/>
      <c r="BM1574" s="85"/>
      <c r="BN1574" s="85"/>
      <c r="BO1574" s="85"/>
      <c r="BP1574" s="85"/>
      <c r="BQ1574" s="85"/>
      <c r="BR1574" s="85"/>
      <c r="BS1574" s="85"/>
      <c r="BT1574" s="85"/>
      <c r="BU1574" s="85"/>
      <c r="BV1574" s="85"/>
      <c r="BW1574" s="85"/>
      <c r="BX1574" s="85"/>
      <c r="BY1574" s="85"/>
      <c r="BZ1574" s="85"/>
      <c r="CA1574" s="85"/>
      <c r="CB1574" s="85"/>
      <c r="CC1574" s="85"/>
      <c r="CD1574" s="85"/>
      <c r="CE1574" s="85"/>
      <c r="CF1574" s="85"/>
      <c r="CG1574" s="85"/>
    </row>
    <row r="1575" spans="1:85" s="9" customFormat="1" x14ac:dyDescent="0.2">
      <c r="A1575" s="85"/>
      <c r="J1575" s="85"/>
      <c r="K1575" s="85"/>
      <c r="L1575" s="85"/>
      <c r="M1575" s="85"/>
      <c r="N1575" s="85"/>
      <c r="O1575" s="85"/>
      <c r="P1575" s="85"/>
      <c r="Q1575" s="85"/>
      <c r="R1575" s="85"/>
      <c r="S1575" s="85"/>
      <c r="T1575" s="85"/>
      <c r="U1575" s="85"/>
      <c r="V1575" s="85"/>
      <c r="W1575" s="85"/>
      <c r="X1575" s="85"/>
      <c r="Y1575" s="85"/>
      <c r="Z1575" s="85"/>
      <c r="AA1575" s="85"/>
      <c r="AB1575" s="85"/>
      <c r="AC1575" s="85"/>
      <c r="AD1575" s="85"/>
      <c r="AE1575" s="85"/>
      <c r="AF1575" s="85"/>
      <c r="AG1575" s="85"/>
      <c r="AH1575" s="85"/>
      <c r="AI1575" s="85"/>
      <c r="AJ1575" s="85"/>
      <c r="AK1575" s="85"/>
      <c r="AL1575" s="85"/>
      <c r="AM1575" s="85"/>
      <c r="AN1575" s="85"/>
      <c r="AO1575" s="85"/>
      <c r="AP1575" s="85"/>
      <c r="AQ1575" s="85"/>
      <c r="AR1575" s="85"/>
      <c r="AS1575" s="85"/>
      <c r="AT1575" s="85"/>
      <c r="AU1575" s="85"/>
      <c r="AV1575" s="85"/>
      <c r="AW1575" s="85"/>
      <c r="AX1575" s="85"/>
      <c r="AY1575" s="85"/>
      <c r="AZ1575" s="85"/>
      <c r="BA1575" s="85"/>
      <c r="BB1575" s="85"/>
      <c r="BC1575" s="85"/>
      <c r="BD1575" s="85"/>
      <c r="BE1575" s="85"/>
      <c r="BF1575" s="85"/>
      <c r="BG1575" s="85"/>
      <c r="BH1575" s="85"/>
      <c r="BI1575" s="85"/>
      <c r="BJ1575" s="85"/>
      <c r="BK1575" s="85"/>
      <c r="BL1575" s="85"/>
      <c r="BM1575" s="85"/>
      <c r="BN1575" s="85"/>
      <c r="BO1575" s="85"/>
      <c r="BP1575" s="85"/>
      <c r="BQ1575" s="85"/>
      <c r="BR1575" s="85"/>
      <c r="BS1575" s="85"/>
      <c r="BT1575" s="85"/>
      <c r="BU1575" s="85"/>
      <c r="BV1575" s="85"/>
      <c r="BW1575" s="85"/>
      <c r="BX1575" s="85"/>
      <c r="BY1575" s="85"/>
      <c r="BZ1575" s="85"/>
      <c r="CA1575" s="85"/>
      <c r="CB1575" s="85"/>
      <c r="CC1575" s="85"/>
      <c r="CD1575" s="85"/>
      <c r="CE1575" s="85"/>
      <c r="CF1575" s="85"/>
      <c r="CG1575" s="85"/>
    </row>
    <row r="1576" spans="1:85" s="9" customFormat="1" x14ac:dyDescent="0.2">
      <c r="A1576" s="85"/>
      <c r="J1576" s="85"/>
      <c r="K1576" s="85"/>
      <c r="L1576" s="85"/>
      <c r="M1576" s="85"/>
      <c r="N1576" s="85"/>
      <c r="O1576" s="85"/>
      <c r="P1576" s="85"/>
      <c r="Q1576" s="85"/>
      <c r="R1576" s="85"/>
      <c r="S1576" s="85"/>
      <c r="T1576" s="85"/>
      <c r="U1576" s="85"/>
      <c r="V1576" s="85"/>
      <c r="W1576" s="85"/>
      <c r="X1576" s="85"/>
      <c r="Y1576" s="85"/>
      <c r="Z1576" s="85"/>
      <c r="AA1576" s="85"/>
      <c r="AB1576" s="85"/>
      <c r="AC1576" s="85"/>
      <c r="AD1576" s="85"/>
      <c r="AE1576" s="85"/>
      <c r="AF1576" s="85"/>
      <c r="AG1576" s="85"/>
      <c r="AH1576" s="85"/>
      <c r="AI1576" s="85"/>
      <c r="AJ1576" s="85"/>
      <c r="AK1576" s="85"/>
      <c r="AL1576" s="85"/>
      <c r="AM1576" s="85"/>
      <c r="AN1576" s="85"/>
      <c r="AO1576" s="85"/>
      <c r="AP1576" s="85"/>
      <c r="AQ1576" s="85"/>
      <c r="AR1576" s="85"/>
      <c r="AS1576" s="85"/>
      <c r="AT1576" s="85"/>
      <c r="AU1576" s="85"/>
      <c r="AV1576" s="85"/>
      <c r="AW1576" s="85"/>
      <c r="AX1576" s="85"/>
      <c r="AY1576" s="85"/>
      <c r="AZ1576" s="85"/>
      <c r="BA1576" s="85"/>
      <c r="BB1576" s="85"/>
      <c r="BC1576" s="85"/>
      <c r="BD1576" s="85"/>
      <c r="BE1576" s="85"/>
      <c r="BF1576" s="85"/>
      <c r="BG1576" s="85"/>
      <c r="BH1576" s="85"/>
      <c r="BI1576" s="85"/>
      <c r="BJ1576" s="85"/>
      <c r="BK1576" s="85"/>
      <c r="BL1576" s="85"/>
      <c r="BM1576" s="85"/>
      <c r="BN1576" s="85"/>
      <c r="BO1576" s="85"/>
      <c r="BP1576" s="85"/>
      <c r="BQ1576" s="85"/>
      <c r="BR1576" s="85"/>
      <c r="BS1576" s="85"/>
      <c r="BT1576" s="85"/>
      <c r="BU1576" s="85"/>
      <c r="BV1576" s="85"/>
      <c r="BW1576" s="85"/>
      <c r="BX1576" s="85"/>
      <c r="BY1576" s="85"/>
      <c r="BZ1576" s="85"/>
      <c r="CA1576" s="85"/>
      <c r="CB1576" s="85"/>
      <c r="CC1576" s="85"/>
      <c r="CD1576" s="85"/>
      <c r="CE1576" s="85"/>
      <c r="CF1576" s="85"/>
      <c r="CG1576" s="85"/>
    </row>
    <row r="1577" spans="1:85" s="9" customFormat="1" x14ac:dyDescent="0.2">
      <c r="A1577" s="85"/>
      <c r="J1577" s="85"/>
      <c r="K1577" s="85"/>
      <c r="L1577" s="85"/>
      <c r="M1577" s="85"/>
      <c r="N1577" s="85"/>
      <c r="O1577" s="85"/>
      <c r="P1577" s="85"/>
      <c r="Q1577" s="85"/>
      <c r="R1577" s="85"/>
      <c r="S1577" s="85"/>
      <c r="T1577" s="85"/>
      <c r="U1577" s="85"/>
      <c r="V1577" s="85"/>
      <c r="W1577" s="85"/>
      <c r="X1577" s="85"/>
      <c r="Y1577" s="85"/>
      <c r="Z1577" s="85"/>
      <c r="AA1577" s="85"/>
      <c r="AB1577" s="85"/>
      <c r="AC1577" s="85"/>
      <c r="AD1577" s="85"/>
      <c r="AE1577" s="85"/>
      <c r="AF1577" s="85"/>
      <c r="AG1577" s="85"/>
      <c r="AH1577" s="85"/>
      <c r="AI1577" s="85"/>
      <c r="AJ1577" s="85"/>
      <c r="AK1577" s="85"/>
      <c r="AL1577" s="85"/>
      <c r="AM1577" s="85"/>
      <c r="AN1577" s="85"/>
      <c r="AO1577" s="85"/>
      <c r="AP1577" s="85"/>
      <c r="AQ1577" s="85"/>
      <c r="AR1577" s="85"/>
      <c r="AS1577" s="85"/>
      <c r="AT1577" s="85"/>
      <c r="AU1577" s="85"/>
      <c r="AV1577" s="85"/>
      <c r="AW1577" s="85"/>
      <c r="AX1577" s="85"/>
      <c r="AY1577" s="85"/>
      <c r="AZ1577" s="85"/>
      <c r="BA1577" s="85"/>
      <c r="BB1577" s="85"/>
      <c r="BC1577" s="85"/>
      <c r="BD1577" s="85"/>
      <c r="BE1577" s="85"/>
      <c r="BF1577" s="85"/>
      <c r="BG1577" s="85"/>
      <c r="BH1577" s="85"/>
      <c r="BI1577" s="85"/>
      <c r="BJ1577" s="85"/>
      <c r="BK1577" s="85"/>
      <c r="BL1577" s="85"/>
      <c r="BM1577" s="85"/>
      <c r="BN1577" s="85"/>
      <c r="BO1577" s="85"/>
      <c r="BP1577" s="85"/>
      <c r="BQ1577" s="85"/>
      <c r="BR1577" s="85"/>
      <c r="BS1577" s="85"/>
      <c r="BT1577" s="85"/>
      <c r="BU1577" s="85"/>
      <c r="BV1577" s="85"/>
      <c r="BW1577" s="85"/>
      <c r="BX1577" s="85"/>
      <c r="BY1577" s="85"/>
      <c r="BZ1577" s="85"/>
      <c r="CA1577" s="85"/>
      <c r="CB1577" s="85"/>
      <c r="CC1577" s="85"/>
      <c r="CD1577" s="85"/>
      <c r="CE1577" s="85"/>
      <c r="CF1577" s="85"/>
      <c r="CG1577" s="85"/>
    </row>
    <row r="1578" spans="1:85" s="9" customFormat="1" x14ac:dyDescent="0.2">
      <c r="A1578" s="85"/>
      <c r="J1578" s="85"/>
      <c r="K1578" s="85"/>
      <c r="L1578" s="85"/>
      <c r="M1578" s="85"/>
      <c r="N1578" s="85"/>
      <c r="O1578" s="85"/>
      <c r="P1578" s="85"/>
      <c r="Q1578" s="85"/>
      <c r="R1578" s="85"/>
      <c r="S1578" s="85"/>
      <c r="T1578" s="85"/>
      <c r="U1578" s="85"/>
      <c r="V1578" s="85"/>
      <c r="W1578" s="85"/>
      <c r="X1578" s="85"/>
      <c r="Y1578" s="85"/>
      <c r="Z1578" s="85"/>
      <c r="AA1578" s="85"/>
      <c r="AB1578" s="85"/>
      <c r="AC1578" s="85"/>
      <c r="AD1578" s="85"/>
      <c r="AE1578" s="85"/>
      <c r="AF1578" s="85"/>
      <c r="AG1578" s="85"/>
      <c r="AH1578" s="85"/>
      <c r="AI1578" s="85"/>
      <c r="AJ1578" s="85"/>
      <c r="AK1578" s="85"/>
      <c r="AL1578" s="85"/>
      <c r="AM1578" s="85"/>
      <c r="AN1578" s="85"/>
      <c r="AO1578" s="85"/>
      <c r="AP1578" s="85"/>
      <c r="AQ1578" s="85"/>
      <c r="AR1578" s="85"/>
      <c r="AS1578" s="85"/>
      <c r="AT1578" s="85"/>
      <c r="AU1578" s="85"/>
      <c r="AV1578" s="85"/>
      <c r="AW1578" s="85"/>
      <c r="AX1578" s="85"/>
      <c r="AY1578" s="85"/>
      <c r="AZ1578" s="85"/>
      <c r="BA1578" s="85"/>
      <c r="BB1578" s="85"/>
      <c r="BC1578" s="85"/>
      <c r="BD1578" s="85"/>
      <c r="BE1578" s="85"/>
      <c r="BF1578" s="85"/>
      <c r="BG1578" s="85"/>
      <c r="BH1578" s="85"/>
      <c r="BI1578" s="85"/>
      <c r="BJ1578" s="85"/>
      <c r="BK1578" s="85"/>
      <c r="BL1578" s="85"/>
      <c r="BM1578" s="85"/>
      <c r="BN1578" s="85"/>
      <c r="BO1578" s="85"/>
      <c r="BP1578" s="85"/>
      <c r="BQ1578" s="85"/>
      <c r="BR1578" s="85"/>
      <c r="BS1578" s="85"/>
      <c r="BT1578" s="85"/>
      <c r="BU1578" s="85"/>
      <c r="BV1578" s="85"/>
      <c r="BW1578" s="85"/>
      <c r="BX1578" s="85"/>
      <c r="BY1578" s="85"/>
      <c r="BZ1578" s="85"/>
      <c r="CA1578" s="85"/>
      <c r="CB1578" s="85"/>
      <c r="CC1578" s="85"/>
      <c r="CD1578" s="85"/>
      <c r="CE1578" s="85"/>
      <c r="CF1578" s="85"/>
      <c r="CG1578" s="85"/>
    </row>
    <row r="1579" spans="1:85" s="9" customFormat="1" x14ac:dyDescent="0.2">
      <c r="A1579" s="85"/>
      <c r="J1579" s="85"/>
      <c r="K1579" s="85"/>
      <c r="L1579" s="85"/>
      <c r="M1579" s="85"/>
      <c r="N1579" s="85"/>
      <c r="O1579" s="85"/>
      <c r="P1579" s="85"/>
      <c r="Q1579" s="85"/>
      <c r="R1579" s="85"/>
      <c r="S1579" s="85"/>
      <c r="T1579" s="85"/>
      <c r="U1579" s="85"/>
      <c r="V1579" s="85"/>
      <c r="W1579" s="85"/>
      <c r="X1579" s="85"/>
      <c r="Y1579" s="85"/>
      <c r="Z1579" s="85"/>
      <c r="AA1579" s="85"/>
      <c r="AB1579" s="85"/>
      <c r="AC1579" s="85"/>
      <c r="AD1579" s="85"/>
      <c r="AE1579" s="85"/>
      <c r="AF1579" s="85"/>
      <c r="AG1579" s="85"/>
      <c r="AH1579" s="85"/>
      <c r="AI1579" s="85"/>
      <c r="AJ1579" s="85"/>
      <c r="AK1579" s="85"/>
      <c r="AL1579" s="85"/>
      <c r="AM1579" s="85"/>
      <c r="AN1579" s="85"/>
      <c r="AO1579" s="85"/>
      <c r="AP1579" s="85"/>
      <c r="AQ1579" s="85"/>
      <c r="AR1579" s="85"/>
      <c r="AS1579" s="85"/>
      <c r="AT1579" s="85"/>
      <c r="AU1579" s="85"/>
      <c r="AV1579" s="85"/>
      <c r="AW1579" s="85"/>
      <c r="AX1579" s="85"/>
      <c r="AY1579" s="85"/>
      <c r="AZ1579" s="85"/>
      <c r="BA1579" s="85"/>
      <c r="BB1579" s="85"/>
      <c r="BC1579" s="85"/>
      <c r="BD1579" s="85"/>
      <c r="BE1579" s="85"/>
      <c r="BF1579" s="85"/>
      <c r="BG1579" s="85"/>
      <c r="BH1579" s="85"/>
      <c r="BI1579" s="85"/>
      <c r="BJ1579" s="85"/>
      <c r="BK1579" s="85"/>
      <c r="BL1579" s="85"/>
      <c r="BM1579" s="85"/>
      <c r="BN1579" s="85"/>
      <c r="BO1579" s="85"/>
      <c r="BP1579" s="85"/>
      <c r="BQ1579" s="85"/>
      <c r="BR1579" s="85"/>
      <c r="BS1579" s="85"/>
      <c r="BT1579" s="85"/>
      <c r="BU1579" s="85"/>
      <c r="BV1579" s="85"/>
      <c r="BW1579" s="85"/>
      <c r="BX1579" s="85"/>
      <c r="BY1579" s="85"/>
      <c r="BZ1579" s="85"/>
      <c r="CA1579" s="85"/>
      <c r="CB1579" s="85"/>
      <c r="CC1579" s="85"/>
      <c r="CD1579" s="85"/>
      <c r="CE1579" s="85"/>
      <c r="CF1579" s="85"/>
      <c r="CG1579" s="85"/>
    </row>
    <row r="1580" spans="1:85" s="9" customFormat="1" x14ac:dyDescent="0.2">
      <c r="A1580" s="85"/>
      <c r="J1580" s="85"/>
      <c r="K1580" s="85"/>
      <c r="L1580" s="85"/>
      <c r="M1580" s="85"/>
      <c r="N1580" s="85"/>
      <c r="O1580" s="85"/>
      <c r="P1580" s="85"/>
      <c r="Q1580" s="85"/>
      <c r="R1580" s="85"/>
      <c r="S1580" s="85"/>
      <c r="T1580" s="85"/>
      <c r="U1580" s="85"/>
      <c r="V1580" s="85"/>
      <c r="W1580" s="85"/>
      <c r="X1580" s="85"/>
      <c r="Y1580" s="85"/>
      <c r="Z1580" s="85"/>
      <c r="AA1580" s="85"/>
      <c r="AB1580" s="85"/>
      <c r="AC1580" s="85"/>
      <c r="AD1580" s="85"/>
      <c r="AE1580" s="85"/>
      <c r="AF1580" s="85"/>
      <c r="AG1580" s="85"/>
      <c r="AH1580" s="85"/>
      <c r="AI1580" s="85"/>
      <c r="AJ1580" s="85"/>
      <c r="AK1580" s="85"/>
      <c r="AL1580" s="85"/>
      <c r="AM1580" s="85"/>
      <c r="AN1580" s="85"/>
      <c r="AO1580" s="85"/>
      <c r="AP1580" s="85"/>
      <c r="AQ1580" s="85"/>
      <c r="AR1580" s="85"/>
      <c r="AS1580" s="85"/>
      <c r="AT1580" s="85"/>
      <c r="AU1580" s="85"/>
      <c r="AV1580" s="85"/>
      <c r="AW1580" s="85"/>
      <c r="AX1580" s="85"/>
      <c r="AY1580" s="85"/>
      <c r="AZ1580" s="85"/>
      <c r="BA1580" s="85"/>
      <c r="BB1580" s="85"/>
      <c r="BC1580" s="85"/>
      <c r="BD1580" s="85"/>
      <c r="BE1580" s="85"/>
      <c r="BF1580" s="85"/>
      <c r="BG1580" s="85"/>
      <c r="BH1580" s="85"/>
      <c r="BI1580" s="85"/>
      <c r="BJ1580" s="85"/>
      <c r="BK1580" s="85"/>
      <c r="BL1580" s="85"/>
      <c r="BM1580" s="85"/>
      <c r="BN1580" s="85"/>
      <c r="BO1580" s="85"/>
      <c r="BP1580" s="85"/>
      <c r="BQ1580" s="85"/>
      <c r="BR1580" s="85"/>
      <c r="BS1580" s="85"/>
      <c r="BT1580" s="85"/>
      <c r="BU1580" s="85"/>
      <c r="BV1580" s="85"/>
      <c r="BW1580" s="85"/>
      <c r="BX1580" s="85"/>
      <c r="BY1580" s="85"/>
      <c r="BZ1580" s="85"/>
      <c r="CA1580" s="85"/>
      <c r="CB1580" s="85"/>
      <c r="CC1580" s="85"/>
      <c r="CD1580" s="85"/>
      <c r="CE1580" s="85"/>
      <c r="CF1580" s="85"/>
      <c r="CG1580" s="85"/>
    </row>
    <row r="1581" spans="1:85" s="9" customFormat="1" x14ac:dyDescent="0.2">
      <c r="A1581" s="85"/>
      <c r="J1581" s="85"/>
      <c r="K1581" s="85"/>
      <c r="L1581" s="85"/>
      <c r="M1581" s="85"/>
      <c r="N1581" s="85"/>
      <c r="O1581" s="85"/>
      <c r="P1581" s="85"/>
      <c r="Q1581" s="85"/>
      <c r="R1581" s="85"/>
      <c r="S1581" s="85"/>
      <c r="T1581" s="85"/>
      <c r="U1581" s="85"/>
      <c r="V1581" s="85"/>
      <c r="W1581" s="85"/>
      <c r="X1581" s="85"/>
      <c r="Y1581" s="85"/>
      <c r="Z1581" s="85"/>
      <c r="AA1581" s="85"/>
      <c r="AB1581" s="85"/>
      <c r="AC1581" s="85"/>
      <c r="AD1581" s="85"/>
      <c r="AE1581" s="85"/>
      <c r="AF1581" s="85"/>
      <c r="AG1581" s="85"/>
      <c r="AH1581" s="85"/>
      <c r="AI1581" s="85"/>
      <c r="AJ1581" s="85"/>
      <c r="AK1581" s="85"/>
      <c r="AL1581" s="85"/>
      <c r="AM1581" s="85"/>
      <c r="AN1581" s="85"/>
      <c r="AO1581" s="85"/>
      <c r="AP1581" s="85"/>
      <c r="AQ1581" s="85"/>
      <c r="AR1581" s="85"/>
      <c r="AS1581" s="85"/>
      <c r="AT1581" s="85"/>
      <c r="AU1581" s="85"/>
      <c r="AV1581" s="85"/>
      <c r="AW1581" s="85"/>
      <c r="AX1581" s="85"/>
      <c r="AY1581" s="85"/>
      <c r="AZ1581" s="85"/>
      <c r="BA1581" s="85"/>
      <c r="BB1581" s="85"/>
      <c r="BC1581" s="85"/>
      <c r="BD1581" s="85"/>
      <c r="BE1581" s="85"/>
      <c r="BF1581" s="85"/>
      <c r="BG1581" s="85"/>
      <c r="BH1581" s="85"/>
      <c r="BI1581" s="85"/>
      <c r="BJ1581" s="85"/>
      <c r="BK1581" s="85"/>
      <c r="BL1581" s="85"/>
      <c r="BM1581" s="85"/>
      <c r="BN1581" s="85"/>
      <c r="BO1581" s="85"/>
      <c r="BP1581" s="85"/>
      <c r="BQ1581" s="85"/>
      <c r="BR1581" s="85"/>
      <c r="BS1581" s="85"/>
      <c r="BT1581" s="85"/>
      <c r="BU1581" s="85"/>
      <c r="BV1581" s="85"/>
      <c r="BW1581" s="85"/>
      <c r="BX1581" s="85"/>
      <c r="BY1581" s="85"/>
      <c r="BZ1581" s="85"/>
      <c r="CA1581" s="85"/>
      <c r="CB1581" s="85"/>
      <c r="CC1581" s="85"/>
      <c r="CD1581" s="85"/>
      <c r="CE1581" s="85"/>
      <c r="CF1581" s="85"/>
      <c r="CG1581" s="85"/>
    </row>
    <row r="1582" spans="1:85" s="9" customFormat="1" x14ac:dyDescent="0.2">
      <c r="A1582" s="85"/>
      <c r="J1582" s="85"/>
      <c r="K1582" s="85"/>
      <c r="L1582" s="85"/>
      <c r="M1582" s="85"/>
      <c r="N1582" s="85"/>
      <c r="O1582" s="85"/>
      <c r="P1582" s="85"/>
      <c r="Q1582" s="85"/>
      <c r="R1582" s="85"/>
      <c r="S1582" s="85"/>
      <c r="T1582" s="85"/>
      <c r="U1582" s="85"/>
      <c r="V1582" s="85"/>
      <c r="W1582" s="85"/>
      <c r="X1582" s="85"/>
      <c r="Y1582" s="85"/>
      <c r="Z1582" s="85"/>
      <c r="AA1582" s="85"/>
      <c r="AB1582" s="85"/>
      <c r="AC1582" s="85"/>
      <c r="AD1582" s="85"/>
      <c r="AE1582" s="85"/>
      <c r="AF1582" s="85"/>
      <c r="AG1582" s="85"/>
      <c r="AH1582" s="85"/>
      <c r="AI1582" s="85"/>
      <c r="AJ1582" s="85"/>
      <c r="AK1582" s="85"/>
      <c r="AL1582" s="85"/>
      <c r="AM1582" s="85"/>
      <c r="AN1582" s="85"/>
      <c r="AO1582" s="85"/>
      <c r="AP1582" s="85"/>
      <c r="AQ1582" s="85"/>
      <c r="AR1582" s="85"/>
      <c r="AS1582" s="85"/>
      <c r="AT1582" s="85"/>
      <c r="AU1582" s="85"/>
      <c r="AV1582" s="85"/>
      <c r="AW1582" s="85"/>
      <c r="AX1582" s="85"/>
      <c r="AY1582" s="85"/>
      <c r="AZ1582" s="85"/>
      <c r="BA1582" s="85"/>
      <c r="BB1582" s="85"/>
      <c r="BC1582" s="85"/>
      <c r="BD1582" s="85"/>
      <c r="BE1582" s="85"/>
      <c r="BF1582" s="85"/>
      <c r="BG1582" s="85"/>
      <c r="BH1582" s="85"/>
      <c r="BI1582" s="85"/>
      <c r="BJ1582" s="85"/>
      <c r="BK1582" s="85"/>
      <c r="BL1582" s="85"/>
      <c r="BM1582" s="85"/>
      <c r="BN1582" s="85"/>
      <c r="BO1582" s="85"/>
      <c r="BP1582" s="85"/>
      <c r="BQ1582" s="85"/>
      <c r="BR1582" s="85"/>
      <c r="BS1582" s="85"/>
      <c r="BT1582" s="85"/>
      <c r="BU1582" s="85"/>
      <c r="BV1582" s="85"/>
      <c r="BW1582" s="85"/>
      <c r="BX1582" s="85"/>
      <c r="BY1582" s="85"/>
      <c r="BZ1582" s="85"/>
      <c r="CA1582" s="85"/>
      <c r="CB1582" s="85"/>
      <c r="CC1582" s="85"/>
      <c r="CD1582" s="85"/>
      <c r="CE1582" s="85"/>
      <c r="CF1582" s="85"/>
      <c r="CG1582" s="85"/>
    </row>
    <row r="1583" spans="1:85" s="9" customFormat="1" x14ac:dyDescent="0.2">
      <c r="A1583" s="85"/>
      <c r="J1583" s="85"/>
      <c r="K1583" s="85"/>
      <c r="L1583" s="85"/>
      <c r="M1583" s="85"/>
      <c r="N1583" s="85"/>
      <c r="O1583" s="85"/>
      <c r="P1583" s="85"/>
      <c r="Q1583" s="85"/>
      <c r="R1583" s="85"/>
      <c r="S1583" s="85"/>
      <c r="T1583" s="85"/>
      <c r="U1583" s="85"/>
      <c r="V1583" s="85"/>
      <c r="W1583" s="85"/>
      <c r="X1583" s="85"/>
      <c r="Y1583" s="85"/>
      <c r="Z1583" s="85"/>
      <c r="AA1583" s="85"/>
      <c r="AB1583" s="85"/>
      <c r="AC1583" s="85"/>
      <c r="AD1583" s="85"/>
      <c r="AE1583" s="85"/>
      <c r="AF1583" s="85"/>
      <c r="AG1583" s="85"/>
      <c r="AH1583" s="85"/>
      <c r="AI1583" s="85"/>
      <c r="AJ1583" s="85"/>
      <c r="AK1583" s="85"/>
      <c r="AL1583" s="85"/>
      <c r="AM1583" s="85"/>
      <c r="AN1583" s="85"/>
      <c r="AO1583" s="85"/>
      <c r="AP1583" s="85"/>
      <c r="AQ1583" s="85"/>
      <c r="AR1583" s="85"/>
      <c r="AS1583" s="85"/>
      <c r="AT1583" s="85"/>
      <c r="AU1583" s="85"/>
      <c r="AV1583" s="85"/>
      <c r="AW1583" s="85"/>
      <c r="AX1583" s="85"/>
      <c r="AY1583" s="85"/>
      <c r="AZ1583" s="85"/>
      <c r="BA1583" s="85"/>
      <c r="BB1583" s="85"/>
      <c r="BC1583" s="85"/>
      <c r="BD1583" s="85"/>
      <c r="BE1583" s="85"/>
      <c r="BF1583" s="85"/>
      <c r="BG1583" s="85"/>
      <c r="BH1583" s="85"/>
      <c r="BI1583" s="85"/>
      <c r="BJ1583" s="85"/>
      <c r="BK1583" s="85"/>
      <c r="BL1583" s="85"/>
      <c r="BM1583" s="85"/>
      <c r="BN1583" s="85"/>
      <c r="BO1583" s="85"/>
      <c r="BP1583" s="85"/>
      <c r="BQ1583" s="85"/>
      <c r="BR1583" s="85"/>
      <c r="BS1583" s="85"/>
      <c r="BT1583" s="85"/>
      <c r="BU1583" s="85"/>
      <c r="BV1583" s="85"/>
      <c r="BW1583" s="85"/>
      <c r="BX1583" s="85"/>
      <c r="BY1583" s="85"/>
      <c r="BZ1583" s="85"/>
      <c r="CA1583" s="85"/>
      <c r="CB1583" s="85"/>
      <c r="CC1583" s="85"/>
      <c r="CD1583" s="85"/>
      <c r="CE1583" s="85"/>
      <c r="CF1583" s="85"/>
      <c r="CG1583" s="85"/>
    </row>
    <row r="1584" spans="1:85" s="9" customFormat="1" x14ac:dyDescent="0.2">
      <c r="A1584" s="85"/>
      <c r="J1584" s="85"/>
      <c r="K1584" s="85"/>
      <c r="L1584" s="85"/>
      <c r="M1584" s="85"/>
      <c r="N1584" s="85"/>
      <c r="O1584" s="85"/>
      <c r="P1584" s="85"/>
      <c r="Q1584" s="85"/>
      <c r="R1584" s="85"/>
      <c r="S1584" s="85"/>
      <c r="T1584" s="85"/>
      <c r="U1584" s="85"/>
      <c r="V1584" s="85"/>
      <c r="W1584" s="85"/>
      <c r="X1584" s="85"/>
      <c r="Y1584" s="85"/>
      <c r="Z1584" s="85"/>
      <c r="AA1584" s="85"/>
      <c r="AB1584" s="85"/>
      <c r="AC1584" s="85"/>
      <c r="AD1584" s="85"/>
      <c r="AE1584" s="85"/>
      <c r="AF1584" s="85"/>
      <c r="AG1584" s="85"/>
      <c r="AH1584" s="85"/>
      <c r="AI1584" s="85"/>
      <c r="AJ1584" s="85"/>
      <c r="AK1584" s="85"/>
      <c r="AL1584" s="85"/>
      <c r="AM1584" s="85"/>
      <c r="AN1584" s="85"/>
      <c r="AO1584" s="85"/>
      <c r="AP1584" s="85"/>
      <c r="AQ1584" s="85"/>
      <c r="AR1584" s="85"/>
      <c r="AS1584" s="85"/>
      <c r="AT1584" s="85"/>
      <c r="AU1584" s="85"/>
      <c r="AV1584" s="85"/>
      <c r="AW1584" s="85"/>
      <c r="AX1584" s="85"/>
      <c r="AY1584" s="85"/>
      <c r="AZ1584" s="85"/>
      <c r="BA1584" s="85"/>
      <c r="BB1584" s="85"/>
      <c r="BC1584" s="85"/>
      <c r="BD1584" s="85"/>
      <c r="BE1584" s="85"/>
      <c r="BF1584" s="85"/>
      <c r="BG1584" s="85"/>
      <c r="BH1584" s="85"/>
      <c r="BI1584" s="85"/>
      <c r="BJ1584" s="85"/>
      <c r="BK1584" s="85"/>
      <c r="BL1584" s="85"/>
      <c r="BM1584" s="85"/>
      <c r="BN1584" s="85"/>
      <c r="BO1584" s="85"/>
      <c r="BP1584" s="85"/>
      <c r="BQ1584" s="85"/>
      <c r="BR1584" s="85"/>
      <c r="BS1584" s="85"/>
      <c r="BT1584" s="85"/>
      <c r="BU1584" s="85"/>
      <c r="BV1584" s="85"/>
      <c r="BW1584" s="85"/>
      <c r="BX1584" s="85"/>
      <c r="BY1584" s="85"/>
      <c r="BZ1584" s="85"/>
      <c r="CA1584" s="85"/>
      <c r="CB1584" s="85"/>
      <c r="CC1584" s="85"/>
      <c r="CD1584" s="85"/>
      <c r="CE1584" s="85"/>
      <c r="CF1584" s="85"/>
      <c r="CG1584" s="85"/>
    </row>
    <row r="1585" spans="1:85" s="9" customFormat="1" x14ac:dyDescent="0.2">
      <c r="A1585" s="85"/>
      <c r="J1585" s="85"/>
      <c r="K1585" s="85"/>
      <c r="L1585" s="85"/>
      <c r="M1585" s="85"/>
      <c r="N1585" s="85"/>
      <c r="O1585" s="85"/>
      <c r="P1585" s="85"/>
      <c r="Q1585" s="85"/>
      <c r="R1585" s="85"/>
      <c r="S1585" s="85"/>
      <c r="T1585" s="85"/>
      <c r="U1585" s="85"/>
      <c r="V1585" s="85"/>
      <c r="W1585" s="85"/>
      <c r="X1585" s="85"/>
      <c r="Y1585" s="85"/>
      <c r="Z1585" s="85"/>
      <c r="AA1585" s="85"/>
      <c r="AB1585" s="85"/>
      <c r="AC1585" s="85"/>
      <c r="AD1585" s="85"/>
      <c r="AE1585" s="85"/>
      <c r="AF1585" s="85"/>
      <c r="AG1585" s="85"/>
      <c r="AH1585" s="85"/>
      <c r="AI1585" s="85"/>
      <c r="AJ1585" s="85"/>
      <c r="AK1585" s="85"/>
      <c r="AL1585" s="85"/>
      <c r="AM1585" s="85"/>
      <c r="AN1585" s="85"/>
      <c r="AO1585" s="85"/>
      <c r="AP1585" s="85"/>
      <c r="AQ1585" s="85"/>
      <c r="AR1585" s="85"/>
      <c r="AS1585" s="85"/>
      <c r="AT1585" s="85"/>
      <c r="AU1585" s="85"/>
      <c r="AV1585" s="85"/>
      <c r="AW1585" s="85"/>
      <c r="AX1585" s="85"/>
      <c r="AY1585" s="85"/>
      <c r="AZ1585" s="85"/>
      <c r="BA1585" s="85"/>
      <c r="BB1585" s="85"/>
      <c r="BC1585" s="85"/>
      <c r="BD1585" s="85"/>
      <c r="BE1585" s="85"/>
      <c r="BF1585" s="85"/>
      <c r="BG1585" s="85"/>
      <c r="BH1585" s="85"/>
      <c r="BI1585" s="85"/>
      <c r="BJ1585" s="85"/>
      <c r="BK1585" s="85"/>
      <c r="BL1585" s="85"/>
      <c r="BM1585" s="85"/>
      <c r="BN1585" s="85"/>
      <c r="BO1585" s="85"/>
      <c r="BP1585" s="85"/>
      <c r="BQ1585" s="85"/>
      <c r="BR1585" s="85"/>
      <c r="BS1585" s="85"/>
      <c r="BT1585" s="85"/>
      <c r="BU1585" s="85"/>
      <c r="BV1585" s="85"/>
      <c r="BW1585" s="85"/>
      <c r="BX1585" s="85"/>
      <c r="BY1585" s="85"/>
      <c r="BZ1585" s="85"/>
      <c r="CA1585" s="85"/>
      <c r="CB1585" s="85"/>
      <c r="CC1585" s="85"/>
      <c r="CD1585" s="85"/>
      <c r="CE1585" s="85"/>
      <c r="CF1585" s="85"/>
      <c r="CG1585" s="85"/>
    </row>
    <row r="1586" spans="1:85" s="9" customFormat="1" x14ac:dyDescent="0.2">
      <c r="A1586" s="85"/>
      <c r="J1586" s="85"/>
      <c r="K1586" s="85"/>
      <c r="L1586" s="85"/>
      <c r="M1586" s="85"/>
      <c r="N1586" s="85"/>
      <c r="O1586" s="85"/>
      <c r="P1586" s="85"/>
      <c r="Q1586" s="85"/>
      <c r="R1586" s="85"/>
      <c r="S1586" s="85"/>
      <c r="T1586" s="85"/>
      <c r="U1586" s="85"/>
      <c r="V1586" s="85"/>
      <c r="W1586" s="85"/>
      <c r="X1586" s="85"/>
      <c r="Y1586" s="85"/>
      <c r="Z1586" s="85"/>
      <c r="AA1586" s="85"/>
      <c r="AB1586" s="85"/>
      <c r="AC1586" s="85"/>
      <c r="AD1586" s="85"/>
      <c r="AE1586" s="85"/>
      <c r="AF1586" s="85"/>
      <c r="AG1586" s="85"/>
      <c r="AH1586" s="85"/>
      <c r="AI1586" s="85"/>
      <c r="AJ1586" s="85"/>
      <c r="AK1586" s="85"/>
      <c r="AL1586" s="85"/>
      <c r="AM1586" s="85"/>
      <c r="AN1586" s="85"/>
      <c r="AO1586" s="85"/>
      <c r="AP1586" s="85"/>
      <c r="AQ1586" s="85"/>
      <c r="AR1586" s="85"/>
      <c r="AS1586" s="85"/>
      <c r="AT1586" s="85"/>
      <c r="AU1586" s="85"/>
      <c r="AV1586" s="85"/>
      <c r="AW1586" s="85"/>
      <c r="AX1586" s="85"/>
      <c r="AY1586" s="85"/>
      <c r="AZ1586" s="85"/>
      <c r="BA1586" s="85"/>
      <c r="BB1586" s="85"/>
      <c r="BC1586" s="85"/>
      <c r="BD1586" s="85"/>
      <c r="BE1586" s="85"/>
      <c r="BF1586" s="85"/>
      <c r="BG1586" s="85"/>
      <c r="BH1586" s="85"/>
      <c r="BI1586" s="85"/>
      <c r="BJ1586" s="85"/>
      <c r="BK1586" s="85"/>
      <c r="BL1586" s="85"/>
      <c r="BM1586" s="85"/>
      <c r="BN1586" s="85"/>
      <c r="BO1586" s="85"/>
      <c r="BP1586" s="85"/>
      <c r="BQ1586" s="85"/>
      <c r="BR1586" s="85"/>
      <c r="BS1586" s="85"/>
      <c r="BT1586" s="85"/>
      <c r="BU1586" s="85"/>
      <c r="BV1586" s="85"/>
      <c r="BW1586" s="85"/>
      <c r="BX1586" s="85"/>
      <c r="BY1586" s="85"/>
      <c r="BZ1586" s="85"/>
      <c r="CA1586" s="85"/>
      <c r="CB1586" s="85"/>
      <c r="CC1586" s="85"/>
      <c r="CD1586" s="85"/>
      <c r="CE1586" s="85"/>
      <c r="CF1586" s="85"/>
      <c r="CG1586" s="85"/>
    </row>
    <row r="1587" spans="1:85" s="9" customFormat="1" x14ac:dyDescent="0.2">
      <c r="A1587" s="85"/>
      <c r="J1587" s="85"/>
      <c r="K1587" s="85"/>
      <c r="L1587" s="85"/>
      <c r="M1587" s="85"/>
      <c r="N1587" s="85"/>
      <c r="O1587" s="85"/>
      <c r="P1587" s="85"/>
      <c r="Q1587" s="85"/>
      <c r="R1587" s="85"/>
      <c r="S1587" s="85"/>
      <c r="T1587" s="85"/>
      <c r="U1587" s="85"/>
      <c r="V1587" s="85"/>
      <c r="W1587" s="85"/>
      <c r="X1587" s="85"/>
      <c r="Y1587" s="85"/>
      <c r="Z1587" s="85"/>
      <c r="AA1587" s="85"/>
      <c r="AB1587" s="85"/>
      <c r="AC1587" s="85"/>
      <c r="AD1587" s="85"/>
      <c r="AE1587" s="85"/>
      <c r="AF1587" s="85"/>
      <c r="AG1587" s="85"/>
      <c r="AH1587" s="85"/>
      <c r="AI1587" s="85"/>
      <c r="AJ1587" s="85"/>
      <c r="AK1587" s="85"/>
      <c r="AL1587" s="85"/>
      <c r="AM1587" s="85"/>
      <c r="AN1587" s="85"/>
      <c r="AO1587" s="85"/>
      <c r="AP1587" s="85"/>
      <c r="AQ1587" s="85"/>
      <c r="AR1587" s="85"/>
      <c r="AS1587" s="85"/>
      <c r="AT1587" s="85"/>
      <c r="AU1587" s="85"/>
      <c r="AV1587" s="85"/>
      <c r="AW1587" s="85"/>
      <c r="AX1587" s="85"/>
      <c r="AY1587" s="85"/>
      <c r="AZ1587" s="85"/>
      <c r="BA1587" s="85"/>
      <c r="BB1587" s="85"/>
      <c r="BC1587" s="85"/>
      <c r="BD1587" s="85"/>
      <c r="BE1587" s="85"/>
      <c r="BF1587" s="85"/>
      <c r="BG1587" s="85"/>
      <c r="BH1587" s="85"/>
      <c r="BI1587" s="85"/>
      <c r="BJ1587" s="85"/>
      <c r="BK1587" s="85"/>
      <c r="BL1587" s="85"/>
      <c r="BM1587" s="85"/>
      <c r="BN1587" s="85"/>
      <c r="BO1587" s="85"/>
      <c r="BP1587" s="85"/>
      <c r="BQ1587" s="85"/>
      <c r="BR1587" s="85"/>
      <c r="BS1587" s="85"/>
      <c r="BT1587" s="85"/>
      <c r="BU1587" s="85"/>
      <c r="BV1587" s="85"/>
      <c r="BW1587" s="85"/>
      <c r="BX1587" s="85"/>
      <c r="BY1587" s="85"/>
      <c r="BZ1587" s="85"/>
      <c r="CA1587" s="85"/>
      <c r="CB1587" s="85"/>
      <c r="CC1587" s="85"/>
      <c r="CD1587" s="85"/>
      <c r="CE1587" s="85"/>
      <c r="CF1587" s="85"/>
      <c r="CG1587" s="85"/>
    </row>
    <row r="1588" spans="1:85" s="9" customFormat="1" x14ac:dyDescent="0.2">
      <c r="A1588" s="85"/>
      <c r="J1588" s="85"/>
      <c r="K1588" s="85"/>
      <c r="L1588" s="85"/>
      <c r="M1588" s="85"/>
      <c r="N1588" s="85"/>
      <c r="O1588" s="85"/>
      <c r="P1588" s="85"/>
      <c r="Q1588" s="85"/>
      <c r="R1588" s="85"/>
      <c r="S1588" s="85"/>
      <c r="T1588" s="85"/>
      <c r="U1588" s="85"/>
      <c r="V1588" s="85"/>
      <c r="W1588" s="85"/>
      <c r="X1588" s="85"/>
      <c r="Y1588" s="85"/>
      <c r="Z1588" s="85"/>
      <c r="AA1588" s="85"/>
      <c r="AB1588" s="85"/>
      <c r="AC1588" s="85"/>
      <c r="AD1588" s="85"/>
      <c r="AE1588" s="85"/>
      <c r="AF1588" s="85"/>
      <c r="AG1588" s="85"/>
      <c r="AH1588" s="85"/>
      <c r="AI1588" s="85"/>
      <c r="AJ1588" s="85"/>
      <c r="AK1588" s="85"/>
      <c r="AL1588" s="85"/>
      <c r="AM1588" s="85"/>
      <c r="AN1588" s="85"/>
      <c r="AO1588" s="85"/>
      <c r="AP1588" s="85"/>
      <c r="AQ1588" s="85"/>
      <c r="AR1588" s="85"/>
      <c r="AS1588" s="85"/>
      <c r="AT1588" s="85"/>
      <c r="AU1588" s="85"/>
      <c r="AV1588" s="85"/>
      <c r="AW1588" s="85"/>
      <c r="AX1588" s="85"/>
      <c r="AY1588" s="85"/>
      <c r="AZ1588" s="85"/>
      <c r="BA1588" s="85"/>
      <c r="BB1588" s="85"/>
      <c r="BC1588" s="85"/>
      <c r="BD1588" s="85"/>
      <c r="BE1588" s="85"/>
      <c r="BF1588" s="85"/>
      <c r="BG1588" s="85"/>
      <c r="BH1588" s="85"/>
      <c r="BI1588" s="85"/>
      <c r="BJ1588" s="85"/>
      <c r="BK1588" s="85"/>
      <c r="BL1588" s="85"/>
      <c r="BM1588" s="85"/>
      <c r="BN1588" s="85"/>
      <c r="BO1588" s="85"/>
      <c r="BP1588" s="85"/>
      <c r="BQ1588" s="85"/>
      <c r="BR1588" s="85"/>
      <c r="BS1588" s="85"/>
      <c r="BT1588" s="85"/>
      <c r="BU1588" s="85"/>
      <c r="BV1588" s="85"/>
      <c r="BW1588" s="85"/>
      <c r="BX1588" s="85"/>
      <c r="BY1588" s="85"/>
      <c r="BZ1588" s="85"/>
      <c r="CA1588" s="85"/>
      <c r="CB1588" s="85"/>
      <c r="CC1588" s="85"/>
      <c r="CD1588" s="85"/>
      <c r="CE1588" s="85"/>
      <c r="CF1588" s="85"/>
      <c r="CG1588" s="85"/>
    </row>
    <row r="1589" spans="1:85" s="9" customFormat="1" x14ac:dyDescent="0.2">
      <c r="A1589" s="85"/>
      <c r="J1589" s="85"/>
      <c r="K1589" s="85"/>
      <c r="L1589" s="85"/>
      <c r="M1589" s="85"/>
      <c r="N1589" s="85"/>
      <c r="O1589" s="85"/>
      <c r="P1589" s="85"/>
      <c r="Q1589" s="85"/>
      <c r="R1589" s="85"/>
      <c r="S1589" s="85"/>
      <c r="T1589" s="85"/>
      <c r="U1589" s="85"/>
      <c r="V1589" s="85"/>
      <c r="W1589" s="85"/>
      <c r="X1589" s="85"/>
      <c r="Y1589" s="85"/>
      <c r="Z1589" s="85"/>
      <c r="AA1589" s="85"/>
      <c r="AB1589" s="85"/>
      <c r="AC1589" s="85"/>
      <c r="AD1589" s="85"/>
      <c r="AE1589" s="85"/>
      <c r="AF1589" s="85"/>
      <c r="AG1589" s="85"/>
      <c r="AH1589" s="85"/>
      <c r="AI1589" s="85"/>
      <c r="AJ1589" s="85"/>
      <c r="AK1589" s="85"/>
      <c r="AL1589" s="85"/>
      <c r="AM1589" s="85"/>
      <c r="AN1589" s="85"/>
      <c r="AO1589" s="85"/>
      <c r="AP1589" s="85"/>
      <c r="AQ1589" s="85"/>
      <c r="AR1589" s="85"/>
      <c r="AS1589" s="85"/>
      <c r="AT1589" s="85"/>
      <c r="AU1589" s="85"/>
      <c r="AV1589" s="85"/>
      <c r="AW1589" s="85"/>
      <c r="AX1589" s="85"/>
      <c r="AY1589" s="85"/>
      <c r="AZ1589" s="85"/>
      <c r="BA1589" s="85"/>
      <c r="BB1589" s="85"/>
      <c r="BC1589" s="85"/>
      <c r="BD1589" s="85"/>
      <c r="BE1589" s="85"/>
      <c r="BF1589" s="85"/>
      <c r="BG1589" s="85"/>
      <c r="BH1589" s="85"/>
      <c r="BI1589" s="85"/>
      <c r="BJ1589" s="85"/>
      <c r="BK1589" s="85"/>
      <c r="BL1589" s="85"/>
      <c r="BM1589" s="85"/>
      <c r="BN1589" s="85"/>
      <c r="BO1589" s="85"/>
      <c r="BP1589" s="85"/>
      <c r="BQ1589" s="85"/>
      <c r="BR1589" s="85"/>
      <c r="BS1589" s="85"/>
      <c r="BT1589" s="85"/>
      <c r="BU1589" s="85"/>
      <c r="BV1589" s="85"/>
      <c r="BW1589" s="85"/>
      <c r="BX1589" s="85"/>
      <c r="BY1589" s="85"/>
      <c r="BZ1589" s="85"/>
      <c r="CA1589" s="85"/>
      <c r="CB1589" s="85"/>
      <c r="CC1589" s="85"/>
      <c r="CD1589" s="85"/>
      <c r="CE1589" s="85"/>
      <c r="CF1589" s="85"/>
      <c r="CG1589" s="85"/>
    </row>
    <row r="1590" spans="1:85" s="9" customFormat="1" x14ac:dyDescent="0.2">
      <c r="A1590" s="85"/>
      <c r="J1590" s="85"/>
      <c r="K1590" s="85"/>
      <c r="L1590" s="85"/>
      <c r="M1590" s="85"/>
      <c r="N1590" s="85"/>
      <c r="O1590" s="85"/>
      <c r="P1590" s="85"/>
      <c r="Q1590" s="85"/>
      <c r="R1590" s="85"/>
      <c r="S1590" s="85"/>
      <c r="T1590" s="85"/>
      <c r="U1590" s="85"/>
      <c r="V1590" s="85"/>
      <c r="W1590" s="85"/>
      <c r="X1590" s="85"/>
      <c r="Y1590" s="85"/>
      <c r="Z1590" s="85"/>
      <c r="AA1590" s="85"/>
      <c r="AB1590" s="85"/>
      <c r="AC1590" s="85"/>
      <c r="AD1590" s="85"/>
      <c r="AE1590" s="85"/>
      <c r="AF1590" s="85"/>
      <c r="AG1590" s="85"/>
      <c r="AH1590" s="85"/>
      <c r="AI1590" s="85"/>
      <c r="AJ1590" s="85"/>
      <c r="AK1590" s="85"/>
      <c r="AL1590" s="85"/>
      <c r="AM1590" s="85"/>
      <c r="AN1590" s="85"/>
      <c r="AO1590" s="85"/>
      <c r="AP1590" s="85"/>
      <c r="AQ1590" s="85"/>
      <c r="AR1590" s="85"/>
      <c r="AS1590" s="85"/>
      <c r="AT1590" s="85"/>
      <c r="AU1590" s="85"/>
      <c r="AV1590" s="85"/>
      <c r="AW1590" s="85"/>
      <c r="AX1590" s="85"/>
      <c r="AY1590" s="85"/>
      <c r="AZ1590" s="85"/>
      <c r="BA1590" s="85"/>
      <c r="BB1590" s="85"/>
      <c r="BC1590" s="85"/>
      <c r="BD1590" s="85"/>
      <c r="BE1590" s="85"/>
      <c r="BF1590" s="85"/>
      <c r="BG1590" s="85"/>
      <c r="BH1590" s="85"/>
      <c r="BI1590" s="85"/>
      <c r="BJ1590" s="85"/>
      <c r="BK1590" s="85"/>
      <c r="BL1590" s="85"/>
      <c r="BM1590" s="85"/>
      <c r="BN1590" s="85"/>
      <c r="BO1590" s="85"/>
      <c r="BP1590" s="85"/>
      <c r="BQ1590" s="85"/>
      <c r="BR1590" s="85"/>
      <c r="BS1590" s="85"/>
      <c r="BT1590" s="85"/>
      <c r="BU1590" s="85"/>
      <c r="BV1590" s="85"/>
      <c r="BW1590" s="85"/>
      <c r="BX1590" s="85"/>
      <c r="BY1590" s="85"/>
      <c r="BZ1590" s="85"/>
      <c r="CA1590" s="85"/>
      <c r="CB1590" s="85"/>
      <c r="CC1590" s="85"/>
      <c r="CD1590" s="85"/>
      <c r="CE1590" s="85"/>
      <c r="CF1590" s="85"/>
      <c r="CG1590" s="85"/>
    </row>
    <row r="1591" spans="1:85" s="9" customFormat="1" x14ac:dyDescent="0.2">
      <c r="A1591" s="85"/>
      <c r="J1591" s="85"/>
      <c r="K1591" s="85"/>
      <c r="L1591" s="85"/>
      <c r="M1591" s="85"/>
      <c r="N1591" s="85"/>
      <c r="O1591" s="85"/>
      <c r="P1591" s="85"/>
      <c r="Q1591" s="85"/>
      <c r="R1591" s="85"/>
      <c r="S1591" s="85"/>
      <c r="T1591" s="85"/>
      <c r="U1591" s="85"/>
      <c r="V1591" s="85"/>
      <c r="W1591" s="85"/>
      <c r="X1591" s="85"/>
      <c r="Y1591" s="85"/>
      <c r="Z1591" s="85"/>
      <c r="AA1591" s="85"/>
      <c r="AB1591" s="85"/>
      <c r="AC1591" s="85"/>
      <c r="AD1591" s="85"/>
      <c r="AE1591" s="85"/>
      <c r="AF1591" s="85"/>
      <c r="AG1591" s="85"/>
      <c r="AH1591" s="85"/>
      <c r="AI1591" s="85"/>
      <c r="AJ1591" s="85"/>
      <c r="AK1591" s="85"/>
      <c r="AL1591" s="85"/>
      <c r="AM1591" s="85"/>
      <c r="AN1591" s="85"/>
      <c r="AO1591" s="85"/>
      <c r="AP1591" s="85"/>
      <c r="AQ1591" s="85"/>
      <c r="AR1591" s="85"/>
      <c r="AS1591" s="85"/>
      <c r="AT1591" s="85"/>
      <c r="AU1591" s="85"/>
      <c r="AV1591" s="85"/>
      <c r="AW1591" s="85"/>
      <c r="AX1591" s="85"/>
      <c r="AY1591" s="85"/>
      <c r="AZ1591" s="85"/>
      <c r="BA1591" s="85"/>
      <c r="BB1591" s="85"/>
      <c r="BC1591" s="85"/>
      <c r="BD1591" s="85"/>
      <c r="BE1591" s="85"/>
      <c r="BF1591" s="85"/>
      <c r="BG1591" s="85"/>
      <c r="BH1591" s="85"/>
      <c r="BI1591" s="85"/>
      <c r="BJ1591" s="85"/>
      <c r="BK1591" s="85"/>
      <c r="BL1591" s="85"/>
      <c r="BM1591" s="85"/>
      <c r="BN1591" s="85"/>
      <c r="BO1591" s="85"/>
      <c r="BP1591" s="85"/>
      <c r="BQ1591" s="85"/>
      <c r="BR1591" s="85"/>
      <c r="BS1591" s="85"/>
      <c r="BT1591" s="85"/>
      <c r="BU1591" s="85"/>
      <c r="BV1591" s="85"/>
      <c r="BW1591" s="85"/>
      <c r="BX1591" s="85"/>
      <c r="BY1591" s="85"/>
      <c r="BZ1591" s="85"/>
      <c r="CA1591" s="85"/>
      <c r="CB1591" s="85"/>
      <c r="CC1591" s="85"/>
      <c r="CD1591" s="85"/>
      <c r="CE1591" s="85"/>
      <c r="CF1591" s="85"/>
      <c r="CG1591" s="85"/>
    </row>
    <row r="1592" spans="1:85" s="9" customFormat="1" x14ac:dyDescent="0.2">
      <c r="A1592" s="85"/>
      <c r="J1592" s="85"/>
      <c r="K1592" s="85"/>
      <c r="L1592" s="85"/>
      <c r="M1592" s="85"/>
      <c r="N1592" s="85"/>
      <c r="O1592" s="85"/>
      <c r="P1592" s="85"/>
      <c r="Q1592" s="85"/>
      <c r="R1592" s="85"/>
      <c r="S1592" s="85"/>
      <c r="T1592" s="85"/>
      <c r="U1592" s="85"/>
      <c r="V1592" s="85"/>
      <c r="W1592" s="85"/>
      <c r="X1592" s="85"/>
      <c r="Y1592" s="85"/>
      <c r="Z1592" s="85"/>
      <c r="AA1592" s="85"/>
      <c r="AB1592" s="85"/>
      <c r="AC1592" s="85"/>
      <c r="AD1592" s="85"/>
      <c r="AE1592" s="85"/>
      <c r="AF1592" s="85"/>
      <c r="AG1592" s="85"/>
      <c r="AH1592" s="85"/>
      <c r="AI1592" s="85"/>
      <c r="AJ1592" s="85"/>
      <c r="AK1592" s="85"/>
      <c r="AL1592" s="85"/>
      <c r="AM1592" s="85"/>
      <c r="AN1592" s="85"/>
      <c r="AO1592" s="85"/>
      <c r="AP1592" s="85"/>
      <c r="AQ1592" s="85"/>
      <c r="AR1592" s="85"/>
      <c r="AS1592" s="85"/>
      <c r="AT1592" s="85"/>
      <c r="AU1592" s="85"/>
      <c r="AV1592" s="85"/>
      <c r="AW1592" s="85"/>
      <c r="AX1592" s="85"/>
      <c r="AY1592" s="85"/>
      <c r="AZ1592" s="85"/>
      <c r="BA1592" s="85"/>
      <c r="BB1592" s="85"/>
      <c r="BC1592" s="85"/>
      <c r="BD1592" s="85"/>
      <c r="BE1592" s="85"/>
      <c r="BF1592" s="85"/>
      <c r="BG1592" s="85"/>
      <c r="BH1592" s="85"/>
      <c r="BI1592" s="85"/>
      <c r="BJ1592" s="85"/>
      <c r="BK1592" s="85"/>
      <c r="BL1592" s="85"/>
      <c r="BM1592" s="85"/>
      <c r="BN1592" s="85"/>
      <c r="BO1592" s="85"/>
      <c r="BP1592" s="85"/>
      <c r="BQ1592" s="85"/>
      <c r="BR1592" s="85"/>
      <c r="BS1592" s="85"/>
      <c r="BT1592" s="85"/>
      <c r="BU1592" s="85"/>
      <c r="BV1592" s="85"/>
      <c r="BW1592" s="85"/>
      <c r="BX1592" s="85"/>
      <c r="BY1592" s="85"/>
      <c r="BZ1592" s="85"/>
      <c r="CA1592" s="85"/>
      <c r="CB1592" s="85"/>
      <c r="CC1592" s="85"/>
      <c r="CD1592" s="85"/>
      <c r="CE1592" s="85"/>
      <c r="CF1592" s="85"/>
      <c r="CG1592" s="85"/>
    </row>
    <row r="1593" spans="1:85" s="9" customFormat="1" x14ac:dyDescent="0.2">
      <c r="A1593" s="85"/>
      <c r="J1593" s="85"/>
      <c r="K1593" s="85"/>
      <c r="L1593" s="85"/>
      <c r="M1593" s="85"/>
      <c r="N1593" s="85"/>
      <c r="O1593" s="85"/>
      <c r="P1593" s="85"/>
      <c r="Q1593" s="85"/>
      <c r="R1593" s="85"/>
      <c r="S1593" s="85"/>
      <c r="T1593" s="85"/>
      <c r="U1593" s="85"/>
      <c r="V1593" s="85"/>
      <c r="W1593" s="85"/>
      <c r="X1593" s="85"/>
      <c r="Y1593" s="85"/>
      <c r="Z1593" s="85"/>
      <c r="AA1593" s="85"/>
      <c r="AB1593" s="85"/>
      <c r="AC1593" s="85"/>
      <c r="AD1593" s="85"/>
      <c r="AE1593" s="85"/>
      <c r="AF1593" s="85"/>
      <c r="AG1593" s="85"/>
      <c r="AH1593" s="85"/>
      <c r="AI1593" s="85"/>
      <c r="AJ1593" s="85"/>
      <c r="AK1593" s="85"/>
      <c r="AL1593" s="85"/>
      <c r="AM1593" s="85"/>
      <c r="AN1593" s="85"/>
      <c r="AO1593" s="85"/>
      <c r="AP1593" s="85"/>
      <c r="AQ1593" s="85"/>
      <c r="AR1593" s="85"/>
      <c r="AS1593" s="85"/>
      <c r="AT1593" s="85"/>
      <c r="AU1593" s="85"/>
      <c r="AV1593" s="85"/>
      <c r="AW1593" s="85"/>
      <c r="AX1593" s="85"/>
      <c r="AY1593" s="85"/>
      <c r="AZ1593" s="85"/>
      <c r="BA1593" s="85"/>
      <c r="BB1593" s="85"/>
      <c r="BC1593" s="85"/>
      <c r="BD1593" s="85"/>
      <c r="BE1593" s="85"/>
      <c r="BF1593" s="85"/>
      <c r="BG1593" s="85"/>
      <c r="BH1593" s="85"/>
      <c r="BI1593" s="85"/>
      <c r="BJ1593" s="85"/>
      <c r="BK1593" s="85"/>
      <c r="BL1593" s="85"/>
      <c r="BM1593" s="85"/>
      <c r="BN1593" s="85"/>
      <c r="BO1593" s="85"/>
      <c r="BP1593" s="85"/>
      <c r="BQ1593" s="85"/>
      <c r="BR1593" s="85"/>
      <c r="BS1593" s="85"/>
      <c r="BT1593" s="85"/>
      <c r="BU1593" s="85"/>
      <c r="BV1593" s="85"/>
      <c r="BW1593" s="85"/>
      <c r="BX1593" s="85"/>
      <c r="BY1593" s="85"/>
      <c r="BZ1593" s="85"/>
      <c r="CA1593" s="85"/>
      <c r="CB1593" s="85"/>
      <c r="CC1593" s="85"/>
      <c r="CD1593" s="85"/>
      <c r="CE1593" s="85"/>
      <c r="CF1593" s="85"/>
      <c r="CG1593" s="85"/>
    </row>
    <row r="1594" spans="1:85" s="9" customFormat="1" x14ac:dyDescent="0.2">
      <c r="A1594" s="85"/>
      <c r="J1594" s="85"/>
      <c r="K1594" s="85"/>
      <c r="L1594" s="85"/>
      <c r="M1594" s="85"/>
      <c r="N1594" s="85"/>
      <c r="O1594" s="85"/>
      <c r="P1594" s="85"/>
      <c r="Q1594" s="85"/>
      <c r="R1594" s="85"/>
      <c r="S1594" s="85"/>
      <c r="T1594" s="85"/>
      <c r="U1594" s="85"/>
      <c r="V1594" s="85"/>
      <c r="W1594" s="85"/>
      <c r="X1594" s="85"/>
      <c r="Y1594" s="85"/>
      <c r="Z1594" s="85"/>
      <c r="AA1594" s="85"/>
      <c r="AB1594" s="85"/>
      <c r="AC1594" s="85"/>
      <c r="AD1594" s="85"/>
      <c r="AE1594" s="85"/>
      <c r="AF1594" s="85"/>
      <c r="AG1594" s="85"/>
      <c r="AH1594" s="85"/>
      <c r="AI1594" s="85"/>
      <c r="AJ1594" s="85"/>
      <c r="AK1594" s="85"/>
      <c r="AL1594" s="85"/>
      <c r="AM1594" s="85"/>
      <c r="AN1594" s="85"/>
      <c r="AO1594" s="85"/>
      <c r="AP1594" s="85"/>
      <c r="AQ1594" s="85"/>
      <c r="AR1594" s="85"/>
      <c r="AS1594" s="85"/>
      <c r="AT1594" s="85"/>
      <c r="AU1594" s="85"/>
      <c r="AV1594" s="85"/>
      <c r="AW1594" s="85"/>
      <c r="AX1594" s="85"/>
      <c r="AY1594" s="85"/>
      <c r="AZ1594" s="85"/>
      <c r="BA1594" s="85"/>
      <c r="BB1594" s="85"/>
      <c r="BC1594" s="85"/>
      <c r="BD1594" s="85"/>
      <c r="BE1594" s="85"/>
      <c r="BF1594" s="85"/>
      <c r="BG1594" s="85"/>
      <c r="BH1594" s="85"/>
      <c r="BI1594" s="85"/>
      <c r="BJ1594" s="85"/>
      <c r="BK1594" s="85"/>
      <c r="BL1594" s="85"/>
      <c r="BM1594" s="85"/>
      <c r="BN1594" s="85"/>
      <c r="BO1594" s="85"/>
      <c r="BP1594" s="85"/>
      <c r="BQ1594" s="85"/>
      <c r="BR1594" s="85"/>
      <c r="BS1594" s="85"/>
      <c r="BT1594" s="85"/>
      <c r="BU1594" s="85"/>
      <c r="BV1594" s="85"/>
      <c r="BW1594" s="85"/>
      <c r="BX1594" s="85"/>
      <c r="BY1594" s="85"/>
      <c r="BZ1594" s="85"/>
      <c r="CA1594" s="85"/>
      <c r="CB1594" s="85"/>
      <c r="CC1594" s="85"/>
      <c r="CD1594" s="85"/>
      <c r="CE1594" s="85"/>
      <c r="CF1594" s="85"/>
      <c r="CG1594" s="85"/>
    </row>
    <row r="1595" spans="1:85" s="9" customFormat="1" x14ac:dyDescent="0.2">
      <c r="A1595" s="85"/>
      <c r="J1595" s="85"/>
      <c r="K1595" s="85"/>
      <c r="L1595" s="85"/>
      <c r="M1595" s="85"/>
      <c r="N1595" s="85"/>
      <c r="O1595" s="85"/>
      <c r="P1595" s="85"/>
      <c r="Q1595" s="85"/>
      <c r="R1595" s="85"/>
      <c r="S1595" s="85"/>
      <c r="T1595" s="85"/>
      <c r="U1595" s="85"/>
      <c r="V1595" s="85"/>
      <c r="W1595" s="85"/>
      <c r="X1595" s="85"/>
      <c r="Y1595" s="85"/>
      <c r="Z1595" s="85"/>
      <c r="AA1595" s="85"/>
      <c r="AB1595" s="85"/>
      <c r="AC1595" s="85"/>
      <c r="AD1595" s="85"/>
      <c r="AE1595" s="85"/>
      <c r="AF1595" s="85"/>
      <c r="AG1595" s="85"/>
      <c r="AH1595" s="85"/>
      <c r="AI1595" s="85"/>
      <c r="AJ1595" s="85"/>
      <c r="AK1595" s="85"/>
      <c r="AL1595" s="85"/>
      <c r="AM1595" s="85"/>
      <c r="AN1595" s="85"/>
      <c r="AO1595" s="85"/>
      <c r="AP1595" s="85"/>
      <c r="AQ1595" s="85"/>
      <c r="AR1595" s="85"/>
      <c r="AS1595" s="85"/>
      <c r="AT1595" s="85"/>
      <c r="AU1595" s="85"/>
      <c r="AV1595" s="85"/>
      <c r="AW1595" s="85"/>
      <c r="AX1595" s="85"/>
      <c r="AY1595" s="85"/>
      <c r="AZ1595" s="85"/>
      <c r="BA1595" s="85"/>
      <c r="BB1595" s="85"/>
      <c r="BC1595" s="85"/>
      <c r="BD1595" s="85"/>
      <c r="BE1595" s="85"/>
      <c r="BF1595" s="85"/>
      <c r="BG1595" s="85"/>
      <c r="BH1595" s="85"/>
      <c r="BI1595" s="85"/>
      <c r="BJ1595" s="85"/>
      <c r="BK1595" s="85"/>
      <c r="BL1595" s="85"/>
      <c r="BM1595" s="85"/>
      <c r="BN1595" s="85"/>
      <c r="BO1595" s="85"/>
      <c r="BP1595" s="85"/>
      <c r="BQ1595" s="85"/>
      <c r="BR1595" s="85"/>
      <c r="BS1595" s="85"/>
      <c r="BT1595" s="85"/>
      <c r="BU1595" s="85"/>
      <c r="BV1595" s="85"/>
      <c r="BW1595" s="85"/>
      <c r="BX1595" s="85"/>
      <c r="BY1595" s="85"/>
      <c r="BZ1595" s="85"/>
      <c r="CA1595" s="85"/>
      <c r="CB1595" s="85"/>
      <c r="CC1595" s="85"/>
      <c r="CD1595" s="85"/>
      <c r="CE1595" s="85"/>
      <c r="CF1595" s="85"/>
      <c r="CG1595" s="85"/>
    </row>
    <row r="1596" spans="1:85" s="9" customFormat="1" x14ac:dyDescent="0.2">
      <c r="A1596" s="85"/>
      <c r="J1596" s="85"/>
      <c r="K1596" s="85"/>
      <c r="L1596" s="85"/>
      <c r="M1596" s="85"/>
      <c r="N1596" s="85"/>
      <c r="O1596" s="85"/>
      <c r="P1596" s="85"/>
      <c r="Q1596" s="85"/>
      <c r="R1596" s="85"/>
      <c r="S1596" s="85"/>
      <c r="T1596" s="85"/>
      <c r="U1596" s="85"/>
      <c r="V1596" s="85"/>
      <c r="W1596" s="85"/>
      <c r="X1596" s="85"/>
      <c r="Y1596" s="85"/>
      <c r="Z1596" s="85"/>
      <c r="AA1596" s="85"/>
      <c r="AB1596" s="85"/>
      <c r="AC1596" s="85"/>
      <c r="AD1596" s="85"/>
      <c r="AE1596" s="85"/>
      <c r="AF1596" s="85"/>
      <c r="AG1596" s="85"/>
      <c r="AH1596" s="85"/>
      <c r="AI1596" s="85"/>
      <c r="AJ1596" s="85"/>
      <c r="AK1596" s="85"/>
      <c r="AL1596" s="85"/>
      <c r="AM1596" s="85"/>
      <c r="AN1596" s="85"/>
      <c r="AO1596" s="85"/>
      <c r="AP1596" s="85"/>
      <c r="AQ1596" s="85"/>
      <c r="AR1596" s="85"/>
      <c r="AS1596" s="85"/>
      <c r="AT1596" s="85"/>
      <c r="AU1596" s="85"/>
      <c r="AV1596" s="85"/>
      <c r="AW1596" s="85"/>
      <c r="AX1596" s="85"/>
      <c r="AY1596" s="85"/>
      <c r="AZ1596" s="85"/>
      <c r="BA1596" s="85"/>
      <c r="BB1596" s="85"/>
      <c r="BC1596" s="85"/>
      <c r="BD1596" s="85"/>
      <c r="BE1596" s="85"/>
      <c r="BF1596" s="85"/>
      <c r="BG1596" s="85"/>
      <c r="BH1596" s="85"/>
      <c r="BI1596" s="85"/>
      <c r="BJ1596" s="85"/>
      <c r="BK1596" s="85"/>
      <c r="BL1596" s="85"/>
      <c r="BM1596" s="85"/>
      <c r="BN1596" s="85"/>
      <c r="BO1596" s="85"/>
      <c r="BP1596" s="85"/>
      <c r="BQ1596" s="85"/>
      <c r="BR1596" s="85"/>
      <c r="BS1596" s="85"/>
      <c r="BT1596" s="85"/>
      <c r="BU1596" s="85"/>
      <c r="BV1596" s="85"/>
      <c r="BW1596" s="85"/>
      <c r="BX1596" s="85"/>
      <c r="BY1596" s="85"/>
      <c r="BZ1596" s="85"/>
      <c r="CA1596" s="85"/>
      <c r="CB1596" s="85"/>
      <c r="CC1596" s="85"/>
      <c r="CD1596" s="85"/>
      <c r="CE1596" s="85"/>
      <c r="CF1596" s="85"/>
      <c r="CG1596" s="85"/>
    </row>
    <row r="1597" spans="1:85" s="9" customFormat="1" x14ac:dyDescent="0.2">
      <c r="A1597" s="85"/>
      <c r="J1597" s="85"/>
      <c r="K1597" s="85"/>
      <c r="L1597" s="85"/>
      <c r="M1597" s="85"/>
      <c r="N1597" s="85"/>
      <c r="O1597" s="85"/>
      <c r="P1597" s="85"/>
      <c r="Q1597" s="85"/>
      <c r="R1597" s="85"/>
      <c r="S1597" s="85"/>
      <c r="T1597" s="85"/>
      <c r="U1597" s="85"/>
      <c r="V1597" s="85"/>
      <c r="W1597" s="85"/>
      <c r="X1597" s="85"/>
      <c r="Y1597" s="85"/>
      <c r="Z1597" s="85"/>
      <c r="AA1597" s="85"/>
      <c r="AB1597" s="85"/>
      <c r="AC1597" s="85"/>
      <c r="AD1597" s="85"/>
      <c r="AE1597" s="85"/>
      <c r="AF1597" s="85"/>
      <c r="AG1597" s="85"/>
      <c r="AH1597" s="85"/>
      <c r="AI1597" s="85"/>
      <c r="AJ1597" s="85"/>
      <c r="AK1597" s="85"/>
      <c r="AL1597" s="85"/>
      <c r="AM1597" s="85"/>
      <c r="AN1597" s="85"/>
      <c r="AO1597" s="85"/>
      <c r="AP1597" s="85"/>
      <c r="AQ1597" s="85"/>
      <c r="AR1597" s="85"/>
      <c r="AS1597" s="85"/>
      <c r="AT1597" s="85"/>
      <c r="AU1597" s="85"/>
      <c r="AV1597" s="85"/>
      <c r="AW1597" s="85"/>
      <c r="AX1597" s="85"/>
      <c r="AY1597" s="85"/>
      <c r="AZ1597" s="85"/>
      <c r="BA1597" s="85"/>
      <c r="BB1597" s="85"/>
      <c r="BC1597" s="85"/>
      <c r="BD1597" s="85"/>
      <c r="BE1597" s="85"/>
      <c r="BF1597" s="85"/>
      <c r="BG1597" s="85"/>
      <c r="BH1597" s="85"/>
      <c r="BI1597" s="85"/>
      <c r="BJ1597" s="85"/>
      <c r="BK1597" s="85"/>
      <c r="BL1597" s="85"/>
      <c r="BM1597" s="85"/>
      <c r="BN1597" s="85"/>
      <c r="BO1597" s="85"/>
      <c r="BP1597" s="85"/>
      <c r="BQ1597" s="85"/>
      <c r="BR1597" s="85"/>
      <c r="BS1597" s="85"/>
      <c r="BT1597" s="85"/>
      <c r="BU1597" s="85"/>
      <c r="BV1597" s="85"/>
      <c r="BW1597" s="85"/>
      <c r="BX1597" s="85"/>
      <c r="BY1597" s="85"/>
      <c r="BZ1597" s="85"/>
      <c r="CA1597" s="85"/>
      <c r="CB1597" s="85"/>
      <c r="CC1597" s="85"/>
      <c r="CD1597" s="85"/>
      <c r="CE1597" s="85"/>
      <c r="CF1597" s="85"/>
      <c r="CG1597" s="85"/>
    </row>
    <row r="1598" spans="1:85" s="9" customFormat="1" x14ac:dyDescent="0.2">
      <c r="A1598" s="85"/>
      <c r="J1598" s="85"/>
      <c r="K1598" s="85"/>
      <c r="L1598" s="85"/>
      <c r="M1598" s="85"/>
      <c r="N1598" s="85"/>
      <c r="O1598" s="85"/>
      <c r="P1598" s="85"/>
      <c r="Q1598" s="85"/>
      <c r="R1598" s="85"/>
      <c r="S1598" s="85"/>
      <c r="T1598" s="85"/>
      <c r="U1598" s="85"/>
      <c r="V1598" s="85"/>
      <c r="W1598" s="85"/>
      <c r="X1598" s="85"/>
      <c r="Y1598" s="85"/>
      <c r="Z1598" s="85"/>
      <c r="AA1598" s="85"/>
      <c r="AB1598" s="85"/>
      <c r="AC1598" s="85"/>
      <c r="AD1598" s="85"/>
      <c r="AE1598" s="85"/>
      <c r="AF1598" s="85"/>
      <c r="AG1598" s="85"/>
      <c r="AH1598" s="85"/>
      <c r="AI1598" s="85"/>
      <c r="AJ1598" s="85"/>
      <c r="AK1598" s="85"/>
      <c r="AL1598" s="85"/>
      <c r="AM1598" s="85"/>
      <c r="AN1598" s="85"/>
      <c r="AO1598" s="85"/>
      <c r="AP1598" s="85"/>
      <c r="AQ1598" s="85"/>
      <c r="AR1598" s="85"/>
      <c r="AS1598" s="85"/>
      <c r="AT1598" s="85"/>
      <c r="AU1598" s="85"/>
      <c r="AV1598" s="85"/>
      <c r="AW1598" s="85"/>
      <c r="AX1598" s="85"/>
      <c r="AY1598" s="85"/>
      <c r="AZ1598" s="85"/>
      <c r="BA1598" s="85"/>
      <c r="BB1598" s="85"/>
      <c r="BC1598" s="85"/>
      <c r="BD1598" s="85"/>
      <c r="BE1598" s="85"/>
      <c r="BF1598" s="85"/>
      <c r="BG1598" s="85"/>
      <c r="BH1598" s="85"/>
      <c r="BI1598" s="85"/>
      <c r="BJ1598" s="85"/>
      <c r="BK1598" s="85"/>
      <c r="BL1598" s="85"/>
      <c r="BM1598" s="85"/>
      <c r="BN1598" s="85"/>
      <c r="BO1598" s="85"/>
      <c r="BP1598" s="85"/>
      <c r="BQ1598" s="85"/>
      <c r="BR1598" s="85"/>
      <c r="BS1598" s="85"/>
      <c r="BT1598" s="85"/>
      <c r="BU1598" s="85"/>
      <c r="BV1598" s="85"/>
      <c r="BW1598" s="85"/>
      <c r="BX1598" s="85"/>
      <c r="BY1598" s="85"/>
      <c r="BZ1598" s="85"/>
      <c r="CA1598" s="85"/>
      <c r="CB1598" s="85"/>
      <c r="CC1598" s="85"/>
      <c r="CD1598" s="85"/>
      <c r="CE1598" s="85"/>
      <c r="CF1598" s="85"/>
      <c r="CG1598" s="85"/>
    </row>
    <row r="1599" spans="1:85" s="9" customFormat="1" x14ac:dyDescent="0.2">
      <c r="A1599" s="85"/>
      <c r="J1599" s="85"/>
      <c r="K1599" s="85"/>
      <c r="L1599" s="85"/>
      <c r="M1599" s="85"/>
      <c r="N1599" s="85"/>
      <c r="O1599" s="85"/>
      <c r="P1599" s="85"/>
      <c r="Q1599" s="85"/>
      <c r="R1599" s="85"/>
      <c r="S1599" s="85"/>
      <c r="T1599" s="85"/>
      <c r="U1599" s="85"/>
      <c r="V1599" s="85"/>
      <c r="W1599" s="85"/>
      <c r="X1599" s="85"/>
      <c r="Y1599" s="85"/>
      <c r="Z1599" s="85"/>
      <c r="AA1599" s="85"/>
      <c r="AB1599" s="85"/>
      <c r="AC1599" s="85"/>
      <c r="AD1599" s="85"/>
      <c r="AE1599" s="85"/>
      <c r="AF1599" s="85"/>
      <c r="AG1599" s="85"/>
      <c r="AH1599" s="85"/>
      <c r="AI1599" s="85"/>
      <c r="AJ1599" s="85"/>
      <c r="AK1599" s="85"/>
      <c r="AL1599" s="85"/>
      <c r="AM1599" s="85"/>
      <c r="AN1599" s="85"/>
      <c r="AO1599" s="85"/>
      <c r="AP1599" s="85"/>
      <c r="AQ1599" s="85"/>
      <c r="AR1599" s="85"/>
      <c r="AS1599" s="85"/>
      <c r="AT1599" s="85"/>
      <c r="AU1599" s="85"/>
      <c r="AV1599" s="85"/>
      <c r="AW1599" s="85"/>
      <c r="AX1599" s="85"/>
      <c r="AY1599" s="85"/>
      <c r="AZ1599" s="85"/>
      <c r="BA1599" s="85"/>
      <c r="BB1599" s="85"/>
      <c r="BC1599" s="85"/>
      <c r="BD1599" s="85"/>
      <c r="BE1599" s="85"/>
      <c r="BF1599" s="85"/>
      <c r="BG1599" s="85"/>
      <c r="BH1599" s="85"/>
      <c r="BI1599" s="85"/>
      <c r="BJ1599" s="85"/>
      <c r="BK1599" s="85"/>
      <c r="BL1599" s="85"/>
      <c r="BM1599" s="85"/>
      <c r="BN1599" s="85"/>
      <c r="BO1599" s="85"/>
      <c r="BP1599" s="85"/>
      <c r="BQ1599" s="85"/>
      <c r="BR1599" s="85"/>
      <c r="BS1599" s="85"/>
      <c r="BT1599" s="85"/>
      <c r="BU1599" s="85"/>
      <c r="BV1599" s="85"/>
      <c r="BW1599" s="85"/>
      <c r="BX1599" s="85"/>
      <c r="BY1599" s="85"/>
      <c r="BZ1599" s="85"/>
      <c r="CA1599" s="85"/>
      <c r="CB1599" s="85"/>
      <c r="CC1599" s="85"/>
      <c r="CD1599" s="85"/>
      <c r="CE1599" s="85"/>
      <c r="CF1599" s="85"/>
      <c r="CG1599" s="85"/>
    </row>
    <row r="1600" spans="1:85" s="9" customFormat="1" x14ac:dyDescent="0.2">
      <c r="A1600" s="85"/>
      <c r="J1600" s="85"/>
      <c r="K1600" s="85"/>
      <c r="L1600" s="85"/>
      <c r="M1600" s="85"/>
      <c r="N1600" s="85"/>
      <c r="O1600" s="85"/>
      <c r="P1600" s="85"/>
      <c r="Q1600" s="85"/>
      <c r="R1600" s="85"/>
      <c r="S1600" s="85"/>
      <c r="T1600" s="85"/>
      <c r="U1600" s="85"/>
      <c r="V1600" s="85"/>
      <c r="W1600" s="85"/>
      <c r="X1600" s="85"/>
      <c r="Y1600" s="85"/>
      <c r="Z1600" s="85"/>
      <c r="AA1600" s="85"/>
      <c r="AB1600" s="85"/>
      <c r="AC1600" s="85"/>
      <c r="AD1600" s="85"/>
      <c r="AE1600" s="85"/>
      <c r="AF1600" s="85"/>
      <c r="AG1600" s="85"/>
      <c r="AH1600" s="85"/>
      <c r="AI1600" s="85"/>
      <c r="AJ1600" s="85"/>
      <c r="AK1600" s="85"/>
      <c r="AL1600" s="85"/>
      <c r="AM1600" s="85"/>
      <c r="AN1600" s="85"/>
      <c r="AO1600" s="85"/>
      <c r="AP1600" s="85"/>
      <c r="AQ1600" s="85"/>
      <c r="AR1600" s="85"/>
      <c r="AS1600" s="85"/>
      <c r="AT1600" s="85"/>
      <c r="AU1600" s="85"/>
      <c r="AV1600" s="85"/>
      <c r="AW1600" s="85"/>
      <c r="AX1600" s="85"/>
      <c r="AY1600" s="85"/>
      <c r="AZ1600" s="85"/>
      <c r="BA1600" s="85"/>
      <c r="BB1600" s="85"/>
      <c r="BC1600" s="85"/>
      <c r="BD1600" s="85"/>
      <c r="BE1600" s="85"/>
      <c r="BF1600" s="85"/>
      <c r="BG1600" s="85"/>
      <c r="BH1600" s="85"/>
      <c r="BI1600" s="85"/>
      <c r="BJ1600" s="85"/>
      <c r="BK1600" s="85"/>
      <c r="BL1600" s="85"/>
      <c r="BM1600" s="85"/>
      <c r="BN1600" s="85"/>
      <c r="BO1600" s="85"/>
      <c r="BP1600" s="85"/>
      <c r="BQ1600" s="85"/>
      <c r="BR1600" s="85"/>
      <c r="BS1600" s="85"/>
      <c r="BT1600" s="85"/>
      <c r="BU1600" s="85"/>
      <c r="BV1600" s="85"/>
      <c r="BW1600" s="85"/>
      <c r="BX1600" s="85"/>
      <c r="BY1600" s="85"/>
      <c r="BZ1600" s="85"/>
      <c r="CA1600" s="85"/>
      <c r="CB1600" s="85"/>
      <c r="CC1600" s="85"/>
      <c r="CD1600" s="85"/>
      <c r="CE1600" s="85"/>
      <c r="CF1600" s="85"/>
      <c r="CG1600" s="85"/>
    </row>
    <row r="1601" spans="1:85" s="9" customFormat="1" x14ac:dyDescent="0.2">
      <c r="A1601" s="85"/>
      <c r="J1601" s="85"/>
      <c r="K1601" s="85"/>
      <c r="L1601" s="85"/>
      <c r="M1601" s="85"/>
      <c r="N1601" s="85"/>
      <c r="O1601" s="85"/>
      <c r="P1601" s="85"/>
      <c r="Q1601" s="85"/>
      <c r="R1601" s="85"/>
      <c r="S1601" s="85"/>
      <c r="T1601" s="85"/>
      <c r="U1601" s="85"/>
      <c r="V1601" s="85"/>
      <c r="W1601" s="85"/>
      <c r="X1601" s="85"/>
      <c r="Y1601" s="85"/>
      <c r="Z1601" s="85"/>
      <c r="AA1601" s="85"/>
      <c r="AB1601" s="85"/>
      <c r="AC1601" s="85"/>
      <c r="AD1601" s="85"/>
      <c r="AE1601" s="85"/>
      <c r="AF1601" s="85"/>
      <c r="AG1601" s="85"/>
      <c r="AH1601" s="85"/>
      <c r="AI1601" s="85"/>
      <c r="AJ1601" s="85"/>
      <c r="AK1601" s="85"/>
      <c r="AL1601" s="85"/>
      <c r="AM1601" s="85"/>
      <c r="AN1601" s="85"/>
      <c r="AO1601" s="85"/>
      <c r="AP1601" s="85"/>
      <c r="AQ1601" s="85"/>
      <c r="AR1601" s="85"/>
      <c r="AS1601" s="85"/>
      <c r="AT1601" s="85"/>
      <c r="AU1601" s="85"/>
      <c r="AV1601" s="85"/>
      <c r="AW1601" s="85"/>
      <c r="AX1601" s="85"/>
      <c r="AY1601" s="85"/>
      <c r="AZ1601" s="85"/>
      <c r="BA1601" s="85"/>
      <c r="BB1601" s="85"/>
      <c r="BC1601" s="85"/>
      <c r="BD1601" s="85"/>
      <c r="BE1601" s="85"/>
      <c r="BF1601" s="85"/>
      <c r="BG1601" s="85"/>
      <c r="BH1601" s="85"/>
      <c r="BI1601" s="85"/>
      <c r="BJ1601" s="85"/>
      <c r="BK1601" s="85"/>
      <c r="BL1601" s="85"/>
      <c r="BM1601" s="85"/>
      <c r="BN1601" s="85"/>
      <c r="BO1601" s="85"/>
      <c r="BP1601" s="85"/>
      <c r="BQ1601" s="85"/>
      <c r="BR1601" s="85"/>
      <c r="BS1601" s="85"/>
      <c r="BT1601" s="85"/>
      <c r="BU1601" s="85"/>
      <c r="BV1601" s="85"/>
      <c r="BW1601" s="85"/>
      <c r="BX1601" s="85"/>
      <c r="BY1601" s="85"/>
      <c r="BZ1601" s="85"/>
      <c r="CA1601" s="85"/>
      <c r="CB1601" s="85"/>
      <c r="CC1601" s="85"/>
      <c r="CD1601" s="85"/>
      <c r="CE1601" s="85"/>
      <c r="CF1601" s="85"/>
      <c r="CG1601" s="85"/>
    </row>
    <row r="1602" spans="1:85" s="9" customFormat="1" x14ac:dyDescent="0.2">
      <c r="A1602" s="85"/>
      <c r="J1602" s="85"/>
      <c r="K1602" s="85"/>
      <c r="L1602" s="85"/>
      <c r="M1602" s="85"/>
      <c r="N1602" s="85"/>
      <c r="O1602" s="85"/>
      <c r="P1602" s="85"/>
      <c r="Q1602" s="85"/>
      <c r="R1602" s="85"/>
      <c r="S1602" s="85"/>
      <c r="T1602" s="85"/>
      <c r="U1602" s="85"/>
      <c r="V1602" s="85"/>
      <c r="W1602" s="85"/>
      <c r="X1602" s="85"/>
      <c r="Y1602" s="85"/>
      <c r="Z1602" s="85"/>
      <c r="AA1602" s="85"/>
      <c r="AB1602" s="85"/>
      <c r="AC1602" s="85"/>
      <c r="AD1602" s="85"/>
      <c r="AE1602" s="85"/>
      <c r="AF1602" s="85"/>
      <c r="AG1602" s="85"/>
      <c r="AH1602" s="85"/>
      <c r="AI1602" s="85"/>
      <c r="AJ1602" s="85"/>
      <c r="AK1602" s="85"/>
      <c r="AL1602" s="85"/>
      <c r="AM1602" s="85"/>
      <c r="AN1602" s="85"/>
      <c r="AO1602" s="85"/>
      <c r="AP1602" s="85"/>
      <c r="AQ1602" s="85"/>
      <c r="AR1602" s="85"/>
      <c r="AS1602" s="85"/>
      <c r="AT1602" s="85"/>
      <c r="AU1602" s="85"/>
      <c r="AV1602" s="85"/>
      <c r="AW1602" s="85"/>
      <c r="AX1602" s="85"/>
      <c r="AY1602" s="85"/>
      <c r="AZ1602" s="85"/>
      <c r="BA1602" s="85"/>
      <c r="BB1602" s="85"/>
      <c r="BC1602" s="85"/>
      <c r="BD1602" s="85"/>
      <c r="BE1602" s="85"/>
      <c r="BF1602" s="85"/>
      <c r="BG1602" s="85"/>
      <c r="BH1602" s="85"/>
      <c r="BI1602" s="85"/>
      <c r="BJ1602" s="85"/>
      <c r="BK1602" s="85"/>
      <c r="BL1602" s="85"/>
      <c r="BM1602" s="85"/>
      <c r="BN1602" s="85"/>
      <c r="BO1602" s="85"/>
      <c r="BP1602" s="85"/>
      <c r="BQ1602" s="85"/>
      <c r="BR1602" s="85"/>
      <c r="BS1602" s="85"/>
      <c r="BT1602" s="85"/>
      <c r="BU1602" s="85"/>
      <c r="BV1602" s="85"/>
      <c r="BW1602" s="85"/>
      <c r="BX1602" s="85"/>
      <c r="BY1602" s="85"/>
      <c r="BZ1602" s="85"/>
      <c r="CA1602" s="85"/>
      <c r="CB1602" s="85"/>
      <c r="CC1602" s="85"/>
      <c r="CD1602" s="85"/>
      <c r="CE1602" s="85"/>
      <c r="CF1602" s="85"/>
      <c r="CG1602" s="85"/>
    </row>
    <row r="1603" spans="1:85" s="9" customFormat="1" x14ac:dyDescent="0.2">
      <c r="A1603" s="85"/>
      <c r="J1603" s="85"/>
      <c r="K1603" s="85"/>
      <c r="L1603" s="85"/>
      <c r="M1603" s="85"/>
      <c r="N1603" s="85"/>
      <c r="O1603" s="85"/>
      <c r="P1603" s="85"/>
      <c r="Q1603" s="85"/>
      <c r="R1603" s="85"/>
      <c r="S1603" s="85"/>
      <c r="T1603" s="85"/>
      <c r="U1603" s="85"/>
      <c r="V1603" s="85"/>
      <c r="W1603" s="85"/>
      <c r="X1603" s="85"/>
      <c r="Y1603" s="85"/>
      <c r="Z1603" s="85"/>
      <c r="AA1603" s="85"/>
      <c r="AB1603" s="85"/>
      <c r="AC1603" s="85"/>
      <c r="AD1603" s="85"/>
      <c r="AE1603" s="85"/>
      <c r="AF1603" s="85"/>
      <c r="AG1603" s="85"/>
      <c r="AH1603" s="85"/>
      <c r="AI1603" s="85"/>
      <c r="AJ1603" s="85"/>
      <c r="AK1603" s="85"/>
      <c r="AL1603" s="85"/>
      <c r="AM1603" s="85"/>
      <c r="AN1603" s="85"/>
      <c r="AO1603" s="85"/>
      <c r="AP1603" s="85"/>
      <c r="AQ1603" s="85"/>
      <c r="AR1603" s="85"/>
      <c r="AS1603" s="85"/>
      <c r="AT1603" s="85"/>
      <c r="AU1603" s="85"/>
      <c r="AV1603" s="85"/>
      <c r="AW1603" s="85"/>
      <c r="AX1603" s="85"/>
      <c r="AY1603" s="85"/>
      <c r="AZ1603" s="85"/>
      <c r="BA1603" s="85"/>
      <c r="BB1603" s="85"/>
      <c r="BC1603" s="85"/>
      <c r="BD1603" s="85"/>
      <c r="BE1603" s="85"/>
      <c r="BF1603" s="85"/>
      <c r="BG1603" s="85"/>
      <c r="BH1603" s="85"/>
      <c r="BI1603" s="85"/>
      <c r="BJ1603" s="85"/>
      <c r="BK1603" s="85"/>
      <c r="BL1603" s="85"/>
      <c r="BM1603" s="85"/>
      <c r="BN1603" s="85"/>
      <c r="BO1603" s="85"/>
      <c r="BP1603" s="85"/>
      <c r="BQ1603" s="85"/>
      <c r="BR1603" s="85"/>
      <c r="BS1603" s="85"/>
      <c r="BT1603" s="85"/>
      <c r="BU1603" s="85"/>
      <c r="BV1603" s="85"/>
      <c r="BW1603" s="85"/>
      <c r="BX1603" s="85"/>
      <c r="BY1603" s="85"/>
      <c r="BZ1603" s="85"/>
      <c r="CA1603" s="85"/>
      <c r="CB1603" s="85"/>
      <c r="CC1603" s="85"/>
      <c r="CD1603" s="85"/>
      <c r="CE1603" s="85"/>
      <c r="CF1603" s="85"/>
      <c r="CG1603" s="85"/>
    </row>
    <row r="1604" spans="1:85" s="9" customFormat="1" x14ac:dyDescent="0.2">
      <c r="A1604" s="85"/>
      <c r="J1604" s="85"/>
      <c r="K1604" s="85"/>
      <c r="L1604" s="85"/>
      <c r="M1604" s="85"/>
      <c r="N1604" s="85"/>
      <c r="O1604" s="85"/>
      <c r="P1604" s="85"/>
      <c r="Q1604" s="85"/>
      <c r="R1604" s="85"/>
      <c r="S1604" s="85"/>
      <c r="T1604" s="85"/>
      <c r="U1604" s="85"/>
      <c r="V1604" s="85"/>
      <c r="W1604" s="85"/>
      <c r="X1604" s="85"/>
      <c r="Y1604" s="85"/>
      <c r="Z1604" s="85"/>
      <c r="AA1604" s="85"/>
      <c r="AB1604" s="85"/>
      <c r="AC1604" s="85"/>
      <c r="AD1604" s="85"/>
      <c r="AE1604" s="85"/>
      <c r="AF1604" s="85"/>
      <c r="AG1604" s="85"/>
      <c r="AH1604" s="85"/>
      <c r="AI1604" s="85"/>
      <c r="AJ1604" s="85"/>
      <c r="AK1604" s="85"/>
      <c r="AL1604" s="85"/>
      <c r="AM1604" s="85"/>
      <c r="AN1604" s="85"/>
      <c r="AO1604" s="85"/>
      <c r="AP1604" s="85"/>
      <c r="AQ1604" s="85"/>
      <c r="AR1604" s="85"/>
      <c r="AS1604" s="85"/>
      <c r="AT1604" s="85"/>
      <c r="AU1604" s="85"/>
      <c r="AV1604" s="85"/>
      <c r="AW1604" s="85"/>
      <c r="AX1604" s="85"/>
      <c r="AY1604" s="85"/>
      <c r="AZ1604" s="85"/>
      <c r="BA1604" s="85"/>
      <c r="BB1604" s="85"/>
      <c r="BC1604" s="85"/>
      <c r="BD1604" s="85"/>
      <c r="BE1604" s="85"/>
      <c r="BF1604" s="85"/>
      <c r="BG1604" s="85"/>
      <c r="BH1604" s="85"/>
      <c r="BI1604" s="85"/>
      <c r="BJ1604" s="85"/>
      <c r="BK1604" s="85"/>
      <c r="BL1604" s="85"/>
      <c r="BM1604" s="85"/>
      <c r="BN1604" s="85"/>
      <c r="BO1604" s="85"/>
      <c r="BP1604" s="85"/>
      <c r="BQ1604" s="85"/>
      <c r="BR1604" s="85"/>
      <c r="BS1604" s="85"/>
      <c r="BT1604" s="85"/>
      <c r="BU1604" s="85"/>
      <c r="BV1604" s="85"/>
      <c r="BW1604" s="85"/>
      <c r="BX1604" s="85"/>
      <c r="BY1604" s="85"/>
      <c r="BZ1604" s="85"/>
      <c r="CA1604" s="85"/>
      <c r="CB1604" s="85"/>
      <c r="CC1604" s="85"/>
      <c r="CD1604" s="85"/>
      <c r="CE1604" s="85"/>
      <c r="CF1604" s="85"/>
      <c r="CG1604" s="85"/>
    </row>
    <row r="1605" spans="1:85" s="9" customFormat="1" x14ac:dyDescent="0.2">
      <c r="A1605" s="85"/>
      <c r="J1605" s="85"/>
      <c r="K1605" s="85"/>
      <c r="L1605" s="85"/>
      <c r="M1605" s="85"/>
      <c r="N1605" s="85"/>
      <c r="O1605" s="85"/>
      <c r="P1605" s="85"/>
      <c r="Q1605" s="85"/>
      <c r="R1605" s="85"/>
      <c r="S1605" s="85"/>
      <c r="T1605" s="85"/>
      <c r="U1605" s="85"/>
      <c r="V1605" s="85"/>
      <c r="W1605" s="85"/>
      <c r="X1605" s="85"/>
      <c r="Y1605" s="85"/>
      <c r="Z1605" s="85"/>
      <c r="AA1605" s="85"/>
      <c r="AB1605" s="85"/>
      <c r="AC1605" s="85"/>
      <c r="AD1605" s="85"/>
      <c r="AE1605" s="85"/>
      <c r="AF1605" s="85"/>
      <c r="AG1605" s="85"/>
      <c r="AH1605" s="85"/>
      <c r="AI1605" s="85"/>
      <c r="AJ1605" s="85"/>
      <c r="AK1605" s="85"/>
      <c r="AL1605" s="85"/>
      <c r="AM1605" s="85"/>
      <c r="AN1605" s="85"/>
      <c r="AO1605" s="85"/>
      <c r="AP1605" s="85"/>
      <c r="AQ1605" s="85"/>
      <c r="AR1605" s="85"/>
      <c r="AS1605" s="85"/>
      <c r="AT1605" s="85"/>
      <c r="AU1605" s="85"/>
      <c r="AV1605" s="85"/>
      <c r="AW1605" s="85"/>
      <c r="AX1605" s="85"/>
      <c r="AY1605" s="85"/>
      <c r="AZ1605" s="85"/>
      <c r="BA1605" s="85"/>
      <c r="BB1605" s="85"/>
      <c r="BC1605" s="85"/>
      <c r="BD1605" s="85"/>
      <c r="BE1605" s="85"/>
      <c r="BF1605" s="85"/>
      <c r="BG1605" s="85"/>
      <c r="BH1605" s="85"/>
      <c r="BI1605" s="85"/>
      <c r="BJ1605" s="85"/>
      <c r="BK1605" s="85"/>
      <c r="BL1605" s="85"/>
      <c r="BM1605" s="85"/>
      <c r="BN1605" s="85"/>
      <c r="BO1605" s="85"/>
      <c r="BP1605" s="85"/>
      <c r="BQ1605" s="85"/>
      <c r="BR1605" s="85"/>
      <c r="BS1605" s="85"/>
      <c r="BT1605" s="85"/>
      <c r="BU1605" s="85"/>
      <c r="BV1605" s="85"/>
      <c r="BW1605" s="85"/>
      <c r="BX1605" s="85"/>
      <c r="BY1605" s="85"/>
      <c r="BZ1605" s="85"/>
      <c r="CA1605" s="85"/>
      <c r="CB1605" s="85"/>
      <c r="CC1605" s="85"/>
      <c r="CD1605" s="85"/>
      <c r="CE1605" s="85"/>
      <c r="CF1605" s="85"/>
      <c r="CG1605" s="85"/>
    </row>
    <row r="1606" spans="1:85" s="9" customFormat="1" x14ac:dyDescent="0.2">
      <c r="A1606" s="85"/>
      <c r="J1606" s="85"/>
      <c r="K1606" s="85"/>
      <c r="L1606" s="85"/>
      <c r="M1606" s="85"/>
      <c r="N1606" s="85"/>
      <c r="O1606" s="85"/>
      <c r="P1606" s="85"/>
      <c r="Q1606" s="85"/>
      <c r="R1606" s="85"/>
      <c r="S1606" s="85"/>
      <c r="T1606" s="85"/>
      <c r="U1606" s="85"/>
      <c r="V1606" s="85"/>
      <c r="W1606" s="85"/>
      <c r="X1606" s="85"/>
      <c r="Y1606" s="85"/>
      <c r="Z1606" s="85"/>
      <c r="AA1606" s="85"/>
      <c r="AB1606" s="85"/>
      <c r="AC1606" s="85"/>
      <c r="AD1606" s="85"/>
      <c r="AE1606" s="85"/>
      <c r="AF1606" s="85"/>
      <c r="AG1606" s="85"/>
      <c r="AH1606" s="85"/>
      <c r="AI1606" s="85"/>
      <c r="AJ1606" s="85"/>
      <c r="AK1606" s="85"/>
      <c r="AL1606" s="85"/>
      <c r="AM1606" s="85"/>
      <c r="AN1606" s="85"/>
      <c r="AO1606" s="85"/>
      <c r="AP1606" s="85"/>
      <c r="AQ1606" s="85"/>
      <c r="AR1606" s="85"/>
      <c r="AS1606" s="85"/>
      <c r="AT1606" s="85"/>
      <c r="AU1606" s="85"/>
      <c r="AV1606" s="85"/>
      <c r="AW1606" s="85"/>
      <c r="AX1606" s="85"/>
      <c r="AY1606" s="85"/>
      <c r="AZ1606" s="85"/>
      <c r="BA1606" s="85"/>
      <c r="BB1606" s="85"/>
      <c r="BC1606" s="85"/>
      <c r="BD1606" s="85"/>
      <c r="BE1606" s="85"/>
      <c r="BF1606" s="85"/>
      <c r="BG1606" s="85"/>
      <c r="BH1606" s="85"/>
      <c r="BI1606" s="85"/>
      <c r="BJ1606" s="85"/>
      <c r="BK1606" s="85"/>
      <c r="BL1606" s="85"/>
      <c r="BM1606" s="85"/>
      <c r="BN1606" s="85"/>
      <c r="BO1606" s="85"/>
      <c r="BP1606" s="85"/>
      <c r="BQ1606" s="85"/>
      <c r="BR1606" s="85"/>
      <c r="BS1606" s="85"/>
      <c r="BT1606" s="85"/>
      <c r="BU1606" s="85"/>
      <c r="BV1606" s="85"/>
      <c r="BW1606" s="85"/>
      <c r="BX1606" s="85"/>
      <c r="BY1606" s="85"/>
      <c r="BZ1606" s="85"/>
      <c r="CA1606" s="85"/>
      <c r="CB1606" s="85"/>
      <c r="CC1606" s="85"/>
      <c r="CD1606" s="85"/>
      <c r="CE1606" s="85"/>
      <c r="CF1606" s="85"/>
      <c r="CG1606" s="85"/>
    </row>
    <row r="1607" spans="1:85" s="9" customFormat="1" x14ac:dyDescent="0.2">
      <c r="A1607" s="85"/>
      <c r="J1607" s="85"/>
      <c r="K1607" s="85"/>
      <c r="L1607" s="85"/>
      <c r="M1607" s="85"/>
      <c r="N1607" s="85"/>
      <c r="O1607" s="85"/>
      <c r="P1607" s="85"/>
      <c r="Q1607" s="85"/>
      <c r="R1607" s="85"/>
      <c r="S1607" s="85"/>
      <c r="T1607" s="85"/>
      <c r="U1607" s="85"/>
      <c r="V1607" s="85"/>
      <c r="W1607" s="85"/>
      <c r="X1607" s="85"/>
      <c r="Y1607" s="85"/>
      <c r="Z1607" s="85"/>
      <c r="AA1607" s="85"/>
      <c r="AB1607" s="85"/>
      <c r="AC1607" s="85"/>
      <c r="AD1607" s="85"/>
      <c r="AE1607" s="85"/>
      <c r="AF1607" s="85"/>
      <c r="AG1607" s="85"/>
      <c r="AH1607" s="85"/>
      <c r="AI1607" s="85"/>
      <c r="AJ1607" s="85"/>
      <c r="AK1607" s="85"/>
      <c r="AL1607" s="85"/>
      <c r="AM1607" s="85"/>
      <c r="AN1607" s="85"/>
      <c r="AO1607" s="85"/>
      <c r="AP1607" s="85"/>
      <c r="AQ1607" s="85"/>
      <c r="AR1607" s="85"/>
      <c r="AS1607" s="85"/>
      <c r="AT1607" s="85"/>
      <c r="AU1607" s="85"/>
      <c r="AV1607" s="85"/>
      <c r="AW1607" s="85"/>
      <c r="AX1607" s="85"/>
      <c r="AY1607" s="85"/>
      <c r="AZ1607" s="85"/>
      <c r="BA1607" s="85"/>
      <c r="BB1607" s="85"/>
      <c r="BC1607" s="85"/>
      <c r="BD1607" s="85"/>
      <c r="BE1607" s="85"/>
      <c r="BF1607" s="85"/>
      <c r="BG1607" s="85"/>
      <c r="BH1607" s="85"/>
      <c r="BI1607" s="85"/>
      <c r="BJ1607" s="85"/>
      <c r="BK1607" s="85"/>
      <c r="BL1607" s="85"/>
      <c r="BM1607" s="85"/>
      <c r="BN1607" s="85"/>
      <c r="BO1607" s="85"/>
      <c r="BP1607" s="85"/>
      <c r="BQ1607" s="85"/>
      <c r="BR1607" s="85"/>
      <c r="BS1607" s="85"/>
      <c r="BT1607" s="85"/>
      <c r="BU1607" s="85"/>
      <c r="BV1607" s="85"/>
      <c r="BW1607" s="85"/>
      <c r="BX1607" s="85"/>
      <c r="BY1607" s="85"/>
      <c r="BZ1607" s="85"/>
      <c r="CA1607" s="85"/>
      <c r="CB1607" s="85"/>
      <c r="CC1607" s="85"/>
      <c r="CD1607" s="85"/>
      <c r="CE1607" s="85"/>
      <c r="CF1607" s="85"/>
      <c r="CG1607" s="85"/>
    </row>
    <row r="1608" spans="1:85" s="9" customFormat="1" x14ac:dyDescent="0.2">
      <c r="A1608" s="85"/>
      <c r="J1608" s="85"/>
      <c r="K1608" s="85"/>
      <c r="L1608" s="85"/>
      <c r="M1608" s="85"/>
      <c r="N1608" s="85"/>
      <c r="O1608" s="85"/>
      <c r="P1608" s="85"/>
      <c r="Q1608" s="85"/>
      <c r="R1608" s="85"/>
      <c r="S1608" s="85"/>
      <c r="T1608" s="85"/>
      <c r="U1608" s="85"/>
      <c r="V1608" s="85"/>
      <c r="W1608" s="85"/>
      <c r="X1608" s="85"/>
      <c r="Y1608" s="85"/>
      <c r="Z1608" s="85"/>
      <c r="AA1608" s="85"/>
      <c r="AB1608" s="85"/>
      <c r="AC1608" s="85"/>
      <c r="AD1608" s="85"/>
      <c r="AE1608" s="85"/>
      <c r="AF1608" s="85"/>
      <c r="AG1608" s="85"/>
      <c r="AH1608" s="85"/>
      <c r="AI1608" s="85"/>
      <c r="AJ1608" s="85"/>
      <c r="AK1608" s="85"/>
      <c r="AL1608" s="85"/>
      <c r="AM1608" s="85"/>
      <c r="AN1608" s="85"/>
      <c r="AO1608" s="85"/>
      <c r="AP1608" s="85"/>
      <c r="AQ1608" s="85"/>
      <c r="AR1608" s="85"/>
      <c r="AS1608" s="85"/>
      <c r="AT1608" s="85"/>
      <c r="AU1608" s="85"/>
      <c r="AV1608" s="85"/>
      <c r="AW1608" s="85"/>
      <c r="AX1608" s="85"/>
      <c r="AY1608" s="85"/>
      <c r="AZ1608" s="85"/>
      <c r="BA1608" s="85"/>
      <c r="BB1608" s="85"/>
      <c r="BC1608" s="85"/>
      <c r="BD1608" s="85"/>
      <c r="BE1608" s="85"/>
      <c r="BF1608" s="85"/>
      <c r="BG1608" s="85"/>
      <c r="BH1608" s="85"/>
      <c r="BI1608" s="85"/>
      <c r="BJ1608" s="85"/>
      <c r="BK1608" s="85"/>
      <c r="BL1608" s="85"/>
      <c r="BM1608" s="85"/>
      <c r="BN1608" s="85"/>
      <c r="BO1608" s="85"/>
      <c r="BP1608" s="85"/>
      <c r="BQ1608" s="85"/>
      <c r="BR1608" s="85"/>
      <c r="BS1608" s="85"/>
      <c r="BT1608" s="85"/>
      <c r="BU1608" s="85"/>
      <c r="BV1608" s="85"/>
      <c r="BW1608" s="85"/>
      <c r="BX1608" s="85"/>
      <c r="BY1608" s="85"/>
      <c r="BZ1608" s="85"/>
      <c r="CA1608" s="85"/>
      <c r="CB1608" s="85"/>
      <c r="CC1608" s="85"/>
      <c r="CD1608" s="85"/>
      <c r="CE1608" s="85"/>
      <c r="CF1608" s="85"/>
      <c r="CG1608" s="85"/>
    </row>
    <row r="1609" spans="1:85" s="9" customFormat="1" x14ac:dyDescent="0.2">
      <c r="A1609" s="85"/>
      <c r="J1609" s="85"/>
      <c r="K1609" s="85"/>
      <c r="L1609" s="85"/>
      <c r="M1609" s="85"/>
      <c r="N1609" s="85"/>
      <c r="O1609" s="85"/>
      <c r="P1609" s="85"/>
      <c r="Q1609" s="85"/>
      <c r="R1609" s="85"/>
      <c r="S1609" s="85"/>
      <c r="T1609" s="85"/>
      <c r="U1609" s="85"/>
      <c r="V1609" s="85"/>
      <c r="W1609" s="85"/>
      <c r="X1609" s="85"/>
      <c r="Y1609" s="85"/>
      <c r="Z1609" s="85"/>
      <c r="AA1609" s="85"/>
      <c r="AB1609" s="85"/>
      <c r="AC1609" s="85"/>
      <c r="AD1609" s="85"/>
      <c r="AE1609" s="85"/>
      <c r="AF1609" s="85"/>
      <c r="AG1609" s="85"/>
      <c r="AH1609" s="85"/>
      <c r="AI1609" s="85"/>
      <c r="AJ1609" s="85"/>
      <c r="AK1609" s="85"/>
      <c r="AL1609" s="85"/>
      <c r="AM1609" s="85"/>
      <c r="AN1609" s="85"/>
      <c r="AO1609" s="85"/>
      <c r="AP1609" s="85"/>
      <c r="AQ1609" s="85"/>
      <c r="AR1609" s="85"/>
      <c r="AS1609" s="85"/>
      <c r="AT1609" s="85"/>
      <c r="AU1609" s="85"/>
      <c r="AV1609" s="85"/>
      <c r="AW1609" s="85"/>
      <c r="AX1609" s="85"/>
      <c r="AY1609" s="85"/>
      <c r="AZ1609" s="85"/>
      <c r="BA1609" s="85"/>
      <c r="BB1609" s="85"/>
      <c r="BC1609" s="85"/>
      <c r="BD1609" s="85"/>
      <c r="BE1609" s="85"/>
      <c r="BF1609" s="85"/>
      <c r="BG1609" s="85"/>
      <c r="BH1609" s="85"/>
      <c r="BI1609" s="85"/>
      <c r="BJ1609" s="85"/>
      <c r="BK1609" s="85"/>
      <c r="BL1609" s="85"/>
      <c r="BM1609" s="85"/>
      <c r="BN1609" s="85"/>
      <c r="BO1609" s="85"/>
      <c r="BP1609" s="85"/>
      <c r="BQ1609" s="85"/>
      <c r="BR1609" s="85"/>
      <c r="BS1609" s="85"/>
      <c r="BT1609" s="85"/>
      <c r="BU1609" s="85"/>
      <c r="BV1609" s="85"/>
      <c r="BW1609" s="85"/>
      <c r="BX1609" s="85"/>
      <c r="BY1609" s="85"/>
      <c r="BZ1609" s="85"/>
      <c r="CA1609" s="85"/>
      <c r="CB1609" s="85"/>
      <c r="CC1609" s="85"/>
      <c r="CD1609" s="85"/>
      <c r="CE1609" s="85"/>
      <c r="CF1609" s="85"/>
      <c r="CG1609" s="85"/>
    </row>
    <row r="1610" spans="1:85" s="9" customFormat="1" x14ac:dyDescent="0.2">
      <c r="A1610" s="85"/>
      <c r="J1610" s="85"/>
      <c r="K1610" s="85"/>
      <c r="L1610" s="85"/>
      <c r="M1610" s="85"/>
      <c r="N1610" s="85"/>
      <c r="O1610" s="85"/>
      <c r="P1610" s="85"/>
      <c r="Q1610" s="85"/>
      <c r="R1610" s="85"/>
      <c r="S1610" s="85"/>
      <c r="T1610" s="85"/>
      <c r="U1610" s="85"/>
      <c r="V1610" s="85"/>
      <c r="W1610" s="85"/>
      <c r="X1610" s="85"/>
      <c r="Y1610" s="85"/>
      <c r="Z1610" s="85"/>
      <c r="AA1610" s="85"/>
      <c r="AB1610" s="85"/>
      <c r="AC1610" s="85"/>
      <c r="AD1610" s="85"/>
      <c r="AE1610" s="85"/>
      <c r="AF1610" s="85"/>
      <c r="AG1610" s="85"/>
      <c r="AH1610" s="85"/>
      <c r="AI1610" s="85"/>
      <c r="AJ1610" s="85"/>
      <c r="AK1610" s="85"/>
      <c r="AL1610" s="85"/>
      <c r="AM1610" s="85"/>
      <c r="AN1610" s="85"/>
      <c r="AO1610" s="85"/>
      <c r="AP1610" s="85"/>
      <c r="AQ1610" s="85"/>
      <c r="AR1610" s="85"/>
      <c r="AS1610" s="85"/>
      <c r="AT1610" s="85"/>
      <c r="AU1610" s="85"/>
      <c r="AV1610" s="85"/>
      <c r="AW1610" s="85"/>
      <c r="AX1610" s="85"/>
      <c r="AY1610" s="85"/>
      <c r="AZ1610" s="85"/>
      <c r="BA1610" s="85"/>
      <c r="BB1610" s="85"/>
      <c r="BC1610" s="85"/>
      <c r="BD1610" s="85"/>
      <c r="BE1610" s="85"/>
      <c r="BF1610" s="85"/>
      <c r="BG1610" s="85"/>
      <c r="BH1610" s="85"/>
      <c r="BI1610" s="85"/>
      <c r="BJ1610" s="85"/>
      <c r="BK1610" s="85"/>
      <c r="BL1610" s="85"/>
      <c r="BM1610" s="85"/>
      <c r="BN1610" s="85"/>
      <c r="BO1610" s="85"/>
      <c r="BP1610" s="85"/>
      <c r="BQ1610" s="85"/>
      <c r="BR1610" s="85"/>
      <c r="BS1610" s="85"/>
      <c r="BT1610" s="85"/>
      <c r="BU1610" s="85"/>
      <c r="BV1610" s="85"/>
      <c r="BW1610" s="85"/>
      <c r="BX1610" s="85"/>
      <c r="BY1610" s="85"/>
      <c r="BZ1610" s="85"/>
      <c r="CA1610" s="85"/>
      <c r="CB1610" s="85"/>
      <c r="CC1610" s="85"/>
      <c r="CD1610" s="85"/>
      <c r="CE1610" s="85"/>
      <c r="CF1610" s="85"/>
      <c r="CG1610" s="85"/>
    </row>
    <row r="1611" spans="1:85" s="9" customFormat="1" x14ac:dyDescent="0.2">
      <c r="A1611" s="85"/>
      <c r="J1611" s="85"/>
      <c r="K1611" s="85"/>
      <c r="L1611" s="85"/>
      <c r="M1611" s="85"/>
      <c r="N1611" s="85"/>
      <c r="O1611" s="85"/>
      <c r="P1611" s="85"/>
      <c r="Q1611" s="85"/>
      <c r="R1611" s="85"/>
      <c r="S1611" s="85"/>
      <c r="T1611" s="85"/>
      <c r="U1611" s="85"/>
      <c r="V1611" s="85"/>
      <c r="W1611" s="85"/>
      <c r="X1611" s="85"/>
      <c r="Y1611" s="85"/>
      <c r="Z1611" s="85"/>
      <c r="AA1611" s="85"/>
      <c r="AB1611" s="85"/>
      <c r="AC1611" s="85"/>
      <c r="AD1611" s="85"/>
      <c r="AE1611" s="85"/>
      <c r="AF1611" s="85"/>
      <c r="AG1611" s="85"/>
      <c r="AH1611" s="85"/>
      <c r="AI1611" s="85"/>
      <c r="AJ1611" s="85"/>
      <c r="AK1611" s="85"/>
      <c r="AL1611" s="85"/>
      <c r="AM1611" s="85"/>
      <c r="AN1611" s="85"/>
      <c r="AO1611" s="85"/>
      <c r="AP1611" s="85"/>
      <c r="AQ1611" s="85"/>
      <c r="AR1611" s="85"/>
      <c r="AS1611" s="85"/>
      <c r="AT1611" s="85"/>
      <c r="AU1611" s="85"/>
      <c r="AV1611" s="85"/>
      <c r="AW1611" s="85"/>
      <c r="AX1611" s="85"/>
      <c r="AY1611" s="85"/>
      <c r="AZ1611" s="85"/>
      <c r="BA1611" s="85"/>
      <c r="BB1611" s="85"/>
      <c r="BC1611" s="85"/>
      <c r="BD1611" s="85"/>
      <c r="BE1611" s="85"/>
      <c r="BF1611" s="85"/>
      <c r="BG1611" s="85"/>
      <c r="BH1611" s="85"/>
      <c r="BI1611" s="85"/>
      <c r="BJ1611" s="85"/>
      <c r="BK1611" s="85"/>
      <c r="BL1611" s="85"/>
      <c r="BM1611" s="85"/>
      <c r="BN1611" s="85"/>
      <c r="BO1611" s="85"/>
      <c r="BP1611" s="85"/>
      <c r="BQ1611" s="85"/>
      <c r="BR1611" s="85"/>
      <c r="BS1611" s="85"/>
      <c r="BT1611" s="85"/>
      <c r="BU1611" s="85"/>
      <c r="BV1611" s="85"/>
      <c r="BW1611" s="85"/>
      <c r="BX1611" s="85"/>
      <c r="BY1611" s="85"/>
      <c r="BZ1611" s="85"/>
      <c r="CA1611" s="85"/>
      <c r="CB1611" s="85"/>
      <c r="CC1611" s="85"/>
      <c r="CD1611" s="85"/>
      <c r="CE1611" s="85"/>
      <c r="CF1611" s="85"/>
      <c r="CG1611" s="85"/>
    </row>
    <row r="1612" spans="1:85" s="9" customFormat="1" x14ac:dyDescent="0.2">
      <c r="A1612" s="85"/>
      <c r="J1612" s="85"/>
      <c r="K1612" s="85"/>
      <c r="L1612" s="85"/>
      <c r="M1612" s="85"/>
      <c r="N1612" s="85"/>
      <c r="O1612" s="85"/>
      <c r="P1612" s="85"/>
      <c r="Q1612" s="85"/>
      <c r="R1612" s="85"/>
      <c r="S1612" s="85"/>
      <c r="T1612" s="85"/>
      <c r="U1612" s="85"/>
      <c r="V1612" s="85"/>
      <c r="W1612" s="85"/>
      <c r="X1612" s="85"/>
      <c r="Y1612" s="85"/>
      <c r="Z1612" s="85"/>
      <c r="AA1612" s="85"/>
      <c r="AB1612" s="85"/>
      <c r="AC1612" s="85"/>
      <c r="AD1612" s="85"/>
      <c r="AE1612" s="85"/>
      <c r="AF1612" s="85"/>
      <c r="AG1612" s="85"/>
      <c r="AH1612" s="85"/>
      <c r="AI1612" s="85"/>
      <c r="AJ1612" s="85"/>
      <c r="AK1612" s="85"/>
      <c r="AL1612" s="85"/>
      <c r="AM1612" s="85"/>
      <c r="AN1612" s="85"/>
      <c r="AO1612" s="85"/>
      <c r="AP1612" s="85"/>
      <c r="AQ1612" s="85"/>
      <c r="AR1612" s="85"/>
      <c r="AS1612" s="85"/>
      <c r="AT1612" s="85"/>
      <c r="AU1612" s="85"/>
      <c r="AV1612" s="85"/>
      <c r="AW1612" s="85"/>
      <c r="AX1612" s="85"/>
      <c r="AY1612" s="85"/>
      <c r="AZ1612" s="85"/>
      <c r="BA1612" s="85"/>
      <c r="BB1612" s="85"/>
      <c r="BC1612" s="85"/>
      <c r="BD1612" s="85"/>
      <c r="BE1612" s="85"/>
      <c r="BF1612" s="85"/>
      <c r="BG1612" s="85"/>
      <c r="BH1612" s="85"/>
      <c r="BI1612" s="85"/>
      <c r="BJ1612" s="85"/>
      <c r="BK1612" s="85"/>
      <c r="BL1612" s="85"/>
      <c r="BM1612" s="85"/>
      <c r="BN1612" s="85"/>
      <c r="BO1612" s="85"/>
      <c r="BP1612" s="85"/>
      <c r="BQ1612" s="85"/>
      <c r="BR1612" s="85"/>
      <c r="BS1612" s="85"/>
      <c r="BT1612" s="85"/>
      <c r="BU1612" s="85"/>
      <c r="BV1612" s="85"/>
      <c r="BW1612" s="85"/>
      <c r="BX1612" s="85"/>
      <c r="BY1612" s="85"/>
      <c r="BZ1612" s="85"/>
      <c r="CA1612" s="85"/>
      <c r="CB1612" s="85"/>
      <c r="CC1612" s="85"/>
      <c r="CD1612" s="85"/>
      <c r="CE1612" s="85"/>
      <c r="CF1612" s="85"/>
      <c r="CG1612" s="85"/>
    </row>
    <row r="1613" spans="1:85" s="9" customFormat="1" x14ac:dyDescent="0.2">
      <c r="A1613" s="85"/>
      <c r="J1613" s="85"/>
      <c r="K1613" s="85"/>
      <c r="L1613" s="85"/>
      <c r="M1613" s="85"/>
      <c r="N1613" s="85"/>
      <c r="O1613" s="85"/>
      <c r="P1613" s="85"/>
      <c r="Q1613" s="85"/>
      <c r="R1613" s="85"/>
      <c r="S1613" s="85"/>
      <c r="T1613" s="85"/>
      <c r="U1613" s="85"/>
      <c r="V1613" s="85"/>
      <c r="W1613" s="85"/>
      <c r="X1613" s="85"/>
      <c r="Y1613" s="85"/>
      <c r="Z1613" s="85"/>
      <c r="AA1613" s="85"/>
      <c r="AB1613" s="85"/>
      <c r="AC1613" s="85"/>
      <c r="AD1613" s="85"/>
      <c r="AE1613" s="85"/>
      <c r="AF1613" s="85"/>
      <c r="AG1613" s="85"/>
      <c r="AH1613" s="85"/>
      <c r="AI1613" s="85"/>
      <c r="AJ1613" s="85"/>
      <c r="AK1613" s="85"/>
      <c r="AL1613" s="85"/>
      <c r="AM1613" s="85"/>
      <c r="AN1613" s="85"/>
      <c r="AO1613" s="85"/>
      <c r="AP1613" s="85"/>
      <c r="AQ1613" s="85"/>
      <c r="AR1613" s="85"/>
      <c r="AS1613" s="85"/>
      <c r="AT1613" s="85"/>
      <c r="AU1613" s="85"/>
      <c r="AV1613" s="85"/>
      <c r="AW1613" s="85"/>
      <c r="AX1613" s="85"/>
      <c r="AY1613" s="85"/>
      <c r="AZ1613" s="85"/>
      <c r="BA1613" s="85"/>
      <c r="BB1613" s="85"/>
      <c r="BC1613" s="85"/>
      <c r="BD1613" s="85"/>
      <c r="BE1613" s="85"/>
      <c r="BF1613" s="85"/>
      <c r="BG1613" s="85"/>
      <c r="BH1613" s="85"/>
      <c r="BI1613" s="85"/>
      <c r="BJ1613" s="85"/>
      <c r="BK1613" s="85"/>
      <c r="BL1613" s="85"/>
      <c r="BM1613" s="85"/>
      <c r="BN1613" s="85"/>
      <c r="BO1613" s="85"/>
      <c r="BP1613" s="85"/>
      <c r="BQ1613" s="85"/>
      <c r="BR1613" s="85"/>
      <c r="BS1613" s="85"/>
      <c r="BT1613" s="85"/>
      <c r="BU1613" s="85"/>
      <c r="BV1613" s="85"/>
      <c r="BW1613" s="85"/>
      <c r="BX1613" s="85"/>
      <c r="BY1613" s="85"/>
      <c r="BZ1613" s="85"/>
      <c r="CA1613" s="85"/>
      <c r="CB1613" s="85"/>
      <c r="CC1613" s="85"/>
      <c r="CD1613" s="85"/>
      <c r="CE1613" s="85"/>
      <c r="CF1613" s="85"/>
      <c r="CG1613" s="85"/>
    </row>
    <row r="1614" spans="1:85" s="9" customFormat="1" x14ac:dyDescent="0.2">
      <c r="A1614" s="85"/>
      <c r="J1614" s="85"/>
      <c r="K1614" s="85"/>
      <c r="L1614" s="85"/>
      <c r="M1614" s="85"/>
      <c r="N1614" s="85"/>
      <c r="O1614" s="85"/>
      <c r="P1614" s="85"/>
      <c r="Q1614" s="85"/>
      <c r="R1614" s="85"/>
      <c r="S1614" s="85"/>
      <c r="T1614" s="85"/>
      <c r="U1614" s="85"/>
      <c r="V1614" s="85"/>
      <c r="W1614" s="85"/>
      <c r="X1614" s="85"/>
      <c r="Y1614" s="85"/>
      <c r="Z1614" s="85"/>
      <c r="AA1614" s="85"/>
      <c r="AB1614" s="85"/>
      <c r="AC1614" s="85"/>
      <c r="AD1614" s="85"/>
      <c r="AE1614" s="85"/>
      <c r="AF1614" s="85"/>
      <c r="AG1614" s="85"/>
      <c r="AH1614" s="85"/>
      <c r="AI1614" s="85"/>
      <c r="AJ1614" s="85"/>
      <c r="AK1614" s="85"/>
      <c r="AL1614" s="85"/>
      <c r="AM1614" s="85"/>
      <c r="AN1614" s="85"/>
      <c r="AO1614" s="85"/>
      <c r="AP1614" s="85"/>
      <c r="AQ1614" s="85"/>
      <c r="AR1614" s="85"/>
      <c r="AS1614" s="85"/>
      <c r="AT1614" s="85"/>
      <c r="AU1614" s="85"/>
      <c r="AV1614" s="85"/>
      <c r="AW1614" s="85"/>
      <c r="AX1614" s="85"/>
      <c r="AY1614" s="85"/>
      <c r="AZ1614" s="85"/>
      <c r="BA1614" s="85"/>
      <c r="BB1614" s="85"/>
      <c r="BC1614" s="85"/>
      <c r="BD1614" s="85"/>
      <c r="BE1614" s="85"/>
      <c r="BF1614" s="85"/>
      <c r="BG1614" s="85"/>
      <c r="BH1614" s="85"/>
      <c r="BI1614" s="85"/>
      <c r="BJ1614" s="85"/>
      <c r="BK1614" s="85"/>
      <c r="BL1614" s="85"/>
      <c r="BM1614" s="85"/>
      <c r="BN1614" s="85"/>
      <c r="BO1614" s="85"/>
      <c r="BP1614" s="85"/>
      <c r="BQ1614" s="85"/>
      <c r="BR1614" s="85"/>
      <c r="BS1614" s="85"/>
      <c r="BT1614" s="85"/>
      <c r="BU1614" s="85"/>
      <c r="BV1614" s="85"/>
      <c r="BW1614" s="85"/>
      <c r="BX1614" s="85"/>
      <c r="BY1614" s="85"/>
      <c r="BZ1614" s="85"/>
      <c r="CA1614" s="85"/>
      <c r="CB1614" s="85"/>
      <c r="CC1614" s="85"/>
      <c r="CD1614" s="85"/>
      <c r="CE1614" s="85"/>
      <c r="CF1614" s="85"/>
      <c r="CG1614" s="85"/>
    </row>
    <row r="1615" spans="1:85" s="9" customFormat="1" x14ac:dyDescent="0.2">
      <c r="A1615" s="85"/>
      <c r="J1615" s="85"/>
      <c r="K1615" s="85"/>
      <c r="L1615" s="85"/>
      <c r="M1615" s="85"/>
      <c r="N1615" s="85"/>
      <c r="O1615" s="85"/>
      <c r="P1615" s="85"/>
      <c r="Q1615" s="85"/>
      <c r="R1615" s="85"/>
      <c r="S1615" s="85"/>
      <c r="T1615" s="85"/>
      <c r="U1615" s="85"/>
      <c r="V1615" s="85"/>
      <c r="W1615" s="85"/>
      <c r="X1615" s="85"/>
      <c r="Y1615" s="85"/>
      <c r="Z1615" s="85"/>
      <c r="AA1615" s="85"/>
      <c r="AB1615" s="85"/>
      <c r="AC1615" s="85"/>
      <c r="AD1615" s="85"/>
      <c r="AE1615" s="85"/>
      <c r="AF1615" s="85"/>
      <c r="AG1615" s="85"/>
      <c r="AH1615" s="85"/>
      <c r="AI1615" s="85"/>
      <c r="AJ1615" s="85"/>
      <c r="AK1615" s="85"/>
      <c r="AL1615" s="85"/>
      <c r="AM1615" s="85"/>
      <c r="AN1615" s="85"/>
      <c r="AO1615" s="85"/>
      <c r="AP1615" s="85"/>
      <c r="AQ1615" s="85"/>
      <c r="AR1615" s="85"/>
      <c r="AS1615" s="85"/>
      <c r="AT1615" s="85"/>
      <c r="AU1615" s="85"/>
      <c r="AV1615" s="85"/>
      <c r="AW1615" s="85"/>
      <c r="AX1615" s="85"/>
      <c r="AY1615" s="85"/>
      <c r="AZ1615" s="85"/>
      <c r="BA1615" s="85"/>
      <c r="BB1615" s="85"/>
      <c r="BC1615" s="85"/>
      <c r="BD1615" s="85"/>
      <c r="BE1615" s="85"/>
      <c r="BF1615" s="85"/>
      <c r="BG1615" s="85"/>
      <c r="BH1615" s="85"/>
      <c r="BI1615" s="85"/>
      <c r="BJ1615" s="85"/>
      <c r="BK1615" s="85"/>
      <c r="BL1615" s="85"/>
      <c r="BM1615" s="85"/>
      <c r="BN1615" s="85"/>
      <c r="BO1615" s="85"/>
      <c r="BP1615" s="85"/>
      <c r="BQ1615" s="85"/>
      <c r="BR1615" s="85"/>
      <c r="BS1615" s="85"/>
      <c r="BT1615" s="85"/>
      <c r="BU1615" s="85"/>
      <c r="BV1615" s="85"/>
      <c r="BW1615" s="85"/>
      <c r="BX1615" s="85"/>
      <c r="BY1615" s="85"/>
      <c r="BZ1615" s="85"/>
      <c r="CA1615" s="85"/>
      <c r="CB1615" s="85"/>
      <c r="CC1615" s="85"/>
      <c r="CD1615" s="85"/>
      <c r="CE1615" s="85"/>
      <c r="CF1615" s="85"/>
      <c r="CG1615" s="85"/>
    </row>
    <row r="1616" spans="1:85" s="9" customFormat="1" x14ac:dyDescent="0.2">
      <c r="A1616" s="85"/>
      <c r="J1616" s="85"/>
      <c r="K1616" s="85"/>
      <c r="L1616" s="85"/>
      <c r="M1616" s="85"/>
      <c r="N1616" s="85"/>
      <c r="O1616" s="85"/>
      <c r="P1616" s="85"/>
      <c r="Q1616" s="85"/>
      <c r="R1616" s="85"/>
      <c r="S1616" s="85"/>
      <c r="T1616" s="85"/>
      <c r="U1616" s="85"/>
      <c r="V1616" s="85"/>
      <c r="W1616" s="85"/>
      <c r="X1616" s="85"/>
      <c r="Y1616" s="85"/>
      <c r="Z1616" s="85"/>
      <c r="AA1616" s="85"/>
      <c r="AB1616" s="85"/>
      <c r="AC1616" s="85"/>
      <c r="AD1616" s="85"/>
      <c r="AE1616" s="85"/>
      <c r="AF1616" s="85"/>
      <c r="AG1616" s="85"/>
      <c r="AH1616" s="85"/>
      <c r="AI1616" s="85"/>
      <c r="AJ1616" s="85"/>
      <c r="AK1616" s="85"/>
      <c r="AL1616" s="85"/>
      <c r="AM1616" s="85"/>
      <c r="AN1616" s="85"/>
      <c r="AO1616" s="85"/>
      <c r="AP1616" s="85"/>
      <c r="AQ1616" s="85"/>
      <c r="AR1616" s="85"/>
      <c r="AS1616" s="85"/>
      <c r="AT1616" s="85"/>
      <c r="AU1616" s="85"/>
      <c r="AV1616" s="85"/>
      <c r="AW1616" s="85"/>
      <c r="AX1616" s="85"/>
      <c r="AY1616" s="85"/>
      <c r="AZ1616" s="85"/>
      <c r="BA1616" s="85"/>
      <c r="BB1616" s="85"/>
      <c r="BC1616" s="85"/>
      <c r="BD1616" s="85"/>
      <c r="BE1616" s="85"/>
      <c r="BF1616" s="85"/>
      <c r="BG1616" s="85"/>
      <c r="BH1616" s="85"/>
      <c r="BI1616" s="85"/>
      <c r="BJ1616" s="85"/>
      <c r="BK1616" s="85"/>
      <c r="BL1616" s="85"/>
      <c r="BM1616" s="85"/>
      <c r="BN1616" s="85"/>
      <c r="BO1616" s="85"/>
      <c r="BP1616" s="85"/>
      <c r="BQ1616" s="85"/>
      <c r="BR1616" s="85"/>
      <c r="BS1616" s="85"/>
      <c r="BT1616" s="85"/>
      <c r="BU1616" s="85"/>
      <c r="BV1616" s="85"/>
      <c r="BW1616" s="85"/>
      <c r="BX1616" s="85"/>
      <c r="BY1616" s="85"/>
      <c r="BZ1616" s="85"/>
      <c r="CA1616" s="85"/>
      <c r="CB1616" s="85"/>
      <c r="CC1616" s="85"/>
      <c r="CD1616" s="85"/>
      <c r="CE1616" s="85"/>
      <c r="CF1616" s="85"/>
      <c r="CG1616" s="85"/>
    </row>
    <row r="1617" spans="1:85" s="9" customFormat="1" x14ac:dyDescent="0.2">
      <c r="A1617" s="85"/>
      <c r="J1617" s="85"/>
      <c r="K1617" s="85"/>
      <c r="L1617" s="85"/>
      <c r="M1617" s="85"/>
      <c r="N1617" s="85"/>
      <c r="O1617" s="85"/>
      <c r="P1617" s="85"/>
      <c r="Q1617" s="85"/>
      <c r="R1617" s="85"/>
      <c r="S1617" s="85"/>
      <c r="T1617" s="85"/>
      <c r="U1617" s="85"/>
      <c r="V1617" s="85"/>
      <c r="W1617" s="85"/>
      <c r="X1617" s="85"/>
      <c r="Y1617" s="85"/>
      <c r="Z1617" s="85"/>
      <c r="AA1617" s="85"/>
      <c r="AB1617" s="85"/>
      <c r="AC1617" s="85"/>
      <c r="AD1617" s="85"/>
      <c r="AE1617" s="85"/>
      <c r="AF1617" s="85"/>
      <c r="AG1617" s="85"/>
      <c r="AH1617" s="85"/>
      <c r="AI1617" s="85"/>
      <c r="AJ1617" s="85"/>
      <c r="AK1617" s="85"/>
      <c r="AL1617" s="85"/>
      <c r="AM1617" s="85"/>
      <c r="AN1617" s="85"/>
      <c r="AO1617" s="85"/>
      <c r="AP1617" s="85"/>
      <c r="AQ1617" s="85"/>
      <c r="AR1617" s="85"/>
      <c r="AS1617" s="85"/>
      <c r="AT1617" s="85"/>
      <c r="AU1617" s="85"/>
      <c r="AV1617" s="85"/>
      <c r="AW1617" s="85"/>
      <c r="AX1617" s="85"/>
      <c r="AY1617" s="85"/>
      <c r="AZ1617" s="85"/>
      <c r="BA1617" s="85"/>
      <c r="BB1617" s="85"/>
      <c r="BC1617" s="85"/>
      <c r="BD1617" s="85"/>
      <c r="BE1617" s="85"/>
      <c r="BF1617" s="85"/>
      <c r="BG1617" s="85"/>
      <c r="BH1617" s="85"/>
      <c r="BI1617" s="85"/>
      <c r="BJ1617" s="85"/>
      <c r="BK1617" s="85"/>
      <c r="BL1617" s="85"/>
      <c r="BM1617" s="85"/>
      <c r="BN1617" s="85"/>
      <c r="BO1617" s="85"/>
      <c r="BP1617" s="85"/>
      <c r="BQ1617" s="85"/>
      <c r="BR1617" s="85"/>
      <c r="BS1617" s="85"/>
      <c r="BT1617" s="85"/>
      <c r="BU1617" s="85"/>
      <c r="BV1617" s="85"/>
      <c r="BW1617" s="85"/>
      <c r="BX1617" s="85"/>
      <c r="BY1617" s="85"/>
      <c r="BZ1617" s="85"/>
      <c r="CA1617" s="85"/>
      <c r="CB1617" s="85"/>
      <c r="CC1617" s="85"/>
      <c r="CD1617" s="85"/>
      <c r="CE1617" s="85"/>
      <c r="CF1617" s="85"/>
      <c r="CG1617" s="85"/>
    </row>
    <row r="1618" spans="1:85" s="9" customFormat="1" x14ac:dyDescent="0.2">
      <c r="A1618" s="85"/>
      <c r="J1618" s="85"/>
      <c r="K1618" s="85"/>
      <c r="L1618" s="85"/>
      <c r="M1618" s="85"/>
      <c r="N1618" s="85"/>
      <c r="O1618" s="85"/>
      <c r="P1618" s="85"/>
      <c r="Q1618" s="85"/>
      <c r="R1618" s="85"/>
      <c r="S1618" s="85"/>
      <c r="T1618" s="85"/>
      <c r="U1618" s="85"/>
      <c r="V1618" s="85"/>
      <c r="W1618" s="85"/>
      <c r="X1618" s="85"/>
      <c r="Y1618" s="85"/>
      <c r="Z1618" s="85"/>
      <c r="AA1618" s="85"/>
      <c r="AB1618" s="85"/>
      <c r="AC1618" s="85"/>
      <c r="AD1618" s="85"/>
      <c r="AE1618" s="85"/>
      <c r="AF1618" s="85"/>
      <c r="AG1618" s="85"/>
      <c r="AH1618" s="85"/>
      <c r="AI1618" s="85"/>
      <c r="AJ1618" s="85"/>
      <c r="AK1618" s="85"/>
      <c r="AL1618" s="85"/>
      <c r="AM1618" s="85"/>
      <c r="AN1618" s="85"/>
      <c r="AO1618" s="85"/>
      <c r="AP1618" s="85"/>
      <c r="AQ1618" s="85"/>
      <c r="AR1618" s="85"/>
      <c r="AS1618" s="85"/>
      <c r="AT1618" s="85"/>
      <c r="AU1618" s="85"/>
      <c r="AV1618" s="85"/>
      <c r="AW1618" s="85"/>
      <c r="AX1618" s="85"/>
      <c r="AY1618" s="85"/>
      <c r="AZ1618" s="85"/>
      <c r="BA1618" s="85"/>
      <c r="BB1618" s="85"/>
      <c r="BC1618" s="85"/>
      <c r="BD1618" s="85"/>
      <c r="BE1618" s="85"/>
      <c r="BF1618" s="85"/>
      <c r="BG1618" s="85"/>
      <c r="BH1618" s="85"/>
      <c r="BI1618" s="85"/>
      <c r="BJ1618" s="85"/>
      <c r="BK1618" s="85"/>
      <c r="BL1618" s="85"/>
      <c r="BM1618" s="85"/>
      <c r="BN1618" s="85"/>
      <c r="BO1618" s="85"/>
      <c r="BP1618" s="85"/>
      <c r="BQ1618" s="85"/>
      <c r="BR1618" s="85"/>
      <c r="BS1618" s="85"/>
      <c r="BT1618" s="85"/>
      <c r="BU1618" s="85"/>
      <c r="BV1618" s="85"/>
      <c r="BW1618" s="85"/>
      <c r="BX1618" s="85"/>
      <c r="BY1618" s="85"/>
      <c r="BZ1618" s="85"/>
      <c r="CA1618" s="85"/>
      <c r="CB1618" s="85"/>
      <c r="CC1618" s="85"/>
      <c r="CD1618" s="85"/>
      <c r="CE1618" s="85"/>
      <c r="CF1618" s="85"/>
      <c r="CG1618" s="85"/>
    </row>
    <row r="1619" spans="1:85" s="9" customFormat="1" x14ac:dyDescent="0.2">
      <c r="A1619" s="85"/>
      <c r="J1619" s="85"/>
      <c r="K1619" s="85"/>
      <c r="L1619" s="85"/>
      <c r="M1619" s="85"/>
      <c r="N1619" s="85"/>
      <c r="O1619" s="85"/>
      <c r="P1619" s="85"/>
      <c r="Q1619" s="85"/>
      <c r="R1619" s="85"/>
      <c r="S1619" s="85"/>
      <c r="T1619" s="85"/>
      <c r="U1619" s="85"/>
      <c r="V1619" s="85"/>
      <c r="W1619" s="85"/>
      <c r="X1619" s="85"/>
      <c r="Y1619" s="85"/>
      <c r="Z1619" s="85"/>
      <c r="AA1619" s="85"/>
      <c r="AB1619" s="85"/>
      <c r="AC1619" s="85"/>
      <c r="AD1619" s="85"/>
      <c r="AE1619" s="85"/>
      <c r="AF1619" s="85"/>
      <c r="AG1619" s="85"/>
      <c r="AH1619" s="85"/>
      <c r="AI1619" s="85"/>
      <c r="AJ1619" s="85"/>
      <c r="AK1619" s="85"/>
      <c r="AL1619" s="85"/>
      <c r="AM1619" s="85"/>
      <c r="AN1619" s="85"/>
      <c r="AO1619" s="85"/>
      <c r="AP1619" s="85"/>
      <c r="AQ1619" s="85"/>
      <c r="AR1619" s="85"/>
      <c r="AS1619" s="85"/>
      <c r="AT1619" s="85"/>
      <c r="AU1619" s="85"/>
      <c r="AV1619" s="85"/>
      <c r="AW1619" s="85"/>
      <c r="AX1619" s="85"/>
      <c r="AY1619" s="85"/>
      <c r="AZ1619" s="85"/>
      <c r="BA1619" s="85"/>
      <c r="BB1619" s="85"/>
      <c r="BC1619" s="85"/>
      <c r="BD1619" s="85"/>
      <c r="BE1619" s="85"/>
      <c r="BF1619" s="85"/>
      <c r="BG1619" s="85"/>
      <c r="BH1619" s="85"/>
      <c r="BI1619" s="85"/>
      <c r="BJ1619" s="85"/>
      <c r="BK1619" s="85"/>
      <c r="BL1619" s="85"/>
      <c r="BM1619" s="85"/>
      <c r="BN1619" s="85"/>
      <c r="BO1619" s="85"/>
      <c r="BP1619" s="85"/>
      <c r="BQ1619" s="85"/>
      <c r="BR1619" s="85"/>
      <c r="BS1619" s="85"/>
      <c r="BT1619" s="85"/>
      <c r="BU1619" s="85"/>
      <c r="BV1619" s="85"/>
      <c r="BW1619" s="85"/>
      <c r="BX1619" s="85"/>
      <c r="BY1619" s="85"/>
      <c r="BZ1619" s="85"/>
      <c r="CA1619" s="85"/>
      <c r="CB1619" s="85"/>
      <c r="CC1619" s="85"/>
      <c r="CD1619" s="85"/>
      <c r="CE1619" s="85"/>
      <c r="CF1619" s="85"/>
      <c r="CG1619" s="85"/>
    </row>
    <row r="1620" spans="1:85" s="9" customFormat="1" x14ac:dyDescent="0.2">
      <c r="A1620" s="85"/>
      <c r="J1620" s="85"/>
      <c r="K1620" s="85"/>
      <c r="L1620" s="85"/>
      <c r="M1620" s="85"/>
      <c r="N1620" s="85"/>
      <c r="O1620" s="85"/>
      <c r="P1620" s="85"/>
      <c r="Q1620" s="85"/>
      <c r="R1620" s="85"/>
      <c r="S1620" s="85"/>
      <c r="T1620" s="85"/>
      <c r="U1620" s="85"/>
      <c r="V1620" s="85"/>
      <c r="W1620" s="85"/>
      <c r="X1620" s="85"/>
      <c r="Y1620" s="85"/>
      <c r="Z1620" s="85"/>
      <c r="AA1620" s="85"/>
      <c r="AB1620" s="85"/>
      <c r="AC1620" s="85"/>
      <c r="AD1620" s="85"/>
      <c r="AE1620" s="85"/>
      <c r="AF1620" s="85"/>
      <c r="AG1620" s="85"/>
      <c r="AH1620" s="85"/>
      <c r="AI1620" s="85"/>
      <c r="AJ1620" s="85"/>
      <c r="AK1620" s="85"/>
      <c r="AL1620" s="85"/>
      <c r="AM1620" s="85"/>
      <c r="AN1620" s="85"/>
      <c r="AO1620" s="85"/>
      <c r="AP1620" s="85"/>
      <c r="AQ1620" s="85"/>
      <c r="AR1620" s="85"/>
      <c r="AS1620" s="85"/>
      <c r="AT1620" s="85"/>
      <c r="AU1620" s="85"/>
      <c r="AV1620" s="85"/>
      <c r="AW1620" s="85"/>
      <c r="AX1620" s="85"/>
      <c r="AY1620" s="85"/>
      <c r="AZ1620" s="85"/>
      <c r="BA1620" s="85"/>
      <c r="BB1620" s="85"/>
      <c r="BC1620" s="85"/>
      <c r="BD1620" s="85"/>
      <c r="BE1620" s="85"/>
      <c r="BF1620" s="85"/>
      <c r="BG1620" s="85"/>
      <c r="BH1620" s="85"/>
      <c r="BI1620" s="85"/>
      <c r="BJ1620" s="85"/>
      <c r="BK1620" s="85"/>
      <c r="BL1620" s="85"/>
      <c r="BM1620" s="85"/>
      <c r="BN1620" s="85"/>
      <c r="BO1620" s="85"/>
      <c r="BP1620" s="85"/>
      <c r="BQ1620" s="85"/>
      <c r="BR1620" s="85"/>
      <c r="BS1620" s="85"/>
      <c r="BT1620" s="85"/>
      <c r="BU1620" s="85"/>
      <c r="BV1620" s="85"/>
      <c r="BW1620" s="85"/>
      <c r="BX1620" s="85"/>
      <c r="BY1620" s="85"/>
      <c r="BZ1620" s="85"/>
      <c r="CA1620" s="85"/>
      <c r="CB1620" s="85"/>
      <c r="CC1620" s="85"/>
      <c r="CD1620" s="85"/>
      <c r="CE1620" s="85"/>
      <c r="CF1620" s="85"/>
      <c r="CG1620" s="85"/>
    </row>
    <row r="1621" spans="1:85" s="9" customFormat="1" x14ac:dyDescent="0.2">
      <c r="A1621" s="85"/>
      <c r="J1621" s="85"/>
      <c r="K1621" s="85"/>
      <c r="L1621" s="85"/>
      <c r="M1621" s="85"/>
      <c r="N1621" s="85"/>
      <c r="O1621" s="85"/>
      <c r="P1621" s="85"/>
      <c r="Q1621" s="85"/>
      <c r="R1621" s="85"/>
      <c r="S1621" s="85"/>
      <c r="T1621" s="85"/>
      <c r="U1621" s="85"/>
      <c r="V1621" s="85"/>
      <c r="W1621" s="85"/>
      <c r="X1621" s="85"/>
      <c r="Y1621" s="85"/>
      <c r="Z1621" s="85"/>
      <c r="AA1621" s="85"/>
      <c r="AB1621" s="85"/>
      <c r="AC1621" s="85"/>
      <c r="AD1621" s="85"/>
      <c r="AE1621" s="85"/>
      <c r="AF1621" s="85"/>
      <c r="AG1621" s="85"/>
      <c r="AH1621" s="85"/>
      <c r="AI1621" s="85"/>
      <c r="AJ1621" s="85"/>
      <c r="AK1621" s="85"/>
      <c r="AL1621" s="85"/>
      <c r="AM1621" s="85"/>
      <c r="AN1621" s="85"/>
      <c r="AO1621" s="85"/>
      <c r="AP1621" s="85"/>
      <c r="AQ1621" s="85"/>
      <c r="AR1621" s="85"/>
      <c r="AS1621" s="85"/>
      <c r="AT1621" s="85"/>
      <c r="AU1621" s="85"/>
      <c r="AV1621" s="85"/>
      <c r="AW1621" s="85"/>
      <c r="AX1621" s="85"/>
      <c r="AY1621" s="85"/>
      <c r="AZ1621" s="85"/>
      <c r="BA1621" s="85"/>
      <c r="BB1621" s="85"/>
      <c r="BC1621" s="85"/>
      <c r="BD1621" s="85"/>
      <c r="BE1621" s="85"/>
      <c r="BF1621" s="85"/>
      <c r="BG1621" s="85"/>
      <c r="BH1621" s="85"/>
      <c r="BI1621" s="85"/>
      <c r="BJ1621" s="85"/>
      <c r="BK1621" s="85"/>
      <c r="BL1621" s="85"/>
      <c r="BM1621" s="85"/>
      <c r="BN1621" s="85"/>
      <c r="BO1621" s="85"/>
      <c r="BP1621" s="85"/>
      <c r="BQ1621" s="85"/>
      <c r="BR1621" s="85"/>
      <c r="BS1621" s="85"/>
      <c r="BT1621" s="85"/>
      <c r="BU1621" s="85"/>
      <c r="BV1621" s="85"/>
      <c r="BW1621" s="85"/>
      <c r="BX1621" s="85"/>
      <c r="BY1621" s="85"/>
      <c r="BZ1621" s="85"/>
      <c r="CA1621" s="85"/>
      <c r="CB1621" s="85"/>
      <c r="CC1621" s="85"/>
      <c r="CD1621" s="85"/>
      <c r="CE1621" s="85"/>
      <c r="CF1621" s="85"/>
      <c r="CG1621" s="85"/>
    </row>
    <row r="1622" spans="1:85" s="9" customFormat="1" x14ac:dyDescent="0.2">
      <c r="A1622" s="85"/>
      <c r="J1622" s="85"/>
      <c r="K1622" s="85"/>
      <c r="L1622" s="85"/>
      <c r="M1622" s="85"/>
      <c r="N1622" s="85"/>
      <c r="O1622" s="85"/>
      <c r="P1622" s="85"/>
      <c r="Q1622" s="85"/>
      <c r="R1622" s="85"/>
      <c r="S1622" s="85"/>
      <c r="T1622" s="85"/>
      <c r="U1622" s="85"/>
      <c r="V1622" s="85"/>
      <c r="W1622" s="85"/>
      <c r="X1622" s="85"/>
      <c r="Y1622" s="85"/>
      <c r="Z1622" s="85"/>
      <c r="AA1622" s="85"/>
      <c r="AB1622" s="85"/>
      <c r="AC1622" s="85"/>
      <c r="AD1622" s="85"/>
      <c r="AE1622" s="85"/>
      <c r="AF1622" s="85"/>
      <c r="AG1622" s="85"/>
      <c r="AH1622" s="85"/>
      <c r="AI1622" s="85"/>
      <c r="AJ1622" s="85"/>
      <c r="AK1622" s="85"/>
      <c r="AL1622" s="85"/>
      <c r="AM1622" s="85"/>
      <c r="AN1622" s="85"/>
      <c r="AO1622" s="85"/>
      <c r="AP1622" s="85"/>
      <c r="AQ1622" s="85"/>
      <c r="AR1622" s="85"/>
      <c r="AS1622" s="85"/>
      <c r="AT1622" s="85"/>
      <c r="AU1622" s="85"/>
      <c r="AV1622" s="85"/>
      <c r="AW1622" s="85"/>
      <c r="AX1622" s="85"/>
      <c r="AY1622" s="85"/>
      <c r="AZ1622" s="85"/>
      <c r="BA1622" s="85"/>
      <c r="BB1622" s="85"/>
      <c r="BC1622" s="85"/>
      <c r="BD1622" s="85"/>
      <c r="BE1622" s="85"/>
      <c r="BF1622" s="85"/>
      <c r="BG1622" s="85"/>
      <c r="BH1622" s="85"/>
      <c r="BI1622" s="85"/>
      <c r="BJ1622" s="85"/>
      <c r="BK1622" s="85"/>
      <c r="BL1622" s="85"/>
      <c r="BM1622" s="85"/>
      <c r="BN1622" s="85"/>
      <c r="BO1622" s="85"/>
      <c r="BP1622" s="85"/>
      <c r="BQ1622" s="85"/>
      <c r="BR1622" s="85"/>
      <c r="BS1622" s="85"/>
      <c r="BT1622" s="85"/>
      <c r="BU1622" s="85"/>
      <c r="BV1622" s="85"/>
      <c r="BW1622" s="85"/>
      <c r="BX1622" s="85"/>
      <c r="BY1622" s="85"/>
      <c r="BZ1622" s="85"/>
      <c r="CA1622" s="85"/>
      <c r="CB1622" s="85"/>
      <c r="CC1622" s="85"/>
      <c r="CD1622" s="85"/>
      <c r="CE1622" s="85"/>
      <c r="CF1622" s="85"/>
      <c r="CG1622" s="85"/>
    </row>
    <row r="1623" spans="1:85" s="9" customFormat="1" x14ac:dyDescent="0.2">
      <c r="A1623" s="85"/>
      <c r="J1623" s="85"/>
      <c r="K1623" s="85"/>
      <c r="L1623" s="85"/>
      <c r="M1623" s="85"/>
      <c r="N1623" s="85"/>
      <c r="O1623" s="85"/>
      <c r="P1623" s="85"/>
      <c r="Q1623" s="85"/>
      <c r="R1623" s="85"/>
      <c r="S1623" s="85"/>
      <c r="T1623" s="85"/>
      <c r="U1623" s="85"/>
      <c r="V1623" s="85"/>
      <c r="W1623" s="85"/>
      <c r="X1623" s="85"/>
      <c r="Y1623" s="85"/>
      <c r="Z1623" s="85"/>
      <c r="AA1623" s="85"/>
      <c r="AB1623" s="85"/>
      <c r="AC1623" s="85"/>
      <c r="AD1623" s="85"/>
      <c r="AE1623" s="85"/>
      <c r="AF1623" s="85"/>
      <c r="AG1623" s="85"/>
      <c r="AH1623" s="85"/>
      <c r="AI1623" s="85"/>
      <c r="AJ1623" s="85"/>
      <c r="AK1623" s="85"/>
      <c r="AL1623" s="85"/>
      <c r="AM1623" s="85"/>
      <c r="AN1623" s="85"/>
      <c r="AO1623" s="85"/>
      <c r="AP1623" s="85"/>
      <c r="AQ1623" s="85"/>
      <c r="AR1623" s="85"/>
      <c r="AS1623" s="85"/>
      <c r="AT1623" s="85"/>
      <c r="AU1623" s="85"/>
      <c r="AV1623" s="85"/>
      <c r="AW1623" s="85"/>
      <c r="AX1623" s="85"/>
      <c r="AY1623" s="85"/>
      <c r="AZ1623" s="85"/>
      <c r="BA1623" s="85"/>
      <c r="BB1623" s="85"/>
      <c r="BC1623" s="85"/>
      <c r="BD1623" s="85"/>
      <c r="BE1623" s="85"/>
      <c r="BF1623" s="85"/>
      <c r="BG1623" s="85"/>
      <c r="BH1623" s="85"/>
      <c r="BI1623" s="85"/>
      <c r="BJ1623" s="85"/>
      <c r="BK1623" s="85"/>
      <c r="BL1623" s="85"/>
      <c r="BM1623" s="85"/>
      <c r="BN1623" s="85"/>
      <c r="BO1623" s="85"/>
      <c r="BP1623" s="85"/>
      <c r="BQ1623" s="85"/>
      <c r="BR1623" s="85"/>
      <c r="BS1623" s="85"/>
      <c r="BT1623" s="85"/>
      <c r="BU1623" s="85"/>
      <c r="BV1623" s="85"/>
      <c r="BW1623" s="85"/>
      <c r="BX1623" s="85"/>
      <c r="BY1623" s="85"/>
      <c r="BZ1623" s="85"/>
      <c r="CA1623" s="85"/>
      <c r="CB1623" s="85"/>
      <c r="CC1623" s="85"/>
      <c r="CD1623" s="85"/>
      <c r="CE1623" s="85"/>
      <c r="CF1623" s="85"/>
      <c r="CG1623" s="85"/>
    </row>
    <row r="1624" spans="1:85" s="9" customFormat="1" x14ac:dyDescent="0.2">
      <c r="A1624" s="85"/>
      <c r="J1624" s="85"/>
      <c r="K1624" s="85"/>
      <c r="L1624" s="85"/>
      <c r="M1624" s="85"/>
      <c r="N1624" s="85"/>
      <c r="O1624" s="85"/>
      <c r="P1624" s="85"/>
      <c r="Q1624" s="85"/>
      <c r="R1624" s="85"/>
      <c r="S1624" s="85"/>
      <c r="T1624" s="85"/>
      <c r="U1624" s="85"/>
      <c r="V1624" s="85"/>
      <c r="W1624" s="85"/>
      <c r="X1624" s="85"/>
      <c r="Y1624" s="85"/>
      <c r="Z1624" s="85"/>
      <c r="AA1624" s="85"/>
      <c r="AB1624" s="85"/>
      <c r="AC1624" s="85"/>
      <c r="AD1624" s="85"/>
      <c r="AE1624" s="85"/>
      <c r="AF1624" s="85"/>
      <c r="AG1624" s="85"/>
      <c r="AH1624" s="85"/>
      <c r="AI1624" s="85"/>
      <c r="AJ1624" s="85"/>
      <c r="AK1624" s="85"/>
      <c r="AL1624" s="85"/>
      <c r="AM1624" s="85"/>
      <c r="AN1624" s="85"/>
      <c r="AO1624" s="85"/>
      <c r="AP1624" s="85"/>
      <c r="AQ1624" s="85"/>
      <c r="AR1624" s="85"/>
      <c r="AS1624" s="85"/>
      <c r="AT1624" s="85"/>
      <c r="AU1624" s="85"/>
      <c r="AV1624" s="85"/>
      <c r="AW1624" s="85"/>
      <c r="AX1624" s="85"/>
      <c r="AY1624" s="85"/>
      <c r="AZ1624" s="85"/>
      <c r="BA1624" s="85"/>
      <c r="BB1624" s="85"/>
      <c r="BC1624" s="85"/>
      <c r="BD1624" s="85"/>
      <c r="BE1624" s="85"/>
      <c r="BF1624" s="85"/>
      <c r="BG1624" s="85"/>
      <c r="BH1624" s="85"/>
      <c r="BI1624" s="85"/>
      <c r="BJ1624" s="85"/>
      <c r="BK1624" s="85"/>
      <c r="BL1624" s="85"/>
      <c r="BM1624" s="85"/>
      <c r="BN1624" s="85"/>
      <c r="BO1624" s="85"/>
      <c r="BP1624" s="85"/>
      <c r="BQ1624" s="85"/>
      <c r="BR1624" s="85"/>
      <c r="BS1624" s="85"/>
      <c r="BT1624" s="85"/>
      <c r="BU1624" s="85"/>
      <c r="BV1624" s="85"/>
      <c r="BW1624" s="85"/>
      <c r="BX1624" s="85"/>
      <c r="BY1624" s="85"/>
      <c r="BZ1624" s="85"/>
      <c r="CA1624" s="85"/>
      <c r="CB1624" s="85"/>
      <c r="CC1624" s="85"/>
      <c r="CD1624" s="85"/>
      <c r="CE1624" s="85"/>
      <c r="CF1624" s="85"/>
      <c r="CG1624" s="85"/>
    </row>
    <row r="1625" spans="1:85" s="9" customFormat="1" x14ac:dyDescent="0.2">
      <c r="A1625" s="85"/>
      <c r="J1625" s="85"/>
      <c r="K1625" s="85"/>
      <c r="L1625" s="85"/>
      <c r="M1625" s="85"/>
      <c r="N1625" s="85"/>
      <c r="O1625" s="85"/>
      <c r="P1625" s="85"/>
      <c r="Q1625" s="85"/>
      <c r="R1625" s="85"/>
      <c r="S1625" s="85"/>
      <c r="T1625" s="85"/>
      <c r="U1625" s="85"/>
      <c r="V1625" s="85"/>
      <c r="W1625" s="85"/>
      <c r="X1625" s="85"/>
      <c r="Y1625" s="85"/>
      <c r="Z1625" s="85"/>
      <c r="AA1625" s="85"/>
      <c r="AB1625" s="85"/>
      <c r="AC1625" s="85"/>
      <c r="AD1625" s="85"/>
      <c r="AE1625" s="85"/>
      <c r="AF1625" s="85"/>
      <c r="AG1625" s="85"/>
      <c r="AH1625" s="85"/>
      <c r="AI1625" s="85"/>
      <c r="AJ1625" s="85"/>
      <c r="AK1625" s="85"/>
      <c r="AL1625" s="85"/>
      <c r="AM1625" s="85"/>
      <c r="AN1625" s="85"/>
      <c r="AO1625" s="85"/>
      <c r="AP1625" s="85"/>
      <c r="AQ1625" s="85"/>
      <c r="AR1625" s="85"/>
      <c r="AS1625" s="85"/>
      <c r="AT1625" s="85"/>
      <c r="AU1625" s="85"/>
      <c r="AV1625" s="85"/>
      <c r="AW1625" s="85"/>
      <c r="AX1625" s="85"/>
      <c r="AY1625" s="85"/>
      <c r="AZ1625" s="85"/>
      <c r="BA1625" s="85"/>
      <c r="BB1625" s="85"/>
      <c r="BC1625" s="85"/>
      <c r="BD1625" s="85"/>
      <c r="BE1625" s="85"/>
      <c r="BF1625" s="85"/>
      <c r="BG1625" s="85"/>
      <c r="BH1625" s="85"/>
      <c r="BI1625" s="85"/>
      <c r="BJ1625" s="85"/>
      <c r="BK1625" s="85"/>
      <c r="BL1625" s="85"/>
      <c r="BM1625" s="85"/>
      <c r="BN1625" s="85"/>
      <c r="BO1625" s="85"/>
      <c r="BP1625" s="85"/>
      <c r="BQ1625" s="85"/>
      <c r="BR1625" s="85"/>
      <c r="BS1625" s="85"/>
      <c r="BT1625" s="85"/>
      <c r="BU1625" s="85"/>
      <c r="BV1625" s="85"/>
      <c r="BW1625" s="85"/>
      <c r="BX1625" s="85"/>
      <c r="BY1625" s="85"/>
      <c r="BZ1625" s="85"/>
      <c r="CA1625" s="85"/>
      <c r="CB1625" s="85"/>
      <c r="CC1625" s="85"/>
      <c r="CD1625" s="85"/>
      <c r="CE1625" s="85"/>
      <c r="CF1625" s="85"/>
      <c r="CG1625" s="85"/>
    </row>
    <row r="1626" spans="1:85" s="9" customFormat="1" x14ac:dyDescent="0.2">
      <c r="A1626" s="85"/>
      <c r="J1626" s="85"/>
      <c r="K1626" s="85"/>
      <c r="L1626" s="85"/>
      <c r="M1626" s="85"/>
      <c r="N1626" s="85"/>
      <c r="O1626" s="85"/>
      <c r="P1626" s="85"/>
      <c r="Q1626" s="85"/>
      <c r="R1626" s="85"/>
      <c r="S1626" s="85"/>
      <c r="T1626" s="85"/>
      <c r="U1626" s="85"/>
      <c r="V1626" s="85"/>
      <c r="W1626" s="85"/>
      <c r="X1626" s="85"/>
      <c r="Y1626" s="85"/>
      <c r="Z1626" s="85"/>
      <c r="AA1626" s="85"/>
      <c r="AB1626" s="85"/>
      <c r="AC1626" s="85"/>
      <c r="AD1626" s="85"/>
      <c r="AE1626" s="85"/>
      <c r="AF1626" s="85"/>
      <c r="AG1626" s="85"/>
      <c r="AH1626" s="85"/>
      <c r="AI1626" s="85"/>
      <c r="AJ1626" s="85"/>
      <c r="AK1626" s="85"/>
      <c r="AL1626" s="85"/>
      <c r="AM1626" s="85"/>
      <c r="AN1626" s="85"/>
      <c r="AO1626" s="85"/>
      <c r="AP1626" s="85"/>
      <c r="AQ1626" s="85"/>
      <c r="AR1626" s="85"/>
      <c r="AS1626" s="85"/>
      <c r="AT1626" s="85"/>
      <c r="AU1626" s="85"/>
      <c r="AV1626" s="85"/>
      <c r="AW1626" s="85"/>
      <c r="AX1626" s="85"/>
      <c r="AY1626" s="85"/>
      <c r="AZ1626" s="85"/>
      <c r="BA1626" s="85"/>
      <c r="BB1626" s="85"/>
      <c r="BC1626" s="85"/>
      <c r="BD1626" s="85"/>
      <c r="BE1626" s="85"/>
      <c r="BF1626" s="85"/>
      <c r="BG1626" s="85"/>
      <c r="BH1626" s="85"/>
      <c r="BI1626" s="85"/>
      <c r="BJ1626" s="85"/>
      <c r="BK1626" s="85"/>
      <c r="BL1626" s="85"/>
      <c r="BM1626" s="85"/>
      <c r="BN1626" s="85"/>
      <c r="BO1626" s="85"/>
      <c r="BP1626" s="85"/>
      <c r="BQ1626" s="85"/>
      <c r="BR1626" s="85"/>
      <c r="BS1626" s="85"/>
      <c r="BT1626" s="85"/>
      <c r="BU1626" s="85"/>
      <c r="BV1626" s="85"/>
      <c r="BW1626" s="85"/>
      <c r="BX1626" s="85"/>
      <c r="BY1626" s="85"/>
      <c r="BZ1626" s="85"/>
      <c r="CA1626" s="85"/>
      <c r="CB1626" s="85"/>
      <c r="CC1626" s="85"/>
      <c r="CD1626" s="85"/>
      <c r="CE1626" s="85"/>
      <c r="CF1626" s="85"/>
      <c r="CG1626" s="85"/>
    </row>
    <row r="1627" spans="1:85" s="9" customFormat="1" x14ac:dyDescent="0.2">
      <c r="A1627" s="85"/>
      <c r="J1627" s="85"/>
      <c r="K1627" s="85"/>
      <c r="L1627" s="85"/>
      <c r="M1627" s="85"/>
      <c r="N1627" s="85"/>
      <c r="O1627" s="85"/>
      <c r="P1627" s="85"/>
      <c r="Q1627" s="85"/>
      <c r="R1627" s="85"/>
      <c r="S1627" s="85"/>
      <c r="T1627" s="85"/>
      <c r="U1627" s="85"/>
      <c r="V1627" s="85"/>
      <c r="W1627" s="85"/>
      <c r="X1627" s="85"/>
      <c r="Y1627" s="85"/>
      <c r="Z1627" s="85"/>
      <c r="AA1627" s="85"/>
      <c r="AB1627" s="85"/>
      <c r="AC1627" s="85"/>
      <c r="AD1627" s="85"/>
      <c r="AE1627" s="85"/>
      <c r="AF1627" s="85"/>
      <c r="AG1627" s="85"/>
      <c r="AH1627" s="85"/>
      <c r="AI1627" s="85"/>
      <c r="AJ1627" s="85"/>
      <c r="AK1627" s="85"/>
      <c r="AL1627" s="85"/>
      <c r="AM1627" s="85"/>
      <c r="AN1627" s="85"/>
      <c r="AO1627" s="85"/>
      <c r="AP1627" s="85"/>
      <c r="AQ1627" s="85"/>
      <c r="AR1627" s="85"/>
      <c r="AS1627" s="85"/>
      <c r="AT1627" s="85"/>
      <c r="AU1627" s="85"/>
      <c r="AV1627" s="85"/>
      <c r="AW1627" s="85"/>
      <c r="AX1627" s="85"/>
      <c r="AY1627" s="85"/>
      <c r="AZ1627" s="85"/>
      <c r="BA1627" s="85"/>
      <c r="BB1627" s="85"/>
      <c r="BC1627" s="85"/>
      <c r="BD1627" s="85"/>
      <c r="BE1627" s="85"/>
      <c r="BF1627" s="85"/>
      <c r="BG1627" s="85"/>
      <c r="BH1627" s="85"/>
      <c r="BI1627" s="85"/>
      <c r="BJ1627" s="85"/>
      <c r="BK1627" s="85"/>
      <c r="BL1627" s="85"/>
      <c r="BM1627" s="85"/>
      <c r="BN1627" s="85"/>
      <c r="BO1627" s="85"/>
      <c r="BP1627" s="85"/>
      <c r="BQ1627" s="85"/>
      <c r="BR1627" s="85"/>
      <c r="BS1627" s="85"/>
      <c r="BT1627" s="85"/>
      <c r="BU1627" s="85"/>
      <c r="BV1627" s="85"/>
      <c r="BW1627" s="85"/>
      <c r="BX1627" s="85"/>
      <c r="BY1627" s="85"/>
      <c r="BZ1627" s="85"/>
      <c r="CA1627" s="85"/>
      <c r="CB1627" s="85"/>
      <c r="CC1627" s="85"/>
      <c r="CD1627" s="85"/>
      <c r="CE1627" s="85"/>
      <c r="CF1627" s="85"/>
      <c r="CG1627" s="85"/>
    </row>
    <row r="1628" spans="1:85" s="9" customFormat="1" x14ac:dyDescent="0.2">
      <c r="A1628" s="85"/>
      <c r="J1628" s="85"/>
      <c r="K1628" s="85"/>
      <c r="L1628" s="85"/>
      <c r="M1628" s="85"/>
      <c r="N1628" s="85"/>
      <c r="O1628" s="85"/>
      <c r="P1628" s="85"/>
      <c r="Q1628" s="85"/>
      <c r="R1628" s="85"/>
      <c r="S1628" s="85"/>
      <c r="T1628" s="85"/>
      <c r="U1628" s="85"/>
      <c r="V1628" s="85"/>
      <c r="W1628" s="85"/>
      <c r="X1628" s="85"/>
      <c r="Y1628" s="85"/>
      <c r="Z1628" s="85"/>
      <c r="AA1628" s="85"/>
      <c r="AB1628" s="85"/>
      <c r="AC1628" s="85"/>
      <c r="AD1628" s="85"/>
      <c r="AE1628" s="85"/>
      <c r="AF1628" s="85"/>
      <c r="AG1628" s="85"/>
      <c r="AH1628" s="85"/>
      <c r="AI1628" s="85"/>
      <c r="AJ1628" s="85"/>
      <c r="AK1628" s="85"/>
      <c r="AL1628" s="85"/>
      <c r="AM1628" s="85"/>
      <c r="AN1628" s="85"/>
      <c r="AO1628" s="85"/>
      <c r="AP1628" s="85"/>
      <c r="AQ1628" s="85"/>
      <c r="AR1628" s="85"/>
      <c r="AS1628" s="85"/>
      <c r="AT1628" s="85"/>
      <c r="AU1628" s="85"/>
      <c r="AV1628" s="85"/>
      <c r="AW1628" s="85"/>
      <c r="AX1628" s="85"/>
      <c r="AY1628" s="85"/>
      <c r="AZ1628" s="85"/>
      <c r="BA1628" s="85"/>
      <c r="BB1628" s="85"/>
      <c r="BC1628" s="85"/>
      <c r="BD1628" s="85"/>
      <c r="BE1628" s="85"/>
      <c r="BF1628" s="85"/>
      <c r="BG1628" s="85"/>
      <c r="BH1628" s="85"/>
      <c r="BI1628" s="85"/>
      <c r="BJ1628" s="85"/>
      <c r="BK1628" s="85"/>
      <c r="BL1628" s="85"/>
      <c r="BM1628" s="85"/>
      <c r="BN1628" s="85"/>
      <c r="BO1628" s="85"/>
      <c r="BP1628" s="85"/>
      <c r="BQ1628" s="85"/>
      <c r="BR1628" s="85"/>
      <c r="BS1628" s="85"/>
      <c r="BT1628" s="85"/>
      <c r="BU1628" s="85"/>
      <c r="BV1628" s="85"/>
      <c r="BW1628" s="85"/>
      <c r="BX1628" s="85"/>
      <c r="BY1628" s="85"/>
      <c r="BZ1628" s="85"/>
      <c r="CA1628" s="85"/>
      <c r="CB1628" s="85"/>
      <c r="CC1628" s="85"/>
      <c r="CD1628" s="85"/>
      <c r="CE1628" s="85"/>
      <c r="CF1628" s="85"/>
      <c r="CG1628" s="85"/>
    </row>
    <row r="1629" spans="1:85" s="9" customFormat="1" x14ac:dyDescent="0.2">
      <c r="A1629" s="85"/>
      <c r="J1629" s="85"/>
      <c r="K1629" s="85"/>
      <c r="L1629" s="85"/>
      <c r="M1629" s="85"/>
      <c r="N1629" s="85"/>
      <c r="O1629" s="85"/>
      <c r="P1629" s="85"/>
      <c r="Q1629" s="85"/>
      <c r="R1629" s="85"/>
      <c r="S1629" s="85"/>
      <c r="T1629" s="85"/>
      <c r="U1629" s="85"/>
      <c r="V1629" s="85"/>
      <c r="W1629" s="85"/>
      <c r="X1629" s="85"/>
      <c r="Y1629" s="85"/>
      <c r="Z1629" s="85"/>
      <c r="AA1629" s="85"/>
      <c r="AB1629" s="85"/>
      <c r="AC1629" s="85"/>
      <c r="AD1629" s="85"/>
      <c r="AE1629" s="85"/>
      <c r="AF1629" s="85"/>
      <c r="AG1629" s="85"/>
      <c r="AH1629" s="85"/>
      <c r="AI1629" s="85"/>
      <c r="AJ1629" s="85"/>
      <c r="AK1629" s="85"/>
      <c r="AL1629" s="85"/>
      <c r="AM1629" s="85"/>
      <c r="AN1629" s="85"/>
      <c r="AO1629" s="85"/>
      <c r="AP1629" s="85"/>
      <c r="AQ1629" s="85"/>
      <c r="AR1629" s="85"/>
      <c r="AS1629" s="85"/>
      <c r="AT1629" s="85"/>
      <c r="AU1629" s="85"/>
      <c r="AV1629" s="85"/>
      <c r="AW1629" s="85"/>
      <c r="AX1629" s="85"/>
      <c r="AY1629" s="85"/>
      <c r="AZ1629" s="85"/>
      <c r="BA1629" s="85"/>
      <c r="BB1629" s="85"/>
      <c r="BC1629" s="85"/>
      <c r="BD1629" s="85"/>
      <c r="BE1629" s="85"/>
      <c r="BF1629" s="85"/>
      <c r="BG1629" s="85"/>
      <c r="BH1629" s="85"/>
      <c r="BI1629" s="85"/>
      <c r="BJ1629" s="85"/>
      <c r="BK1629" s="85"/>
      <c r="BL1629" s="85"/>
      <c r="BM1629" s="85"/>
      <c r="BN1629" s="85"/>
      <c r="BO1629" s="85"/>
      <c r="BP1629" s="85"/>
      <c r="BQ1629" s="85"/>
      <c r="BR1629" s="85"/>
      <c r="BS1629" s="85"/>
      <c r="BT1629" s="85"/>
      <c r="BU1629" s="85"/>
      <c r="BV1629" s="85"/>
      <c r="BW1629" s="85"/>
      <c r="BX1629" s="85"/>
      <c r="BY1629" s="85"/>
      <c r="BZ1629" s="85"/>
      <c r="CA1629" s="85"/>
      <c r="CB1629" s="85"/>
      <c r="CC1629" s="85"/>
      <c r="CD1629" s="85"/>
      <c r="CE1629" s="85"/>
      <c r="CF1629" s="85"/>
      <c r="CG1629" s="85"/>
    </row>
    <row r="1630" spans="1:85" s="9" customFormat="1" x14ac:dyDescent="0.2">
      <c r="A1630" s="85"/>
      <c r="J1630" s="85"/>
      <c r="K1630" s="85"/>
      <c r="L1630" s="85"/>
      <c r="M1630" s="85"/>
      <c r="N1630" s="85"/>
      <c r="O1630" s="85"/>
      <c r="P1630" s="85"/>
      <c r="Q1630" s="85"/>
      <c r="R1630" s="85"/>
      <c r="S1630" s="85"/>
      <c r="T1630" s="85"/>
      <c r="U1630" s="85"/>
      <c r="V1630" s="85"/>
      <c r="W1630" s="85"/>
      <c r="X1630" s="85"/>
      <c r="Y1630" s="85"/>
      <c r="Z1630" s="85"/>
      <c r="AA1630" s="85"/>
      <c r="AB1630" s="85"/>
      <c r="AC1630" s="85"/>
      <c r="AD1630" s="85"/>
      <c r="AE1630" s="85"/>
      <c r="AF1630" s="85"/>
      <c r="AG1630" s="85"/>
      <c r="AH1630" s="85"/>
      <c r="AI1630" s="85"/>
      <c r="AJ1630" s="85"/>
      <c r="AK1630" s="85"/>
      <c r="AL1630" s="85"/>
      <c r="AM1630" s="85"/>
      <c r="AN1630" s="85"/>
      <c r="AO1630" s="85"/>
      <c r="AP1630" s="85"/>
      <c r="AQ1630" s="85"/>
      <c r="AR1630" s="85"/>
      <c r="AS1630" s="85"/>
      <c r="AT1630" s="85"/>
      <c r="AU1630" s="85"/>
      <c r="AV1630" s="85"/>
      <c r="AW1630" s="85"/>
      <c r="AX1630" s="85"/>
      <c r="AY1630" s="85"/>
      <c r="AZ1630" s="85"/>
      <c r="BA1630" s="85"/>
      <c r="BB1630" s="85"/>
      <c r="BC1630" s="85"/>
      <c r="BD1630" s="85"/>
      <c r="BE1630" s="85"/>
      <c r="BF1630" s="85"/>
      <c r="BG1630" s="85"/>
      <c r="BH1630" s="85"/>
      <c r="BI1630" s="85"/>
      <c r="BJ1630" s="85"/>
      <c r="BK1630" s="85"/>
      <c r="BL1630" s="85"/>
      <c r="BM1630" s="85"/>
      <c r="BN1630" s="85"/>
      <c r="BO1630" s="85"/>
      <c r="BP1630" s="85"/>
      <c r="BQ1630" s="85"/>
      <c r="BR1630" s="85"/>
      <c r="BS1630" s="85"/>
      <c r="BT1630" s="85"/>
      <c r="BU1630" s="85"/>
      <c r="BV1630" s="85"/>
      <c r="BW1630" s="85"/>
      <c r="BX1630" s="85"/>
      <c r="BY1630" s="85"/>
      <c r="BZ1630" s="85"/>
      <c r="CA1630" s="85"/>
      <c r="CB1630" s="85"/>
      <c r="CC1630" s="85"/>
      <c r="CD1630" s="85"/>
      <c r="CE1630" s="85"/>
      <c r="CF1630" s="85"/>
      <c r="CG1630" s="85"/>
    </row>
    <row r="1631" spans="1:85" s="9" customFormat="1" x14ac:dyDescent="0.2">
      <c r="A1631" s="85"/>
      <c r="J1631" s="85"/>
      <c r="K1631" s="85"/>
      <c r="L1631" s="85"/>
      <c r="M1631" s="85"/>
      <c r="N1631" s="85"/>
      <c r="O1631" s="85"/>
      <c r="P1631" s="85"/>
      <c r="Q1631" s="85"/>
      <c r="R1631" s="85"/>
      <c r="S1631" s="85"/>
      <c r="T1631" s="85"/>
      <c r="U1631" s="85"/>
      <c r="V1631" s="85"/>
      <c r="W1631" s="85"/>
      <c r="X1631" s="85"/>
      <c r="Y1631" s="85"/>
      <c r="Z1631" s="85"/>
      <c r="AA1631" s="85"/>
      <c r="AB1631" s="85"/>
      <c r="AC1631" s="85"/>
      <c r="AD1631" s="85"/>
      <c r="AE1631" s="85"/>
      <c r="AF1631" s="85"/>
      <c r="AG1631" s="85"/>
      <c r="AH1631" s="85"/>
      <c r="AI1631" s="85"/>
      <c r="AJ1631" s="85"/>
      <c r="AK1631" s="85"/>
      <c r="AL1631" s="85"/>
      <c r="AM1631" s="85"/>
      <c r="AN1631" s="85"/>
      <c r="AO1631" s="85"/>
      <c r="AP1631" s="85"/>
      <c r="AQ1631" s="85"/>
      <c r="AR1631" s="85"/>
      <c r="AS1631" s="85"/>
      <c r="AT1631" s="85"/>
      <c r="AU1631" s="85"/>
      <c r="AV1631" s="85"/>
      <c r="AW1631" s="85"/>
      <c r="AX1631" s="85"/>
      <c r="AY1631" s="85"/>
      <c r="AZ1631" s="85"/>
      <c r="BA1631" s="85"/>
      <c r="BB1631" s="85"/>
      <c r="BC1631" s="85"/>
      <c r="BD1631" s="85"/>
      <c r="BE1631" s="85"/>
      <c r="BF1631" s="85"/>
      <c r="BG1631" s="85"/>
      <c r="BH1631" s="85"/>
      <c r="BI1631" s="85"/>
      <c r="BJ1631" s="85"/>
      <c r="BK1631" s="85"/>
      <c r="BL1631" s="85"/>
      <c r="BM1631" s="85"/>
      <c r="BN1631" s="85"/>
      <c r="BO1631" s="85"/>
      <c r="BP1631" s="85"/>
      <c r="BQ1631" s="85"/>
      <c r="BR1631" s="85"/>
      <c r="BS1631" s="85"/>
      <c r="BT1631" s="85"/>
      <c r="BU1631" s="85"/>
      <c r="BV1631" s="85"/>
      <c r="BW1631" s="85"/>
      <c r="BX1631" s="85"/>
      <c r="BY1631" s="85"/>
      <c r="BZ1631" s="85"/>
      <c r="CA1631" s="85"/>
      <c r="CB1631" s="85"/>
      <c r="CC1631" s="85"/>
      <c r="CD1631" s="85"/>
      <c r="CE1631" s="85"/>
      <c r="CF1631" s="85"/>
      <c r="CG1631" s="85"/>
    </row>
    <row r="1632" spans="1:85" s="9" customFormat="1" x14ac:dyDescent="0.2">
      <c r="A1632" s="85"/>
      <c r="J1632" s="85"/>
      <c r="K1632" s="85"/>
      <c r="L1632" s="85"/>
      <c r="M1632" s="85"/>
      <c r="N1632" s="85"/>
      <c r="O1632" s="85"/>
      <c r="P1632" s="85"/>
      <c r="Q1632" s="85"/>
      <c r="R1632" s="85"/>
      <c r="S1632" s="85"/>
      <c r="T1632" s="85"/>
      <c r="U1632" s="85"/>
      <c r="V1632" s="85"/>
      <c r="W1632" s="85"/>
      <c r="X1632" s="85"/>
      <c r="Y1632" s="85"/>
      <c r="Z1632" s="85"/>
      <c r="AA1632" s="85"/>
      <c r="AB1632" s="85"/>
      <c r="AC1632" s="85"/>
      <c r="AD1632" s="85"/>
      <c r="AE1632" s="85"/>
      <c r="AF1632" s="85"/>
      <c r="AG1632" s="85"/>
      <c r="AH1632" s="85"/>
      <c r="AI1632" s="85"/>
      <c r="AJ1632" s="85"/>
      <c r="AK1632" s="85"/>
      <c r="AL1632" s="85"/>
      <c r="AM1632" s="85"/>
      <c r="AN1632" s="85"/>
      <c r="AO1632" s="85"/>
      <c r="AP1632" s="85"/>
      <c r="AQ1632" s="85"/>
      <c r="AR1632" s="85"/>
      <c r="AS1632" s="85"/>
      <c r="AT1632" s="85"/>
      <c r="AU1632" s="85"/>
      <c r="AV1632" s="85"/>
      <c r="AW1632" s="85"/>
      <c r="AX1632" s="85"/>
      <c r="AY1632" s="85"/>
      <c r="AZ1632" s="85"/>
      <c r="BA1632" s="85"/>
      <c r="BB1632" s="85"/>
      <c r="BC1632" s="85"/>
      <c r="BD1632" s="85"/>
      <c r="BE1632" s="85"/>
      <c r="BF1632" s="85"/>
      <c r="BG1632" s="85"/>
      <c r="BH1632" s="85"/>
      <c r="BI1632" s="85"/>
      <c r="BJ1632" s="85"/>
      <c r="BK1632" s="85"/>
      <c r="BL1632" s="85"/>
      <c r="BM1632" s="85"/>
      <c r="BN1632" s="85"/>
      <c r="BO1632" s="85"/>
      <c r="BP1632" s="85"/>
      <c r="BQ1632" s="85"/>
      <c r="BR1632" s="85"/>
      <c r="BS1632" s="85"/>
      <c r="BT1632" s="85"/>
      <c r="BU1632" s="85"/>
      <c r="BV1632" s="85"/>
      <c r="BW1632" s="85"/>
      <c r="BX1632" s="85"/>
      <c r="BY1632" s="85"/>
      <c r="BZ1632" s="85"/>
      <c r="CA1632" s="85"/>
      <c r="CB1632" s="85"/>
      <c r="CC1632" s="85"/>
      <c r="CD1632" s="85"/>
      <c r="CE1632" s="85"/>
      <c r="CF1632" s="85"/>
      <c r="CG1632" s="85"/>
    </row>
    <row r="1633" spans="1:85" s="9" customFormat="1" x14ac:dyDescent="0.2">
      <c r="A1633" s="85"/>
      <c r="J1633" s="85"/>
      <c r="K1633" s="85"/>
      <c r="L1633" s="85"/>
      <c r="M1633" s="85"/>
      <c r="N1633" s="85"/>
      <c r="O1633" s="85"/>
      <c r="P1633" s="85"/>
      <c r="Q1633" s="85"/>
      <c r="R1633" s="85"/>
      <c r="S1633" s="85"/>
      <c r="T1633" s="85"/>
      <c r="U1633" s="85"/>
      <c r="V1633" s="85"/>
      <c r="W1633" s="85"/>
      <c r="X1633" s="85"/>
      <c r="Y1633" s="85"/>
      <c r="Z1633" s="85"/>
      <c r="AA1633" s="85"/>
      <c r="AB1633" s="85"/>
      <c r="AC1633" s="85"/>
      <c r="AD1633" s="85"/>
      <c r="AE1633" s="85"/>
      <c r="AF1633" s="85"/>
      <c r="AG1633" s="85"/>
      <c r="AH1633" s="85"/>
      <c r="AI1633" s="85"/>
      <c r="AJ1633" s="85"/>
      <c r="AK1633" s="85"/>
      <c r="AL1633" s="85"/>
      <c r="AM1633" s="85"/>
      <c r="AN1633" s="85"/>
      <c r="AO1633" s="85"/>
      <c r="AP1633" s="85"/>
      <c r="AQ1633" s="85"/>
      <c r="AR1633" s="85"/>
      <c r="AS1633" s="85"/>
      <c r="AT1633" s="85"/>
      <c r="AU1633" s="85"/>
      <c r="AV1633" s="85"/>
      <c r="AW1633" s="85"/>
      <c r="AX1633" s="85"/>
      <c r="AY1633" s="85"/>
      <c r="AZ1633" s="85"/>
      <c r="BA1633" s="85"/>
      <c r="BB1633" s="85"/>
      <c r="BC1633" s="85"/>
      <c r="BD1633" s="85"/>
      <c r="BE1633" s="85"/>
      <c r="BF1633" s="85"/>
      <c r="BG1633" s="85"/>
      <c r="BH1633" s="85"/>
      <c r="BI1633" s="85"/>
      <c r="BJ1633" s="85"/>
      <c r="BK1633" s="85"/>
      <c r="BL1633" s="85"/>
      <c r="BM1633" s="85"/>
      <c r="BN1633" s="85"/>
      <c r="BO1633" s="85"/>
      <c r="BP1633" s="85"/>
      <c r="BQ1633" s="85"/>
      <c r="BR1633" s="85"/>
      <c r="BS1633" s="85"/>
      <c r="BT1633" s="85"/>
      <c r="BU1633" s="85"/>
      <c r="BV1633" s="85"/>
      <c r="BW1633" s="85"/>
      <c r="BX1633" s="85"/>
      <c r="BY1633" s="85"/>
      <c r="BZ1633" s="85"/>
      <c r="CA1633" s="85"/>
      <c r="CB1633" s="85"/>
      <c r="CC1633" s="85"/>
      <c r="CD1633" s="85"/>
      <c r="CE1633" s="85"/>
      <c r="CF1633" s="85"/>
      <c r="CG1633" s="85"/>
    </row>
    <row r="1634" spans="1:85" s="9" customFormat="1" x14ac:dyDescent="0.2">
      <c r="A1634" s="85"/>
      <c r="J1634" s="85"/>
      <c r="K1634" s="85"/>
      <c r="L1634" s="85"/>
      <c r="M1634" s="85"/>
      <c r="N1634" s="85"/>
      <c r="O1634" s="85"/>
      <c r="P1634" s="85"/>
      <c r="Q1634" s="85"/>
      <c r="R1634" s="85"/>
      <c r="S1634" s="85"/>
      <c r="T1634" s="85"/>
      <c r="U1634" s="85"/>
      <c r="V1634" s="85"/>
      <c r="W1634" s="85"/>
      <c r="X1634" s="85"/>
      <c r="Y1634" s="85"/>
      <c r="Z1634" s="85"/>
      <c r="AA1634" s="85"/>
      <c r="AB1634" s="85"/>
      <c r="AC1634" s="85"/>
      <c r="AD1634" s="85"/>
      <c r="AE1634" s="85"/>
      <c r="AF1634" s="85"/>
      <c r="AG1634" s="85"/>
      <c r="AH1634" s="85"/>
      <c r="AI1634" s="85"/>
      <c r="AJ1634" s="85"/>
      <c r="AK1634" s="85"/>
      <c r="AL1634" s="85"/>
      <c r="AM1634" s="85"/>
      <c r="AN1634" s="85"/>
      <c r="AO1634" s="85"/>
      <c r="AP1634" s="85"/>
      <c r="AQ1634" s="85"/>
      <c r="AR1634" s="85"/>
      <c r="AS1634" s="85"/>
      <c r="AT1634" s="85"/>
      <c r="AU1634" s="85"/>
      <c r="AV1634" s="85"/>
      <c r="AW1634" s="85"/>
      <c r="AX1634" s="85"/>
      <c r="AY1634" s="85"/>
      <c r="AZ1634" s="85"/>
      <c r="BA1634" s="85"/>
      <c r="BB1634" s="85"/>
      <c r="BC1634" s="85"/>
      <c r="BD1634" s="85"/>
      <c r="BE1634" s="85"/>
      <c r="BF1634" s="85"/>
      <c r="BG1634" s="85"/>
      <c r="BH1634" s="85"/>
      <c r="BI1634" s="85"/>
      <c r="BJ1634" s="85"/>
      <c r="BK1634" s="85"/>
      <c r="BL1634" s="85"/>
      <c r="BM1634" s="85"/>
      <c r="BN1634" s="85"/>
      <c r="BO1634" s="85"/>
      <c r="BP1634" s="85"/>
      <c r="BQ1634" s="85"/>
      <c r="BR1634" s="85"/>
      <c r="BS1634" s="85"/>
      <c r="BT1634" s="85"/>
      <c r="BU1634" s="85"/>
      <c r="BV1634" s="85"/>
      <c r="BW1634" s="85"/>
      <c r="BX1634" s="85"/>
      <c r="BY1634" s="85"/>
      <c r="BZ1634" s="85"/>
      <c r="CA1634" s="85"/>
      <c r="CB1634" s="85"/>
      <c r="CC1634" s="85"/>
      <c r="CD1634" s="85"/>
      <c r="CE1634" s="85"/>
      <c r="CF1634" s="85"/>
      <c r="CG1634" s="85"/>
    </row>
    <row r="1635" spans="1:85" s="9" customFormat="1" x14ac:dyDescent="0.2">
      <c r="A1635" s="85"/>
      <c r="J1635" s="85"/>
      <c r="K1635" s="85"/>
      <c r="L1635" s="85"/>
      <c r="M1635" s="85"/>
      <c r="N1635" s="85"/>
      <c r="O1635" s="85"/>
      <c r="P1635" s="85"/>
      <c r="Q1635" s="85"/>
      <c r="R1635" s="85"/>
      <c r="S1635" s="85"/>
      <c r="T1635" s="85"/>
      <c r="U1635" s="85"/>
      <c r="V1635" s="85"/>
      <c r="W1635" s="85"/>
      <c r="X1635" s="85"/>
      <c r="Y1635" s="85"/>
      <c r="Z1635" s="85"/>
      <c r="AA1635" s="85"/>
      <c r="AB1635" s="85"/>
      <c r="AC1635" s="85"/>
      <c r="AD1635" s="85"/>
      <c r="AE1635" s="85"/>
      <c r="AF1635" s="85"/>
      <c r="AG1635" s="85"/>
      <c r="AH1635" s="85"/>
      <c r="AI1635" s="85"/>
      <c r="AJ1635" s="85"/>
      <c r="AK1635" s="85"/>
      <c r="AL1635" s="85"/>
      <c r="AM1635" s="85"/>
      <c r="AN1635" s="85"/>
      <c r="AO1635" s="85"/>
      <c r="AP1635" s="85"/>
      <c r="AQ1635" s="85"/>
      <c r="AR1635" s="85"/>
      <c r="AS1635" s="85"/>
      <c r="AT1635" s="85"/>
      <c r="AU1635" s="85"/>
      <c r="AV1635" s="85"/>
      <c r="AW1635" s="85"/>
      <c r="AX1635" s="85"/>
      <c r="AY1635" s="85"/>
      <c r="AZ1635" s="85"/>
      <c r="BA1635" s="85"/>
      <c r="BB1635" s="85"/>
      <c r="BC1635" s="85"/>
      <c r="BD1635" s="85"/>
      <c r="BE1635" s="85"/>
      <c r="BF1635" s="85"/>
      <c r="BG1635" s="85"/>
      <c r="BH1635" s="85"/>
      <c r="BI1635" s="85"/>
      <c r="BJ1635" s="85"/>
      <c r="BK1635" s="85"/>
      <c r="BL1635" s="85"/>
      <c r="BM1635" s="85"/>
      <c r="BN1635" s="85"/>
      <c r="BO1635" s="85"/>
      <c r="BP1635" s="85"/>
      <c r="BQ1635" s="85"/>
      <c r="BR1635" s="85"/>
      <c r="BS1635" s="85"/>
      <c r="BT1635" s="85"/>
      <c r="BU1635" s="85"/>
      <c r="BV1635" s="85"/>
      <c r="BW1635" s="85"/>
      <c r="BX1635" s="85"/>
      <c r="BY1635" s="85"/>
      <c r="BZ1635" s="85"/>
      <c r="CA1635" s="85"/>
      <c r="CB1635" s="85"/>
      <c r="CC1635" s="85"/>
      <c r="CD1635" s="85"/>
      <c r="CE1635" s="85"/>
      <c r="CF1635" s="85"/>
      <c r="CG1635" s="85"/>
    </row>
    <row r="1636" spans="1:85" s="9" customFormat="1" x14ac:dyDescent="0.2">
      <c r="A1636" s="85"/>
      <c r="J1636" s="85"/>
      <c r="K1636" s="85"/>
      <c r="L1636" s="85"/>
      <c r="M1636" s="85"/>
      <c r="N1636" s="85"/>
      <c r="O1636" s="85"/>
      <c r="P1636" s="85"/>
      <c r="Q1636" s="85"/>
      <c r="R1636" s="85"/>
      <c r="S1636" s="85"/>
      <c r="T1636" s="85"/>
      <c r="U1636" s="85"/>
      <c r="V1636" s="85"/>
      <c r="W1636" s="85"/>
      <c r="X1636" s="85"/>
      <c r="Y1636" s="85"/>
      <c r="Z1636" s="85"/>
      <c r="AA1636" s="85"/>
      <c r="AB1636" s="85"/>
      <c r="AC1636" s="85"/>
      <c r="AD1636" s="85"/>
      <c r="AE1636" s="85"/>
      <c r="AF1636" s="85"/>
      <c r="AG1636" s="85"/>
      <c r="AH1636" s="85"/>
      <c r="AI1636" s="85"/>
      <c r="AJ1636" s="85"/>
      <c r="AK1636" s="85"/>
      <c r="AL1636" s="85"/>
      <c r="AM1636" s="85"/>
      <c r="AN1636" s="85"/>
      <c r="AO1636" s="85"/>
      <c r="AP1636" s="85"/>
      <c r="AQ1636" s="85"/>
      <c r="AR1636" s="85"/>
      <c r="AS1636" s="85"/>
      <c r="AT1636" s="85"/>
      <c r="AU1636" s="85"/>
      <c r="AV1636" s="85"/>
      <c r="AW1636" s="85"/>
      <c r="AX1636" s="85"/>
      <c r="AY1636" s="85"/>
      <c r="AZ1636" s="85"/>
      <c r="BA1636" s="85"/>
      <c r="BB1636" s="85"/>
      <c r="BC1636" s="85"/>
      <c r="BD1636" s="85"/>
      <c r="BE1636" s="85"/>
      <c r="BF1636" s="85"/>
      <c r="BG1636" s="85"/>
      <c r="BH1636" s="85"/>
      <c r="BI1636" s="85"/>
      <c r="BJ1636" s="85"/>
      <c r="BK1636" s="85"/>
      <c r="BL1636" s="85"/>
      <c r="BM1636" s="85"/>
      <c r="BN1636" s="85"/>
      <c r="BO1636" s="85"/>
      <c r="BP1636" s="85"/>
      <c r="BQ1636" s="85"/>
      <c r="BR1636" s="85"/>
      <c r="BS1636" s="85"/>
      <c r="BT1636" s="85"/>
      <c r="BU1636" s="85"/>
      <c r="BV1636" s="85"/>
      <c r="BW1636" s="85"/>
      <c r="BX1636" s="85"/>
      <c r="BY1636" s="85"/>
      <c r="BZ1636" s="85"/>
      <c r="CA1636" s="85"/>
      <c r="CB1636" s="85"/>
      <c r="CC1636" s="85"/>
      <c r="CD1636" s="85"/>
      <c r="CE1636" s="85"/>
      <c r="CF1636" s="85"/>
      <c r="CG1636" s="85"/>
    </row>
    <row r="1637" spans="1:85" s="9" customFormat="1" x14ac:dyDescent="0.2">
      <c r="A1637" s="85"/>
      <c r="J1637" s="85"/>
      <c r="K1637" s="85"/>
      <c r="L1637" s="85"/>
      <c r="M1637" s="85"/>
      <c r="N1637" s="85"/>
      <c r="O1637" s="85"/>
      <c r="P1637" s="85"/>
      <c r="Q1637" s="85"/>
      <c r="R1637" s="85"/>
      <c r="S1637" s="85"/>
      <c r="T1637" s="85"/>
      <c r="U1637" s="85"/>
      <c r="V1637" s="85"/>
      <c r="W1637" s="85"/>
      <c r="X1637" s="85"/>
      <c r="Y1637" s="85"/>
      <c r="Z1637" s="85"/>
      <c r="AA1637" s="85"/>
      <c r="AB1637" s="85"/>
      <c r="AC1637" s="85"/>
      <c r="AD1637" s="85"/>
      <c r="AE1637" s="85"/>
      <c r="AF1637" s="85"/>
      <c r="AG1637" s="85"/>
      <c r="AH1637" s="85"/>
      <c r="AI1637" s="85"/>
      <c r="AJ1637" s="85"/>
      <c r="AK1637" s="85"/>
      <c r="AL1637" s="85"/>
      <c r="AM1637" s="85"/>
      <c r="AN1637" s="85"/>
      <c r="AO1637" s="85"/>
      <c r="AP1637" s="85"/>
      <c r="AQ1637" s="85"/>
      <c r="AR1637" s="85"/>
      <c r="AS1637" s="85"/>
      <c r="AT1637" s="85"/>
      <c r="AU1637" s="85"/>
      <c r="AV1637" s="85"/>
      <c r="AW1637" s="85"/>
      <c r="AX1637" s="85"/>
      <c r="AY1637" s="85"/>
      <c r="AZ1637" s="85"/>
      <c r="BA1637" s="85"/>
      <c r="BB1637" s="85"/>
      <c r="BC1637" s="85"/>
      <c r="BD1637" s="85"/>
      <c r="BE1637" s="85"/>
      <c r="BF1637" s="85"/>
      <c r="BG1637" s="85"/>
      <c r="BH1637" s="85"/>
      <c r="BI1637" s="85"/>
      <c r="BJ1637" s="85"/>
      <c r="BK1637" s="85"/>
      <c r="BL1637" s="85"/>
      <c r="BM1637" s="85"/>
      <c r="BN1637" s="85"/>
      <c r="BO1637" s="85"/>
      <c r="BP1637" s="85"/>
      <c r="BQ1637" s="85"/>
      <c r="BR1637" s="85"/>
      <c r="BS1637" s="85"/>
      <c r="BT1637" s="85"/>
      <c r="BU1637" s="85"/>
      <c r="BV1637" s="85"/>
      <c r="BW1637" s="85"/>
      <c r="BX1637" s="85"/>
      <c r="BY1637" s="85"/>
      <c r="BZ1637" s="85"/>
      <c r="CA1637" s="85"/>
      <c r="CB1637" s="85"/>
      <c r="CC1637" s="85"/>
      <c r="CD1637" s="85"/>
      <c r="CE1637" s="85"/>
      <c r="CF1637" s="85"/>
      <c r="CG1637" s="85"/>
    </row>
    <row r="1638" spans="1:85" s="9" customFormat="1" x14ac:dyDescent="0.2">
      <c r="A1638" s="85"/>
      <c r="J1638" s="85"/>
      <c r="K1638" s="85"/>
      <c r="L1638" s="85"/>
      <c r="M1638" s="85"/>
      <c r="N1638" s="85"/>
      <c r="O1638" s="85"/>
      <c r="P1638" s="85"/>
      <c r="Q1638" s="85"/>
      <c r="R1638" s="85"/>
      <c r="S1638" s="85"/>
      <c r="T1638" s="85"/>
      <c r="U1638" s="85"/>
      <c r="V1638" s="85"/>
      <c r="W1638" s="85"/>
      <c r="X1638" s="85"/>
      <c r="Y1638" s="85"/>
      <c r="Z1638" s="85"/>
      <c r="AA1638" s="85"/>
      <c r="AB1638" s="85"/>
      <c r="AC1638" s="85"/>
      <c r="AD1638" s="85"/>
      <c r="AE1638" s="85"/>
      <c r="AF1638" s="85"/>
      <c r="AG1638" s="85"/>
      <c r="AH1638" s="85"/>
      <c r="AI1638" s="85"/>
      <c r="AJ1638" s="85"/>
      <c r="AK1638" s="85"/>
      <c r="AL1638" s="85"/>
      <c r="AM1638" s="85"/>
      <c r="AN1638" s="85"/>
      <c r="AO1638" s="85"/>
      <c r="AP1638" s="85"/>
      <c r="AQ1638" s="85"/>
      <c r="AR1638" s="85"/>
      <c r="AS1638" s="85"/>
      <c r="AT1638" s="85"/>
      <c r="AU1638" s="85"/>
      <c r="AV1638" s="85"/>
      <c r="AW1638" s="85"/>
      <c r="AX1638" s="85"/>
      <c r="AY1638" s="85"/>
      <c r="AZ1638" s="85"/>
      <c r="BA1638" s="85"/>
      <c r="BB1638" s="85"/>
      <c r="BC1638" s="85"/>
      <c r="BD1638" s="85"/>
      <c r="BE1638" s="85"/>
      <c r="BF1638" s="85"/>
      <c r="BG1638" s="85"/>
      <c r="BH1638" s="85"/>
      <c r="BI1638" s="85"/>
      <c r="BJ1638" s="85"/>
      <c r="BK1638" s="85"/>
      <c r="BL1638" s="85"/>
      <c r="BM1638" s="85"/>
      <c r="BN1638" s="85"/>
      <c r="BO1638" s="85"/>
      <c r="BP1638" s="85"/>
      <c r="BQ1638" s="85"/>
      <c r="BR1638" s="85"/>
      <c r="BS1638" s="85"/>
      <c r="BT1638" s="85"/>
      <c r="BU1638" s="85"/>
      <c r="BV1638" s="85"/>
      <c r="BW1638" s="85"/>
      <c r="BX1638" s="85"/>
      <c r="BY1638" s="85"/>
      <c r="BZ1638" s="85"/>
      <c r="CA1638" s="85"/>
      <c r="CB1638" s="85"/>
      <c r="CC1638" s="85"/>
      <c r="CD1638" s="85"/>
      <c r="CE1638" s="85"/>
      <c r="CF1638" s="85"/>
      <c r="CG1638" s="85"/>
    </row>
    <row r="1639" spans="1:85" s="9" customFormat="1" x14ac:dyDescent="0.2">
      <c r="A1639" s="85"/>
      <c r="J1639" s="85"/>
      <c r="K1639" s="85"/>
      <c r="L1639" s="85"/>
      <c r="M1639" s="85"/>
      <c r="N1639" s="85"/>
      <c r="O1639" s="85"/>
      <c r="P1639" s="85"/>
      <c r="Q1639" s="85"/>
      <c r="R1639" s="85"/>
      <c r="S1639" s="85"/>
      <c r="T1639" s="85"/>
      <c r="U1639" s="85"/>
      <c r="V1639" s="85"/>
      <c r="W1639" s="85"/>
      <c r="X1639" s="85"/>
      <c r="Y1639" s="85"/>
      <c r="Z1639" s="85"/>
      <c r="AA1639" s="85"/>
      <c r="AB1639" s="85"/>
      <c r="AC1639" s="85"/>
      <c r="AD1639" s="85"/>
      <c r="AE1639" s="85"/>
      <c r="AF1639" s="85"/>
      <c r="AG1639" s="85"/>
      <c r="AH1639" s="85"/>
      <c r="AI1639" s="85"/>
      <c r="AJ1639" s="85"/>
      <c r="AK1639" s="85"/>
      <c r="AL1639" s="85"/>
      <c r="AM1639" s="85"/>
      <c r="AN1639" s="85"/>
      <c r="AO1639" s="85"/>
      <c r="AP1639" s="85"/>
      <c r="AQ1639" s="85"/>
      <c r="AR1639" s="85"/>
      <c r="AS1639" s="85"/>
      <c r="AT1639" s="85"/>
      <c r="AU1639" s="85"/>
      <c r="AV1639" s="85"/>
      <c r="AW1639" s="85"/>
      <c r="AX1639" s="85"/>
      <c r="AY1639" s="85"/>
      <c r="AZ1639" s="85"/>
      <c r="BA1639" s="85"/>
      <c r="BB1639" s="85"/>
      <c r="BC1639" s="85"/>
      <c r="BD1639" s="85"/>
      <c r="BE1639" s="85"/>
      <c r="BF1639" s="85"/>
      <c r="BG1639" s="85"/>
      <c r="BH1639" s="85"/>
      <c r="BI1639" s="85"/>
      <c r="BJ1639" s="85"/>
      <c r="BK1639" s="85"/>
      <c r="BL1639" s="85"/>
      <c r="BM1639" s="85"/>
      <c r="BN1639" s="85"/>
      <c r="BO1639" s="85"/>
      <c r="BP1639" s="85"/>
      <c r="BQ1639" s="85"/>
      <c r="BR1639" s="85"/>
      <c r="BS1639" s="85"/>
      <c r="BT1639" s="85"/>
      <c r="BU1639" s="85"/>
      <c r="BV1639" s="85"/>
      <c r="BW1639" s="85"/>
      <c r="BX1639" s="85"/>
      <c r="BY1639" s="85"/>
      <c r="BZ1639" s="85"/>
      <c r="CA1639" s="85"/>
      <c r="CB1639" s="85"/>
      <c r="CC1639" s="85"/>
      <c r="CD1639" s="85"/>
      <c r="CE1639" s="85"/>
      <c r="CF1639" s="85"/>
      <c r="CG1639" s="85"/>
    </row>
    <row r="1640" spans="1:85" s="9" customFormat="1" x14ac:dyDescent="0.2">
      <c r="A1640" s="85"/>
      <c r="J1640" s="85"/>
      <c r="K1640" s="85"/>
      <c r="L1640" s="85"/>
      <c r="M1640" s="85"/>
      <c r="N1640" s="85"/>
      <c r="O1640" s="85"/>
      <c r="P1640" s="85"/>
      <c r="Q1640" s="85"/>
      <c r="R1640" s="85"/>
      <c r="S1640" s="85"/>
      <c r="T1640" s="85"/>
      <c r="U1640" s="85"/>
      <c r="V1640" s="85"/>
      <c r="W1640" s="85"/>
      <c r="X1640" s="85"/>
      <c r="Y1640" s="85"/>
      <c r="Z1640" s="85"/>
      <c r="AA1640" s="85"/>
      <c r="AB1640" s="85"/>
      <c r="AC1640" s="85"/>
      <c r="AD1640" s="85"/>
      <c r="AE1640" s="85"/>
      <c r="AF1640" s="85"/>
      <c r="AG1640" s="85"/>
      <c r="AH1640" s="85"/>
      <c r="AI1640" s="85"/>
      <c r="AJ1640" s="85"/>
      <c r="AK1640" s="85"/>
      <c r="AL1640" s="85"/>
      <c r="AM1640" s="85"/>
      <c r="AN1640" s="85"/>
      <c r="AO1640" s="85"/>
      <c r="AP1640" s="85"/>
      <c r="AQ1640" s="85"/>
      <c r="AR1640" s="85"/>
      <c r="AS1640" s="85"/>
      <c r="AT1640" s="85"/>
      <c r="AU1640" s="85"/>
      <c r="AV1640" s="85"/>
      <c r="AW1640" s="85"/>
      <c r="AX1640" s="85"/>
      <c r="AY1640" s="85"/>
      <c r="AZ1640" s="85"/>
      <c r="BA1640" s="85"/>
      <c r="BB1640" s="85"/>
      <c r="BC1640" s="85"/>
      <c r="BD1640" s="85"/>
      <c r="BE1640" s="85"/>
      <c r="BF1640" s="85"/>
      <c r="BG1640" s="85"/>
      <c r="BH1640" s="85"/>
      <c r="BI1640" s="85"/>
      <c r="BJ1640" s="85"/>
      <c r="BK1640" s="85"/>
      <c r="BL1640" s="85"/>
      <c r="BM1640" s="85"/>
      <c r="BN1640" s="85"/>
      <c r="BO1640" s="85"/>
      <c r="BP1640" s="85"/>
      <c r="BQ1640" s="85"/>
      <c r="BR1640" s="85"/>
      <c r="BS1640" s="85"/>
      <c r="BT1640" s="85"/>
      <c r="BU1640" s="85"/>
      <c r="BV1640" s="85"/>
      <c r="BW1640" s="85"/>
      <c r="BX1640" s="85"/>
      <c r="BY1640" s="85"/>
      <c r="BZ1640" s="85"/>
      <c r="CA1640" s="85"/>
      <c r="CB1640" s="85"/>
      <c r="CC1640" s="85"/>
      <c r="CD1640" s="85"/>
      <c r="CE1640" s="85"/>
      <c r="CF1640" s="85"/>
      <c r="CG1640" s="85"/>
    </row>
    <row r="1641" spans="1:85" s="9" customFormat="1" x14ac:dyDescent="0.2">
      <c r="A1641" s="85"/>
      <c r="J1641" s="85"/>
      <c r="K1641" s="85"/>
      <c r="L1641" s="85"/>
      <c r="M1641" s="85"/>
      <c r="N1641" s="85"/>
      <c r="O1641" s="85"/>
      <c r="P1641" s="85"/>
      <c r="Q1641" s="85"/>
      <c r="R1641" s="85"/>
      <c r="S1641" s="85"/>
      <c r="T1641" s="85"/>
      <c r="U1641" s="85"/>
      <c r="V1641" s="85"/>
      <c r="W1641" s="85"/>
      <c r="X1641" s="85"/>
      <c r="Y1641" s="85"/>
      <c r="Z1641" s="85"/>
      <c r="AA1641" s="85"/>
      <c r="AB1641" s="85"/>
      <c r="AC1641" s="85"/>
      <c r="AD1641" s="85"/>
      <c r="AE1641" s="85"/>
      <c r="AF1641" s="85"/>
      <c r="AG1641" s="85"/>
      <c r="AH1641" s="85"/>
      <c r="AI1641" s="85"/>
      <c r="AJ1641" s="85"/>
      <c r="AK1641" s="85"/>
      <c r="AL1641" s="85"/>
      <c r="AM1641" s="85"/>
      <c r="AN1641" s="85"/>
      <c r="AO1641" s="85"/>
      <c r="AP1641" s="85"/>
      <c r="AQ1641" s="85"/>
      <c r="AR1641" s="85"/>
      <c r="AS1641" s="85"/>
      <c r="AT1641" s="85"/>
      <c r="AU1641" s="85"/>
      <c r="AV1641" s="85"/>
      <c r="AW1641" s="85"/>
      <c r="AX1641" s="85"/>
      <c r="AY1641" s="85"/>
      <c r="AZ1641" s="85"/>
      <c r="BA1641" s="85"/>
      <c r="BB1641" s="85"/>
      <c r="BC1641" s="85"/>
      <c r="BD1641" s="85"/>
      <c r="BE1641" s="85"/>
      <c r="BF1641" s="85"/>
      <c r="BG1641" s="85"/>
      <c r="BH1641" s="85"/>
      <c r="BI1641" s="85"/>
      <c r="BJ1641" s="85"/>
      <c r="BK1641" s="85"/>
      <c r="BL1641" s="85"/>
      <c r="BM1641" s="85"/>
      <c r="BN1641" s="85"/>
      <c r="BO1641" s="85"/>
      <c r="BP1641" s="85"/>
      <c r="BQ1641" s="85"/>
      <c r="BR1641" s="85"/>
      <c r="BS1641" s="85"/>
      <c r="BT1641" s="85"/>
      <c r="BU1641" s="85"/>
      <c r="BV1641" s="85"/>
      <c r="BW1641" s="85"/>
      <c r="BX1641" s="85"/>
      <c r="BY1641" s="85"/>
      <c r="BZ1641" s="85"/>
      <c r="CA1641" s="85"/>
      <c r="CB1641" s="85"/>
      <c r="CC1641" s="85"/>
      <c r="CD1641" s="85"/>
      <c r="CE1641" s="85"/>
      <c r="CF1641" s="85"/>
      <c r="CG1641" s="85"/>
    </row>
    <row r="1642" spans="1:85" s="9" customFormat="1" x14ac:dyDescent="0.2">
      <c r="A1642" s="85"/>
      <c r="J1642" s="85"/>
      <c r="K1642" s="85"/>
      <c r="L1642" s="85"/>
      <c r="M1642" s="85"/>
      <c r="N1642" s="85"/>
      <c r="O1642" s="85"/>
      <c r="P1642" s="85"/>
      <c r="Q1642" s="85"/>
      <c r="R1642" s="85"/>
      <c r="S1642" s="85"/>
      <c r="T1642" s="85"/>
      <c r="U1642" s="85"/>
      <c r="V1642" s="85"/>
      <c r="W1642" s="85"/>
      <c r="X1642" s="85"/>
      <c r="Y1642" s="85"/>
      <c r="Z1642" s="85"/>
      <c r="AA1642" s="85"/>
      <c r="AB1642" s="85"/>
      <c r="AC1642" s="85"/>
      <c r="AD1642" s="85"/>
      <c r="AE1642" s="85"/>
      <c r="AF1642" s="85"/>
      <c r="AG1642" s="85"/>
      <c r="AH1642" s="85"/>
      <c r="AI1642" s="85"/>
      <c r="AJ1642" s="85"/>
      <c r="AK1642" s="85"/>
      <c r="AL1642" s="85"/>
      <c r="AM1642" s="85"/>
      <c r="AN1642" s="85"/>
      <c r="AO1642" s="85"/>
      <c r="AP1642" s="85"/>
      <c r="AQ1642" s="85"/>
      <c r="AR1642" s="85"/>
      <c r="AS1642" s="85"/>
      <c r="AT1642" s="85"/>
      <c r="AU1642" s="85"/>
      <c r="AV1642" s="85"/>
      <c r="AW1642" s="85"/>
      <c r="AX1642" s="85"/>
      <c r="AY1642" s="85"/>
      <c r="AZ1642" s="85"/>
      <c r="BA1642" s="85"/>
      <c r="BB1642" s="85"/>
      <c r="BC1642" s="85"/>
      <c r="BD1642" s="85"/>
      <c r="BE1642" s="85"/>
      <c r="BF1642" s="85"/>
      <c r="BG1642" s="85"/>
      <c r="BH1642" s="85"/>
      <c r="BI1642" s="85"/>
      <c r="BJ1642" s="85"/>
      <c r="BK1642" s="85"/>
      <c r="BL1642" s="85"/>
      <c r="BM1642" s="85"/>
      <c r="BN1642" s="85"/>
      <c r="BO1642" s="85"/>
      <c r="BP1642" s="85"/>
      <c r="BQ1642" s="85"/>
      <c r="BR1642" s="85"/>
      <c r="BS1642" s="85"/>
      <c r="BT1642" s="85"/>
      <c r="BU1642" s="85"/>
      <c r="BV1642" s="85"/>
      <c r="BW1642" s="85"/>
      <c r="BX1642" s="85"/>
      <c r="BY1642" s="85"/>
      <c r="BZ1642" s="85"/>
      <c r="CA1642" s="85"/>
      <c r="CB1642" s="85"/>
      <c r="CC1642" s="85"/>
      <c r="CD1642" s="85"/>
      <c r="CE1642" s="85"/>
      <c r="CF1642" s="85"/>
      <c r="CG1642" s="85"/>
    </row>
    <row r="1643" spans="1:85" s="9" customFormat="1" x14ac:dyDescent="0.2">
      <c r="A1643" s="85"/>
      <c r="J1643" s="85"/>
      <c r="K1643" s="85"/>
      <c r="L1643" s="85"/>
      <c r="M1643" s="85"/>
      <c r="N1643" s="85"/>
      <c r="O1643" s="85"/>
      <c r="P1643" s="85"/>
      <c r="Q1643" s="85"/>
      <c r="R1643" s="85"/>
      <c r="S1643" s="85"/>
      <c r="T1643" s="85"/>
      <c r="U1643" s="85"/>
      <c r="V1643" s="85"/>
      <c r="W1643" s="85"/>
      <c r="X1643" s="85"/>
      <c r="Y1643" s="85"/>
      <c r="Z1643" s="85"/>
      <c r="AA1643" s="85"/>
      <c r="AB1643" s="85"/>
      <c r="AC1643" s="85"/>
      <c r="AD1643" s="85"/>
      <c r="AE1643" s="85"/>
      <c r="AF1643" s="85"/>
      <c r="AG1643" s="85"/>
      <c r="AH1643" s="85"/>
      <c r="AI1643" s="85"/>
      <c r="AJ1643" s="85"/>
      <c r="AK1643" s="85"/>
      <c r="AL1643" s="85"/>
      <c r="AM1643" s="85"/>
      <c r="AN1643" s="85"/>
      <c r="AO1643" s="85"/>
      <c r="AP1643" s="85"/>
      <c r="AQ1643" s="85"/>
      <c r="AR1643" s="85"/>
      <c r="AS1643" s="85"/>
      <c r="AT1643" s="85"/>
      <c r="AU1643" s="85"/>
      <c r="AV1643" s="85"/>
      <c r="AW1643" s="85"/>
      <c r="AX1643" s="85"/>
      <c r="AY1643" s="85"/>
      <c r="AZ1643" s="85"/>
      <c r="BA1643" s="85"/>
      <c r="BB1643" s="85"/>
      <c r="BC1643" s="85"/>
      <c r="BD1643" s="85"/>
      <c r="BE1643" s="85"/>
      <c r="BF1643" s="85"/>
      <c r="BG1643" s="85"/>
      <c r="BH1643" s="85"/>
      <c r="BI1643" s="85"/>
      <c r="BJ1643" s="85"/>
      <c r="BK1643" s="85"/>
      <c r="BL1643" s="85"/>
      <c r="BM1643" s="85"/>
      <c r="BN1643" s="85"/>
      <c r="BO1643" s="85"/>
      <c r="BP1643" s="85"/>
      <c r="BQ1643" s="85"/>
      <c r="BR1643" s="85"/>
      <c r="BS1643" s="85"/>
      <c r="BT1643" s="85"/>
      <c r="BU1643" s="85"/>
      <c r="BV1643" s="85"/>
      <c r="BW1643" s="85"/>
      <c r="BX1643" s="85"/>
      <c r="BY1643" s="85"/>
      <c r="BZ1643" s="85"/>
      <c r="CA1643" s="85"/>
      <c r="CB1643" s="85"/>
      <c r="CC1643" s="85"/>
      <c r="CD1643" s="85"/>
      <c r="CE1643" s="85"/>
      <c r="CF1643" s="85"/>
      <c r="CG1643" s="85"/>
    </row>
    <row r="1644" spans="1:85" s="9" customFormat="1" x14ac:dyDescent="0.2">
      <c r="A1644" s="85"/>
      <c r="J1644" s="85"/>
      <c r="K1644" s="85"/>
      <c r="L1644" s="85"/>
      <c r="M1644" s="85"/>
      <c r="N1644" s="85"/>
      <c r="O1644" s="85"/>
      <c r="P1644" s="85"/>
      <c r="Q1644" s="85"/>
      <c r="R1644" s="85"/>
      <c r="S1644" s="85"/>
      <c r="T1644" s="85"/>
      <c r="U1644" s="85"/>
      <c r="V1644" s="85"/>
      <c r="W1644" s="85"/>
      <c r="X1644" s="85"/>
      <c r="Y1644" s="85"/>
      <c r="Z1644" s="85"/>
      <c r="AA1644" s="85"/>
      <c r="AB1644" s="85"/>
      <c r="AC1644" s="85"/>
      <c r="AD1644" s="85"/>
      <c r="AE1644" s="85"/>
      <c r="AF1644" s="85"/>
      <c r="AG1644" s="85"/>
      <c r="AH1644" s="85"/>
      <c r="AI1644" s="85"/>
      <c r="AJ1644" s="85"/>
      <c r="AK1644" s="85"/>
      <c r="AL1644" s="85"/>
      <c r="AM1644" s="85"/>
      <c r="AN1644" s="85"/>
      <c r="AO1644" s="85"/>
      <c r="AP1644" s="85"/>
      <c r="AQ1644" s="85"/>
      <c r="AR1644" s="85"/>
      <c r="AS1644" s="85"/>
      <c r="AT1644" s="85"/>
      <c r="AU1644" s="85"/>
      <c r="AV1644" s="85"/>
      <c r="AW1644" s="85"/>
      <c r="AX1644" s="85"/>
      <c r="AY1644" s="85"/>
      <c r="AZ1644" s="85"/>
      <c r="BA1644" s="85"/>
      <c r="BB1644" s="85"/>
      <c r="BC1644" s="85"/>
      <c r="BD1644" s="85"/>
      <c r="BE1644" s="85"/>
      <c r="BF1644" s="85"/>
      <c r="BG1644" s="85"/>
      <c r="BH1644" s="85"/>
      <c r="BI1644" s="85"/>
      <c r="BJ1644" s="85"/>
      <c r="BK1644" s="85"/>
      <c r="BL1644" s="85"/>
      <c r="BM1644" s="85"/>
      <c r="BN1644" s="85"/>
      <c r="BO1644" s="85"/>
      <c r="BP1644" s="85"/>
      <c r="BQ1644" s="85"/>
      <c r="BR1644" s="85"/>
      <c r="BS1644" s="85"/>
      <c r="BT1644" s="85"/>
      <c r="BU1644" s="85"/>
      <c r="BV1644" s="85"/>
      <c r="BW1644" s="85"/>
      <c r="BX1644" s="85"/>
      <c r="BY1644" s="85"/>
      <c r="BZ1644" s="85"/>
      <c r="CA1644" s="85"/>
      <c r="CB1644" s="85"/>
      <c r="CC1644" s="85"/>
      <c r="CD1644" s="85"/>
      <c r="CE1644" s="85"/>
      <c r="CF1644" s="85"/>
      <c r="CG1644" s="85"/>
    </row>
    <row r="1645" spans="1:85" s="9" customFormat="1" x14ac:dyDescent="0.2">
      <c r="A1645" s="85"/>
      <c r="J1645" s="85"/>
      <c r="K1645" s="85"/>
      <c r="L1645" s="85"/>
      <c r="M1645" s="85"/>
      <c r="N1645" s="85"/>
      <c r="O1645" s="85"/>
      <c r="P1645" s="85"/>
      <c r="Q1645" s="85"/>
      <c r="R1645" s="85"/>
      <c r="S1645" s="85"/>
      <c r="T1645" s="85"/>
      <c r="U1645" s="85"/>
      <c r="V1645" s="85"/>
      <c r="W1645" s="85"/>
      <c r="X1645" s="85"/>
      <c r="Y1645" s="85"/>
      <c r="Z1645" s="85"/>
      <c r="AA1645" s="85"/>
      <c r="AB1645" s="85"/>
      <c r="AC1645" s="85"/>
      <c r="AD1645" s="85"/>
      <c r="AE1645" s="85"/>
      <c r="AF1645" s="85"/>
      <c r="AG1645" s="85"/>
      <c r="AH1645" s="85"/>
      <c r="AI1645" s="85"/>
      <c r="AJ1645" s="85"/>
      <c r="AK1645" s="85"/>
      <c r="AL1645" s="85"/>
      <c r="AM1645" s="85"/>
      <c r="AN1645" s="85"/>
      <c r="AO1645" s="85"/>
      <c r="AP1645" s="85"/>
      <c r="AQ1645" s="85"/>
      <c r="AR1645" s="85"/>
      <c r="AS1645" s="85"/>
      <c r="AT1645" s="85"/>
      <c r="AU1645" s="85"/>
      <c r="AV1645" s="85"/>
      <c r="AW1645" s="85"/>
      <c r="AX1645" s="85"/>
      <c r="AY1645" s="85"/>
      <c r="AZ1645" s="85"/>
      <c r="BA1645" s="85"/>
      <c r="BB1645" s="85"/>
      <c r="BC1645" s="85"/>
      <c r="BD1645" s="85"/>
      <c r="BE1645" s="85"/>
      <c r="BF1645" s="85"/>
      <c r="BG1645" s="85"/>
      <c r="BH1645" s="85"/>
      <c r="BI1645" s="85"/>
      <c r="BJ1645" s="85"/>
      <c r="BK1645" s="85"/>
      <c r="BL1645" s="85"/>
      <c r="BM1645" s="85"/>
      <c r="BN1645" s="85"/>
      <c r="BO1645" s="85"/>
      <c r="BP1645" s="85"/>
      <c r="BQ1645" s="85"/>
      <c r="BR1645" s="85"/>
      <c r="BS1645" s="85"/>
      <c r="BT1645" s="85"/>
      <c r="BU1645" s="85"/>
      <c r="BV1645" s="85"/>
      <c r="BW1645" s="85"/>
      <c r="BX1645" s="85"/>
      <c r="BY1645" s="85"/>
      <c r="BZ1645" s="85"/>
      <c r="CA1645" s="85"/>
      <c r="CB1645" s="85"/>
      <c r="CC1645" s="85"/>
      <c r="CD1645" s="85"/>
      <c r="CE1645" s="85"/>
      <c r="CF1645" s="85"/>
      <c r="CG1645" s="85"/>
    </row>
    <row r="1646" spans="1:85" s="9" customFormat="1" x14ac:dyDescent="0.2">
      <c r="A1646" s="85"/>
      <c r="J1646" s="85"/>
      <c r="K1646" s="85"/>
      <c r="L1646" s="85"/>
      <c r="M1646" s="85"/>
      <c r="N1646" s="85"/>
      <c r="O1646" s="85"/>
      <c r="P1646" s="85"/>
      <c r="Q1646" s="85"/>
      <c r="R1646" s="85"/>
      <c r="S1646" s="85"/>
      <c r="T1646" s="85"/>
      <c r="U1646" s="85"/>
      <c r="V1646" s="85"/>
      <c r="W1646" s="85"/>
      <c r="X1646" s="85"/>
      <c r="Y1646" s="85"/>
      <c r="Z1646" s="85"/>
      <c r="AA1646" s="85"/>
      <c r="AB1646" s="85"/>
      <c r="AC1646" s="85"/>
      <c r="AD1646" s="85"/>
      <c r="AE1646" s="85"/>
      <c r="AF1646" s="85"/>
      <c r="AG1646" s="85"/>
      <c r="AH1646" s="85"/>
      <c r="AI1646" s="85"/>
      <c r="AJ1646" s="85"/>
      <c r="AK1646" s="85"/>
      <c r="AL1646" s="85"/>
      <c r="AM1646" s="85"/>
      <c r="AN1646" s="85"/>
      <c r="AO1646" s="85"/>
      <c r="AP1646" s="85"/>
      <c r="AQ1646" s="85"/>
      <c r="AR1646" s="85"/>
      <c r="AS1646" s="85"/>
      <c r="AT1646" s="85"/>
      <c r="AU1646" s="85"/>
      <c r="AV1646" s="85"/>
      <c r="AW1646" s="85"/>
      <c r="AX1646" s="85"/>
      <c r="AY1646" s="85"/>
      <c r="AZ1646" s="85"/>
      <c r="BA1646" s="85"/>
      <c r="BB1646" s="85"/>
      <c r="BC1646" s="85"/>
      <c r="BD1646" s="85"/>
      <c r="BE1646" s="85"/>
      <c r="BF1646" s="85"/>
      <c r="BG1646" s="85"/>
      <c r="BH1646" s="85"/>
      <c r="BI1646" s="85"/>
      <c r="BJ1646" s="85"/>
      <c r="BK1646" s="85"/>
      <c r="BL1646" s="85"/>
      <c r="BM1646" s="85"/>
      <c r="BN1646" s="85"/>
      <c r="BO1646" s="85"/>
      <c r="BP1646" s="85"/>
      <c r="BQ1646" s="85"/>
      <c r="BR1646" s="85"/>
      <c r="BS1646" s="85"/>
      <c r="BT1646" s="85"/>
      <c r="BU1646" s="85"/>
      <c r="BV1646" s="85"/>
      <c r="BW1646" s="85"/>
      <c r="BX1646" s="85"/>
      <c r="BY1646" s="85"/>
      <c r="BZ1646" s="85"/>
      <c r="CA1646" s="85"/>
      <c r="CB1646" s="85"/>
      <c r="CC1646" s="85"/>
      <c r="CD1646" s="85"/>
      <c r="CE1646" s="85"/>
      <c r="CF1646" s="85"/>
      <c r="CG1646" s="85"/>
    </row>
    <row r="1647" spans="1:85" s="9" customFormat="1" x14ac:dyDescent="0.2">
      <c r="A1647" s="85"/>
      <c r="J1647" s="85"/>
      <c r="K1647" s="85"/>
      <c r="L1647" s="85"/>
      <c r="M1647" s="85"/>
      <c r="N1647" s="85"/>
      <c r="O1647" s="85"/>
      <c r="P1647" s="85"/>
      <c r="Q1647" s="85"/>
      <c r="R1647" s="85"/>
      <c r="S1647" s="85"/>
      <c r="T1647" s="85"/>
      <c r="U1647" s="85"/>
      <c r="V1647" s="85"/>
      <c r="W1647" s="85"/>
      <c r="X1647" s="85"/>
      <c r="Y1647" s="85"/>
      <c r="Z1647" s="85"/>
      <c r="AA1647" s="85"/>
      <c r="AB1647" s="85"/>
      <c r="AC1647" s="85"/>
      <c r="AD1647" s="85"/>
      <c r="AE1647" s="85"/>
      <c r="AF1647" s="85"/>
      <c r="AG1647" s="85"/>
      <c r="AH1647" s="85"/>
      <c r="AI1647" s="85"/>
      <c r="AJ1647" s="85"/>
      <c r="AK1647" s="85"/>
      <c r="AL1647" s="85"/>
      <c r="AM1647" s="85"/>
      <c r="AN1647" s="85"/>
      <c r="AO1647" s="85"/>
      <c r="AP1647" s="85"/>
      <c r="AQ1647" s="85"/>
      <c r="AR1647" s="85"/>
      <c r="AS1647" s="85"/>
      <c r="AT1647" s="85"/>
      <c r="AU1647" s="85"/>
      <c r="AV1647" s="85"/>
      <c r="AW1647" s="85"/>
      <c r="AX1647" s="85"/>
      <c r="AY1647" s="85"/>
      <c r="AZ1647" s="85"/>
      <c r="BA1647" s="85"/>
      <c r="BB1647" s="85"/>
      <c r="BC1647" s="85"/>
      <c r="BD1647" s="85"/>
      <c r="BE1647" s="85"/>
      <c r="BF1647" s="85"/>
      <c r="BG1647" s="85"/>
      <c r="BH1647" s="85"/>
      <c r="BI1647" s="85"/>
      <c r="BJ1647" s="85"/>
      <c r="BK1647" s="85"/>
      <c r="BL1647" s="85"/>
      <c r="BM1647" s="85"/>
      <c r="BN1647" s="85"/>
      <c r="BO1647" s="85"/>
      <c r="BP1647" s="85"/>
      <c r="BQ1647" s="85"/>
      <c r="BR1647" s="85"/>
      <c r="BS1647" s="85"/>
      <c r="BT1647" s="85"/>
      <c r="BU1647" s="85"/>
      <c r="BV1647" s="85"/>
      <c r="BW1647" s="85"/>
      <c r="BX1647" s="85"/>
      <c r="BY1647" s="85"/>
      <c r="BZ1647" s="85"/>
      <c r="CA1647" s="85"/>
      <c r="CB1647" s="85"/>
      <c r="CC1647" s="85"/>
      <c r="CD1647" s="85"/>
      <c r="CE1647" s="85"/>
      <c r="CF1647" s="85"/>
      <c r="CG1647" s="85"/>
    </row>
    <row r="1648" spans="1:85" s="9" customFormat="1" x14ac:dyDescent="0.2">
      <c r="A1648" s="85"/>
      <c r="J1648" s="85"/>
      <c r="K1648" s="85"/>
      <c r="L1648" s="85"/>
      <c r="M1648" s="85"/>
      <c r="N1648" s="85"/>
      <c r="O1648" s="85"/>
      <c r="P1648" s="85"/>
      <c r="Q1648" s="85"/>
      <c r="R1648" s="85"/>
      <c r="S1648" s="85"/>
      <c r="T1648" s="85"/>
      <c r="U1648" s="85"/>
      <c r="V1648" s="85"/>
      <c r="W1648" s="85"/>
      <c r="X1648" s="85"/>
      <c r="Y1648" s="85"/>
      <c r="Z1648" s="85"/>
      <c r="AA1648" s="85"/>
      <c r="AB1648" s="85"/>
      <c r="AC1648" s="85"/>
      <c r="AD1648" s="85"/>
      <c r="AE1648" s="85"/>
      <c r="AF1648" s="85"/>
      <c r="AG1648" s="85"/>
      <c r="AH1648" s="85"/>
      <c r="AI1648" s="85"/>
      <c r="AJ1648" s="85"/>
      <c r="AK1648" s="85"/>
      <c r="AL1648" s="85"/>
      <c r="AM1648" s="85"/>
      <c r="AN1648" s="85"/>
      <c r="AO1648" s="85"/>
      <c r="AP1648" s="85"/>
      <c r="AQ1648" s="85"/>
      <c r="AR1648" s="85"/>
      <c r="AS1648" s="85"/>
      <c r="AT1648" s="85"/>
      <c r="AU1648" s="85"/>
      <c r="AV1648" s="85"/>
      <c r="AW1648" s="85"/>
      <c r="AX1648" s="85"/>
      <c r="AY1648" s="85"/>
      <c r="AZ1648" s="85"/>
      <c r="BA1648" s="85"/>
      <c r="BB1648" s="85"/>
      <c r="BC1648" s="85"/>
      <c r="BD1648" s="85"/>
      <c r="BE1648" s="85"/>
      <c r="BF1648" s="85"/>
      <c r="BG1648" s="85"/>
      <c r="BH1648" s="85"/>
      <c r="BI1648" s="85"/>
      <c r="BJ1648" s="85"/>
      <c r="BK1648" s="85"/>
      <c r="BL1648" s="85"/>
      <c r="BM1648" s="85"/>
      <c r="BN1648" s="85"/>
      <c r="BO1648" s="85"/>
      <c r="BP1648" s="85"/>
      <c r="BQ1648" s="85"/>
      <c r="BR1648" s="85"/>
      <c r="BS1648" s="85"/>
      <c r="BT1648" s="85"/>
      <c r="BU1648" s="85"/>
      <c r="BV1648" s="85"/>
      <c r="BW1648" s="85"/>
      <c r="BX1648" s="85"/>
      <c r="BY1648" s="85"/>
      <c r="BZ1648" s="85"/>
      <c r="CA1648" s="85"/>
      <c r="CB1648" s="85"/>
      <c r="CC1648" s="85"/>
      <c r="CD1648" s="85"/>
      <c r="CE1648" s="85"/>
      <c r="CF1648" s="85"/>
      <c r="CG1648" s="85"/>
    </row>
    <row r="1649" spans="1:85" s="9" customFormat="1" x14ac:dyDescent="0.2">
      <c r="A1649" s="85"/>
      <c r="J1649" s="85"/>
      <c r="K1649" s="85"/>
      <c r="L1649" s="85"/>
      <c r="M1649" s="85"/>
      <c r="N1649" s="85"/>
      <c r="O1649" s="85"/>
      <c r="P1649" s="85"/>
      <c r="Q1649" s="85"/>
      <c r="R1649" s="85"/>
      <c r="S1649" s="85"/>
      <c r="T1649" s="85"/>
      <c r="U1649" s="85"/>
      <c r="V1649" s="85"/>
      <c r="W1649" s="85"/>
      <c r="X1649" s="85"/>
      <c r="Y1649" s="85"/>
      <c r="Z1649" s="85"/>
      <c r="AA1649" s="85"/>
      <c r="AB1649" s="85"/>
      <c r="AC1649" s="85"/>
      <c r="AD1649" s="85"/>
      <c r="AE1649" s="85"/>
      <c r="AF1649" s="85"/>
      <c r="AG1649" s="85"/>
      <c r="AH1649" s="85"/>
      <c r="AI1649" s="85"/>
      <c r="AJ1649" s="85"/>
      <c r="AK1649" s="85"/>
      <c r="AL1649" s="85"/>
      <c r="AM1649" s="85"/>
      <c r="AN1649" s="85"/>
      <c r="AO1649" s="85"/>
      <c r="AP1649" s="85"/>
      <c r="AQ1649" s="85"/>
      <c r="AR1649" s="85"/>
      <c r="AS1649" s="85"/>
      <c r="AT1649" s="85"/>
      <c r="AU1649" s="85"/>
      <c r="AV1649" s="85"/>
      <c r="AW1649" s="85"/>
      <c r="AX1649" s="85"/>
      <c r="AY1649" s="85"/>
      <c r="AZ1649" s="85"/>
      <c r="BA1649" s="85"/>
      <c r="BB1649" s="85"/>
      <c r="BC1649" s="85"/>
      <c r="BD1649" s="85"/>
      <c r="BE1649" s="85"/>
      <c r="BF1649" s="85"/>
      <c r="BG1649" s="85"/>
      <c r="BH1649" s="85"/>
      <c r="BI1649" s="85"/>
      <c r="BJ1649" s="85"/>
      <c r="BK1649" s="85"/>
      <c r="BL1649" s="85"/>
      <c r="BM1649" s="85"/>
      <c r="BN1649" s="85"/>
      <c r="BO1649" s="85"/>
      <c r="BP1649" s="85"/>
      <c r="BQ1649" s="85"/>
      <c r="BR1649" s="85"/>
      <c r="BS1649" s="85"/>
      <c r="BT1649" s="85"/>
      <c r="BU1649" s="85"/>
      <c r="BV1649" s="85"/>
      <c r="BW1649" s="85"/>
      <c r="BX1649" s="85"/>
      <c r="BY1649" s="85"/>
      <c r="BZ1649" s="85"/>
      <c r="CA1649" s="85"/>
      <c r="CB1649" s="85"/>
      <c r="CC1649" s="85"/>
      <c r="CD1649" s="85"/>
      <c r="CE1649" s="85"/>
      <c r="CF1649" s="85"/>
      <c r="CG1649" s="85"/>
    </row>
    <row r="1650" spans="1:85" s="9" customFormat="1" x14ac:dyDescent="0.2">
      <c r="A1650" s="85"/>
      <c r="J1650" s="85"/>
      <c r="K1650" s="85"/>
      <c r="L1650" s="85"/>
      <c r="M1650" s="85"/>
      <c r="N1650" s="85"/>
      <c r="O1650" s="85"/>
      <c r="P1650" s="85"/>
      <c r="Q1650" s="85"/>
      <c r="R1650" s="85"/>
      <c r="S1650" s="85"/>
      <c r="T1650" s="85"/>
      <c r="U1650" s="85"/>
      <c r="V1650" s="85"/>
      <c r="W1650" s="85"/>
      <c r="X1650" s="85"/>
      <c r="Y1650" s="85"/>
      <c r="Z1650" s="85"/>
      <c r="AA1650" s="85"/>
      <c r="AB1650" s="85"/>
      <c r="AC1650" s="85"/>
      <c r="AD1650" s="85"/>
      <c r="AE1650" s="85"/>
      <c r="AF1650" s="85"/>
      <c r="AG1650" s="85"/>
      <c r="AH1650" s="85"/>
      <c r="AI1650" s="85"/>
      <c r="AJ1650" s="85"/>
      <c r="AK1650" s="85"/>
      <c r="AL1650" s="85"/>
      <c r="AM1650" s="85"/>
      <c r="AN1650" s="85"/>
      <c r="AO1650" s="85"/>
      <c r="AP1650" s="85"/>
      <c r="AQ1650" s="85"/>
      <c r="AR1650" s="85"/>
      <c r="AS1650" s="85"/>
      <c r="AT1650" s="85"/>
      <c r="AU1650" s="85"/>
      <c r="AV1650" s="85"/>
      <c r="AW1650" s="85"/>
      <c r="AX1650" s="85"/>
      <c r="AY1650" s="85"/>
      <c r="AZ1650" s="85"/>
      <c r="BA1650" s="85"/>
      <c r="BB1650" s="85"/>
      <c r="BC1650" s="85"/>
      <c r="BD1650" s="85"/>
      <c r="BE1650" s="85"/>
      <c r="BF1650" s="85"/>
      <c r="BG1650" s="85"/>
      <c r="BH1650" s="85"/>
      <c r="BI1650" s="85"/>
      <c r="BJ1650" s="85"/>
      <c r="BK1650" s="85"/>
      <c r="BL1650" s="85"/>
      <c r="BM1650" s="85"/>
      <c r="BN1650" s="85"/>
      <c r="BO1650" s="85"/>
      <c r="BP1650" s="85"/>
      <c r="BQ1650" s="85"/>
      <c r="BR1650" s="85"/>
      <c r="BS1650" s="85"/>
      <c r="BT1650" s="85"/>
      <c r="BU1650" s="85"/>
      <c r="BV1650" s="85"/>
      <c r="BW1650" s="85"/>
      <c r="BX1650" s="85"/>
      <c r="BY1650" s="85"/>
      <c r="BZ1650" s="85"/>
      <c r="CA1650" s="85"/>
      <c r="CB1650" s="85"/>
      <c r="CC1650" s="85"/>
      <c r="CD1650" s="85"/>
      <c r="CE1650" s="85"/>
      <c r="CF1650" s="85"/>
      <c r="CG1650" s="85"/>
    </row>
    <row r="1651" spans="1:85" s="9" customFormat="1" x14ac:dyDescent="0.2">
      <c r="A1651" s="85"/>
      <c r="J1651" s="85"/>
      <c r="K1651" s="85"/>
      <c r="L1651" s="85"/>
      <c r="M1651" s="85"/>
      <c r="N1651" s="85"/>
      <c r="O1651" s="85"/>
      <c r="P1651" s="85"/>
      <c r="Q1651" s="85"/>
      <c r="R1651" s="85"/>
      <c r="S1651" s="85"/>
      <c r="T1651" s="85"/>
      <c r="U1651" s="85"/>
      <c r="V1651" s="85"/>
      <c r="W1651" s="85"/>
      <c r="X1651" s="85"/>
      <c r="Y1651" s="85"/>
      <c r="Z1651" s="85"/>
      <c r="AA1651" s="85"/>
      <c r="AB1651" s="85"/>
      <c r="AC1651" s="85"/>
      <c r="AD1651" s="85"/>
      <c r="AE1651" s="85"/>
      <c r="AF1651" s="85"/>
      <c r="AG1651" s="85"/>
      <c r="AH1651" s="85"/>
      <c r="AI1651" s="85"/>
      <c r="AJ1651" s="85"/>
      <c r="AK1651" s="85"/>
      <c r="AL1651" s="85"/>
      <c r="AM1651" s="85"/>
      <c r="AN1651" s="85"/>
      <c r="AO1651" s="85"/>
      <c r="AP1651" s="85"/>
      <c r="AQ1651" s="85"/>
      <c r="AR1651" s="85"/>
      <c r="AS1651" s="85"/>
      <c r="AT1651" s="85"/>
      <c r="AU1651" s="85"/>
      <c r="AV1651" s="85"/>
      <c r="AW1651" s="85"/>
      <c r="AX1651" s="85"/>
      <c r="AY1651" s="85"/>
      <c r="AZ1651" s="85"/>
      <c r="BA1651" s="85"/>
      <c r="BB1651" s="85"/>
      <c r="BC1651" s="85"/>
      <c r="BD1651" s="85"/>
      <c r="BE1651" s="85"/>
      <c r="BF1651" s="85"/>
      <c r="BG1651" s="85"/>
      <c r="BH1651" s="85"/>
      <c r="BI1651" s="85"/>
      <c r="BJ1651" s="85"/>
      <c r="BK1651" s="85"/>
      <c r="BL1651" s="85"/>
      <c r="BM1651" s="85"/>
      <c r="BN1651" s="85"/>
      <c r="BO1651" s="85"/>
      <c r="BP1651" s="85"/>
      <c r="BQ1651" s="85"/>
      <c r="BR1651" s="85"/>
      <c r="BS1651" s="85"/>
      <c r="BT1651" s="85"/>
      <c r="BU1651" s="85"/>
      <c r="BV1651" s="85"/>
      <c r="BW1651" s="85"/>
      <c r="BX1651" s="85"/>
      <c r="BY1651" s="85"/>
      <c r="BZ1651" s="85"/>
      <c r="CA1651" s="85"/>
      <c r="CB1651" s="85"/>
      <c r="CC1651" s="85"/>
      <c r="CD1651" s="85"/>
      <c r="CE1651" s="85"/>
      <c r="CF1651" s="85"/>
      <c r="CG1651" s="85"/>
    </row>
    <row r="1652" spans="1:85" s="9" customFormat="1" x14ac:dyDescent="0.2">
      <c r="A1652" s="85"/>
      <c r="J1652" s="85"/>
      <c r="K1652" s="85"/>
      <c r="L1652" s="85"/>
      <c r="M1652" s="85"/>
      <c r="N1652" s="85"/>
      <c r="O1652" s="85"/>
      <c r="P1652" s="85"/>
      <c r="Q1652" s="85"/>
      <c r="R1652" s="85"/>
      <c r="S1652" s="85"/>
      <c r="T1652" s="85"/>
      <c r="U1652" s="85"/>
      <c r="V1652" s="85"/>
      <c r="W1652" s="85"/>
      <c r="X1652" s="85"/>
      <c r="Y1652" s="85"/>
      <c r="Z1652" s="85"/>
      <c r="AA1652" s="85"/>
      <c r="AB1652" s="85"/>
      <c r="AC1652" s="85"/>
      <c r="AD1652" s="85"/>
      <c r="AE1652" s="85"/>
      <c r="AF1652" s="85"/>
      <c r="AG1652" s="85"/>
      <c r="AH1652" s="85"/>
      <c r="AI1652" s="85"/>
      <c r="AJ1652" s="85"/>
      <c r="AK1652" s="85"/>
      <c r="AL1652" s="85"/>
      <c r="AM1652" s="85"/>
      <c r="AN1652" s="85"/>
      <c r="AO1652" s="85"/>
      <c r="AP1652" s="85"/>
      <c r="AQ1652" s="85"/>
      <c r="AR1652" s="85"/>
      <c r="AS1652" s="85"/>
      <c r="AT1652" s="85"/>
      <c r="AU1652" s="85"/>
      <c r="AV1652" s="85"/>
      <c r="AW1652" s="85"/>
      <c r="AX1652" s="85"/>
      <c r="AY1652" s="85"/>
      <c r="AZ1652" s="85"/>
      <c r="BA1652" s="85"/>
      <c r="BB1652" s="85"/>
      <c r="BC1652" s="85"/>
      <c r="BD1652" s="85"/>
      <c r="BE1652" s="85"/>
      <c r="BF1652" s="85"/>
      <c r="BG1652" s="85"/>
      <c r="BH1652" s="85"/>
      <c r="BI1652" s="85"/>
      <c r="BJ1652" s="85"/>
      <c r="BK1652" s="85"/>
      <c r="BL1652" s="85"/>
      <c r="BM1652" s="85"/>
      <c r="BN1652" s="85"/>
      <c r="BO1652" s="85"/>
      <c r="BP1652" s="85"/>
      <c r="BQ1652" s="85"/>
      <c r="BR1652" s="85"/>
      <c r="BS1652" s="85"/>
      <c r="BT1652" s="85"/>
      <c r="BU1652" s="85"/>
      <c r="BV1652" s="85"/>
      <c r="BW1652" s="85"/>
      <c r="BX1652" s="85"/>
      <c r="BY1652" s="85"/>
      <c r="BZ1652" s="85"/>
      <c r="CA1652" s="85"/>
      <c r="CB1652" s="85"/>
      <c r="CC1652" s="85"/>
      <c r="CD1652" s="85"/>
      <c r="CE1652" s="85"/>
      <c r="CF1652" s="85"/>
      <c r="CG1652" s="85"/>
    </row>
    <row r="1653" spans="1:85" s="9" customFormat="1" x14ac:dyDescent="0.2">
      <c r="A1653" s="85"/>
      <c r="J1653" s="85"/>
      <c r="K1653" s="85"/>
      <c r="L1653" s="85"/>
      <c r="M1653" s="85"/>
      <c r="N1653" s="85"/>
      <c r="O1653" s="85"/>
      <c r="P1653" s="85"/>
      <c r="Q1653" s="85"/>
      <c r="R1653" s="85"/>
      <c r="S1653" s="85"/>
      <c r="T1653" s="85"/>
      <c r="U1653" s="85"/>
      <c r="V1653" s="85"/>
      <c r="W1653" s="85"/>
      <c r="X1653" s="85"/>
      <c r="Y1653" s="85"/>
      <c r="Z1653" s="85"/>
      <c r="AA1653" s="85"/>
      <c r="AB1653" s="85"/>
      <c r="AC1653" s="85"/>
      <c r="AD1653" s="85"/>
      <c r="AE1653" s="85"/>
      <c r="AF1653" s="85"/>
      <c r="AG1653" s="85"/>
      <c r="AH1653" s="85"/>
      <c r="AI1653" s="85"/>
      <c r="AJ1653" s="85"/>
      <c r="AK1653" s="85"/>
      <c r="AL1653" s="85"/>
      <c r="AM1653" s="85"/>
      <c r="AN1653" s="85"/>
      <c r="AO1653" s="85"/>
      <c r="AP1653" s="85"/>
      <c r="AQ1653" s="85"/>
      <c r="AR1653" s="85"/>
      <c r="AS1653" s="85"/>
      <c r="AT1653" s="85"/>
      <c r="AU1653" s="85"/>
      <c r="AV1653" s="85"/>
      <c r="AW1653" s="85"/>
      <c r="AX1653" s="85"/>
      <c r="AY1653" s="85"/>
      <c r="AZ1653" s="85"/>
      <c r="BA1653" s="85"/>
      <c r="BB1653" s="85"/>
      <c r="BC1653" s="85"/>
      <c r="BD1653" s="85"/>
      <c r="BE1653" s="85"/>
      <c r="BF1653" s="85"/>
      <c r="BG1653" s="85"/>
      <c r="BH1653" s="85"/>
      <c r="BI1653" s="85"/>
      <c r="BJ1653" s="85"/>
      <c r="BK1653" s="85"/>
      <c r="BL1653" s="85"/>
      <c r="BM1653" s="85"/>
      <c r="BN1653" s="85"/>
      <c r="BO1653" s="85"/>
      <c r="BP1653" s="85"/>
      <c r="BQ1653" s="85"/>
      <c r="BR1653" s="85"/>
      <c r="BS1653" s="85"/>
      <c r="BT1653" s="85"/>
      <c r="BU1653" s="85"/>
      <c r="BV1653" s="85"/>
      <c r="BW1653" s="85"/>
      <c r="BX1653" s="85"/>
      <c r="BY1653" s="85"/>
      <c r="BZ1653" s="85"/>
      <c r="CA1653" s="85"/>
      <c r="CB1653" s="85"/>
      <c r="CC1653" s="85"/>
      <c r="CD1653" s="85"/>
      <c r="CE1653" s="85"/>
      <c r="CF1653" s="85"/>
      <c r="CG1653" s="85"/>
    </row>
    <row r="1654" spans="1:85" s="9" customFormat="1" x14ac:dyDescent="0.2">
      <c r="A1654" s="85"/>
      <c r="J1654" s="85"/>
      <c r="K1654" s="85"/>
      <c r="L1654" s="85"/>
      <c r="M1654" s="85"/>
      <c r="N1654" s="85"/>
      <c r="O1654" s="85"/>
      <c r="P1654" s="85"/>
      <c r="Q1654" s="85"/>
      <c r="R1654" s="85"/>
      <c r="S1654" s="85"/>
      <c r="T1654" s="85"/>
      <c r="U1654" s="85"/>
      <c r="V1654" s="85"/>
      <c r="W1654" s="85"/>
      <c r="X1654" s="85"/>
      <c r="Y1654" s="85"/>
      <c r="Z1654" s="85"/>
      <c r="AA1654" s="85"/>
      <c r="AB1654" s="85"/>
      <c r="AC1654" s="85"/>
      <c r="AD1654" s="85"/>
      <c r="AE1654" s="85"/>
      <c r="AF1654" s="85"/>
      <c r="AG1654" s="85"/>
      <c r="AH1654" s="85"/>
      <c r="AI1654" s="85"/>
      <c r="AJ1654" s="85"/>
      <c r="AK1654" s="85"/>
      <c r="AL1654" s="85"/>
      <c r="AM1654" s="85"/>
      <c r="AN1654" s="85"/>
      <c r="AO1654" s="85"/>
      <c r="AP1654" s="85"/>
      <c r="AQ1654" s="85"/>
      <c r="AR1654" s="85"/>
      <c r="AS1654" s="85"/>
      <c r="AT1654" s="85"/>
      <c r="AU1654" s="85"/>
      <c r="AV1654" s="85"/>
      <c r="AW1654" s="85"/>
      <c r="AX1654" s="85"/>
      <c r="AY1654" s="85"/>
      <c r="AZ1654" s="85"/>
      <c r="BA1654" s="85"/>
      <c r="BB1654" s="85"/>
      <c r="BC1654" s="85"/>
      <c r="BD1654" s="85"/>
      <c r="BE1654" s="85"/>
      <c r="BF1654" s="85"/>
      <c r="BG1654" s="85"/>
      <c r="BH1654" s="85"/>
      <c r="BI1654" s="85"/>
      <c r="BJ1654" s="85"/>
      <c r="BK1654" s="85"/>
      <c r="BL1654" s="85"/>
      <c r="BM1654" s="85"/>
      <c r="BN1654" s="85"/>
      <c r="BO1654" s="85"/>
      <c r="BP1654" s="85"/>
      <c r="BQ1654" s="85"/>
      <c r="BR1654" s="85"/>
      <c r="BS1654" s="85"/>
      <c r="BT1654" s="85"/>
      <c r="BU1654" s="85"/>
      <c r="BV1654" s="85"/>
      <c r="BW1654" s="85"/>
      <c r="BX1654" s="85"/>
      <c r="BY1654" s="85"/>
      <c r="BZ1654" s="85"/>
      <c r="CA1654" s="85"/>
      <c r="CB1654" s="85"/>
      <c r="CC1654" s="85"/>
      <c r="CD1654" s="85"/>
      <c r="CE1654" s="85"/>
      <c r="CF1654" s="85"/>
      <c r="CG1654" s="85"/>
    </row>
    <row r="1655" spans="1:85" s="9" customFormat="1" x14ac:dyDescent="0.2">
      <c r="A1655" s="85"/>
      <c r="J1655" s="85"/>
      <c r="K1655" s="85"/>
      <c r="L1655" s="85"/>
      <c r="M1655" s="85"/>
      <c r="N1655" s="85"/>
      <c r="O1655" s="85"/>
      <c r="P1655" s="85"/>
      <c r="Q1655" s="85"/>
      <c r="R1655" s="85"/>
      <c r="S1655" s="85"/>
      <c r="T1655" s="85"/>
      <c r="U1655" s="85"/>
      <c r="V1655" s="85"/>
      <c r="W1655" s="85"/>
      <c r="X1655" s="85"/>
      <c r="Y1655" s="85"/>
      <c r="Z1655" s="85"/>
      <c r="AA1655" s="85"/>
      <c r="AB1655" s="85"/>
      <c r="AC1655" s="85"/>
      <c r="AD1655" s="85"/>
      <c r="AE1655" s="85"/>
      <c r="AF1655" s="85"/>
      <c r="AG1655" s="85"/>
      <c r="AH1655" s="85"/>
      <c r="AI1655" s="85"/>
      <c r="AJ1655" s="85"/>
      <c r="AK1655" s="85"/>
      <c r="AL1655" s="85"/>
      <c r="AM1655" s="85"/>
      <c r="AN1655" s="85"/>
      <c r="AO1655" s="85"/>
      <c r="AP1655" s="85"/>
      <c r="AQ1655" s="85"/>
      <c r="AR1655" s="85"/>
      <c r="AS1655" s="85"/>
      <c r="AT1655" s="85"/>
      <c r="AU1655" s="85"/>
      <c r="AV1655" s="85"/>
      <c r="AW1655" s="85"/>
      <c r="AX1655" s="85"/>
      <c r="AY1655" s="85"/>
      <c r="AZ1655" s="85"/>
      <c r="BA1655" s="85"/>
      <c r="BB1655" s="85"/>
      <c r="BC1655" s="85"/>
      <c r="BD1655" s="85"/>
      <c r="BE1655" s="85"/>
      <c r="BF1655" s="85"/>
      <c r="BG1655" s="85"/>
      <c r="BH1655" s="85"/>
      <c r="BI1655" s="85"/>
      <c r="BJ1655" s="85"/>
      <c r="BK1655" s="85"/>
      <c r="BL1655" s="85"/>
      <c r="BM1655" s="85"/>
      <c r="BN1655" s="85"/>
      <c r="BO1655" s="85"/>
      <c r="BP1655" s="85"/>
      <c r="BQ1655" s="85"/>
      <c r="BR1655" s="85"/>
      <c r="BS1655" s="85"/>
      <c r="BT1655" s="85"/>
      <c r="BU1655" s="85"/>
      <c r="BV1655" s="85"/>
      <c r="BW1655" s="85"/>
      <c r="BX1655" s="85"/>
      <c r="BY1655" s="85"/>
      <c r="BZ1655" s="85"/>
      <c r="CA1655" s="85"/>
      <c r="CB1655" s="85"/>
      <c r="CC1655" s="85"/>
      <c r="CD1655" s="85"/>
      <c r="CE1655" s="85"/>
      <c r="CF1655" s="85"/>
      <c r="CG1655" s="85"/>
    </row>
    <row r="1656" spans="1:85" s="9" customFormat="1" x14ac:dyDescent="0.2">
      <c r="A1656" s="85"/>
      <c r="J1656" s="85"/>
      <c r="K1656" s="85"/>
      <c r="L1656" s="85"/>
      <c r="M1656" s="85"/>
      <c r="N1656" s="85"/>
      <c r="O1656" s="85"/>
      <c r="P1656" s="85"/>
      <c r="Q1656" s="85"/>
      <c r="R1656" s="85"/>
      <c r="S1656" s="85"/>
      <c r="T1656" s="85"/>
      <c r="U1656" s="85"/>
      <c r="V1656" s="85"/>
      <c r="W1656" s="85"/>
      <c r="X1656" s="85"/>
      <c r="Y1656" s="85"/>
      <c r="Z1656" s="85"/>
      <c r="AA1656" s="85"/>
      <c r="AB1656" s="85"/>
      <c r="AC1656" s="85"/>
      <c r="AD1656" s="85"/>
      <c r="AE1656" s="85"/>
      <c r="AF1656" s="85"/>
      <c r="AG1656" s="85"/>
      <c r="AH1656" s="85"/>
      <c r="AI1656" s="85"/>
      <c r="AJ1656" s="85"/>
      <c r="AK1656" s="85"/>
      <c r="AL1656" s="85"/>
      <c r="AM1656" s="85"/>
      <c r="AN1656" s="85"/>
      <c r="AO1656" s="85"/>
      <c r="AP1656" s="85"/>
      <c r="AQ1656" s="85"/>
      <c r="AR1656" s="85"/>
      <c r="AS1656" s="85"/>
      <c r="AT1656" s="85"/>
      <c r="AU1656" s="85"/>
      <c r="AV1656" s="85"/>
      <c r="AW1656" s="85"/>
      <c r="AX1656" s="85"/>
      <c r="AY1656" s="85"/>
      <c r="AZ1656" s="85"/>
      <c r="BA1656" s="85"/>
      <c r="BB1656" s="85"/>
      <c r="BC1656" s="85"/>
      <c r="BD1656" s="85"/>
      <c r="BE1656" s="85"/>
      <c r="BF1656" s="85"/>
      <c r="BG1656" s="85"/>
      <c r="BH1656" s="85"/>
      <c r="BI1656" s="85"/>
      <c r="BJ1656" s="85"/>
      <c r="BK1656" s="85"/>
      <c r="BL1656" s="85"/>
      <c r="BM1656" s="85"/>
      <c r="BN1656" s="85"/>
      <c r="BO1656" s="85"/>
      <c r="BP1656" s="85"/>
      <c r="BQ1656" s="85"/>
      <c r="BR1656" s="85"/>
      <c r="BS1656" s="85"/>
      <c r="BT1656" s="85"/>
      <c r="BU1656" s="85"/>
      <c r="BV1656" s="85"/>
      <c r="BW1656" s="85"/>
      <c r="BX1656" s="85"/>
      <c r="BY1656" s="85"/>
      <c r="BZ1656" s="85"/>
      <c r="CA1656" s="85"/>
      <c r="CB1656" s="85"/>
      <c r="CC1656" s="85"/>
      <c r="CD1656" s="85"/>
      <c r="CE1656" s="85"/>
      <c r="CF1656" s="85"/>
      <c r="CG1656" s="85"/>
    </row>
    <row r="1657" spans="1:85" s="9" customFormat="1" x14ac:dyDescent="0.2">
      <c r="A1657" s="85"/>
      <c r="J1657" s="85"/>
      <c r="K1657" s="85"/>
      <c r="L1657" s="85"/>
      <c r="M1657" s="85"/>
      <c r="N1657" s="85"/>
      <c r="O1657" s="85"/>
      <c r="P1657" s="85"/>
      <c r="Q1657" s="85"/>
      <c r="R1657" s="85"/>
      <c r="S1657" s="85"/>
      <c r="T1657" s="85"/>
      <c r="U1657" s="85"/>
      <c r="V1657" s="85"/>
      <c r="W1657" s="85"/>
      <c r="X1657" s="85"/>
      <c r="Y1657" s="85"/>
      <c r="Z1657" s="85"/>
      <c r="AA1657" s="85"/>
      <c r="AB1657" s="85"/>
      <c r="AC1657" s="85"/>
      <c r="AD1657" s="85"/>
      <c r="AE1657" s="85"/>
      <c r="AF1657" s="85"/>
      <c r="AG1657" s="85"/>
      <c r="AH1657" s="85"/>
      <c r="AI1657" s="85"/>
      <c r="AJ1657" s="85"/>
      <c r="AK1657" s="85"/>
      <c r="AL1657" s="85"/>
      <c r="AM1657" s="85"/>
      <c r="AN1657" s="85"/>
      <c r="AO1657" s="85"/>
      <c r="AP1657" s="85"/>
      <c r="AQ1657" s="85"/>
      <c r="AR1657" s="85"/>
      <c r="AS1657" s="85"/>
      <c r="AT1657" s="85"/>
      <c r="AU1657" s="85"/>
      <c r="AV1657" s="85"/>
      <c r="AW1657" s="85"/>
      <c r="AX1657" s="85"/>
      <c r="AY1657" s="85"/>
      <c r="AZ1657" s="85"/>
      <c r="BA1657" s="85"/>
      <c r="BB1657" s="85"/>
      <c r="BC1657" s="85"/>
      <c r="BD1657" s="85"/>
      <c r="BE1657" s="85"/>
      <c r="BF1657" s="85"/>
      <c r="BG1657" s="85"/>
      <c r="BH1657" s="85"/>
      <c r="BI1657" s="85"/>
      <c r="BJ1657" s="85"/>
      <c r="BK1657" s="85"/>
      <c r="BL1657" s="85"/>
      <c r="BM1657" s="85"/>
      <c r="BN1657" s="85"/>
      <c r="BO1657" s="85"/>
      <c r="BP1657" s="85"/>
      <c r="BQ1657" s="85"/>
      <c r="BR1657" s="85"/>
      <c r="BS1657" s="85"/>
      <c r="BT1657" s="85"/>
      <c r="BU1657" s="85"/>
      <c r="BV1657" s="85"/>
      <c r="BW1657" s="85"/>
      <c r="BX1657" s="85"/>
      <c r="BY1657" s="85"/>
      <c r="BZ1657" s="85"/>
      <c r="CA1657" s="85"/>
      <c r="CB1657" s="85"/>
      <c r="CC1657" s="85"/>
      <c r="CD1657" s="85"/>
      <c r="CE1657" s="85"/>
      <c r="CF1657" s="85"/>
      <c r="CG1657" s="85"/>
    </row>
    <row r="1658" spans="1:85" s="9" customFormat="1" x14ac:dyDescent="0.2">
      <c r="A1658" s="85"/>
      <c r="J1658" s="85"/>
      <c r="K1658" s="85"/>
      <c r="L1658" s="85"/>
      <c r="M1658" s="85"/>
      <c r="N1658" s="85"/>
      <c r="O1658" s="85"/>
      <c r="P1658" s="85"/>
      <c r="Q1658" s="85"/>
      <c r="R1658" s="85"/>
      <c r="S1658" s="85"/>
      <c r="T1658" s="85"/>
      <c r="U1658" s="85"/>
      <c r="V1658" s="85"/>
      <c r="W1658" s="85"/>
      <c r="X1658" s="85"/>
      <c r="Y1658" s="85"/>
      <c r="Z1658" s="85"/>
      <c r="AA1658" s="85"/>
      <c r="AB1658" s="85"/>
      <c r="AC1658" s="85"/>
      <c r="AD1658" s="85"/>
      <c r="AE1658" s="85"/>
      <c r="AF1658" s="85"/>
      <c r="AG1658" s="85"/>
      <c r="AH1658" s="85"/>
      <c r="AI1658" s="85"/>
      <c r="AJ1658" s="85"/>
      <c r="AK1658" s="85"/>
      <c r="AL1658" s="85"/>
      <c r="AM1658" s="85"/>
      <c r="AN1658" s="85"/>
      <c r="AO1658" s="85"/>
      <c r="AP1658" s="85"/>
      <c r="AQ1658" s="85"/>
      <c r="AR1658" s="85"/>
      <c r="AS1658" s="85"/>
      <c r="AT1658" s="85"/>
      <c r="AU1658" s="85"/>
      <c r="AV1658" s="85"/>
      <c r="AW1658" s="85"/>
      <c r="AX1658" s="85"/>
      <c r="AY1658" s="85"/>
      <c r="AZ1658" s="85"/>
      <c r="BA1658" s="85"/>
      <c r="BB1658" s="85"/>
      <c r="BC1658" s="85"/>
      <c r="BD1658" s="85"/>
      <c r="BE1658" s="85"/>
      <c r="BF1658" s="85"/>
      <c r="BG1658" s="85"/>
      <c r="BH1658" s="85"/>
      <c r="BI1658" s="85"/>
      <c r="BJ1658" s="85"/>
      <c r="BK1658" s="85"/>
      <c r="BL1658" s="85"/>
      <c r="BM1658" s="85"/>
      <c r="BN1658" s="85"/>
      <c r="BO1658" s="85"/>
      <c r="BP1658" s="85"/>
      <c r="BQ1658" s="85"/>
      <c r="BR1658" s="85"/>
      <c r="BS1658" s="85"/>
      <c r="BT1658" s="85"/>
      <c r="BU1658" s="85"/>
      <c r="BV1658" s="85"/>
      <c r="BW1658" s="85"/>
      <c r="BX1658" s="85"/>
      <c r="BY1658" s="85"/>
      <c r="BZ1658" s="85"/>
      <c r="CA1658" s="85"/>
      <c r="CB1658" s="85"/>
      <c r="CC1658" s="85"/>
      <c r="CD1658" s="85"/>
      <c r="CE1658" s="85"/>
      <c r="CF1658" s="85"/>
      <c r="CG1658" s="85"/>
    </row>
    <row r="1659" spans="1:85" s="9" customFormat="1" x14ac:dyDescent="0.2">
      <c r="A1659" s="85"/>
      <c r="J1659" s="85"/>
      <c r="K1659" s="85"/>
      <c r="L1659" s="85"/>
      <c r="M1659" s="85"/>
      <c r="N1659" s="85"/>
      <c r="O1659" s="85"/>
      <c r="P1659" s="85"/>
      <c r="Q1659" s="85"/>
      <c r="R1659" s="85"/>
      <c r="S1659" s="85"/>
      <c r="T1659" s="85"/>
      <c r="U1659" s="85"/>
      <c r="V1659" s="85"/>
      <c r="W1659" s="85"/>
      <c r="X1659" s="85"/>
      <c r="Y1659" s="85"/>
      <c r="Z1659" s="85"/>
      <c r="AA1659" s="85"/>
      <c r="AB1659" s="85"/>
      <c r="AC1659" s="85"/>
      <c r="AD1659" s="85"/>
      <c r="AE1659" s="85"/>
      <c r="AF1659" s="85"/>
      <c r="AG1659" s="85"/>
      <c r="AH1659" s="85"/>
      <c r="AI1659" s="85"/>
      <c r="AJ1659" s="85"/>
      <c r="AK1659" s="85"/>
      <c r="AL1659" s="85"/>
      <c r="AM1659" s="85"/>
      <c r="AN1659" s="85"/>
      <c r="AO1659" s="85"/>
      <c r="AP1659" s="85"/>
      <c r="AQ1659" s="85"/>
      <c r="AR1659" s="85"/>
      <c r="AS1659" s="85"/>
      <c r="AT1659" s="85"/>
      <c r="AU1659" s="85"/>
      <c r="AV1659" s="85"/>
      <c r="AW1659" s="85"/>
      <c r="AX1659" s="85"/>
      <c r="AY1659" s="85"/>
      <c r="AZ1659" s="85"/>
      <c r="BA1659" s="85"/>
      <c r="BB1659" s="85"/>
      <c r="BC1659" s="85"/>
      <c r="BD1659" s="85"/>
      <c r="BE1659" s="85"/>
      <c r="BF1659" s="85"/>
      <c r="BG1659" s="85"/>
      <c r="BH1659" s="85"/>
      <c r="BI1659" s="85"/>
      <c r="BJ1659" s="85"/>
      <c r="BK1659" s="85"/>
      <c r="BL1659" s="85"/>
      <c r="BM1659" s="85"/>
      <c r="BN1659" s="85"/>
      <c r="BO1659" s="85"/>
      <c r="BP1659" s="85"/>
      <c r="BQ1659" s="85"/>
      <c r="BR1659" s="85"/>
      <c r="BS1659" s="85"/>
      <c r="BT1659" s="85"/>
      <c r="BU1659" s="85"/>
      <c r="BV1659" s="85"/>
      <c r="BW1659" s="85"/>
      <c r="BX1659" s="85"/>
      <c r="BY1659" s="85"/>
      <c r="BZ1659" s="85"/>
      <c r="CA1659" s="85"/>
      <c r="CB1659" s="85"/>
      <c r="CC1659" s="85"/>
      <c r="CD1659" s="85"/>
      <c r="CE1659" s="85"/>
      <c r="CF1659" s="85"/>
      <c r="CG1659" s="85"/>
    </row>
    <row r="1660" spans="1:85" s="9" customFormat="1" x14ac:dyDescent="0.2">
      <c r="A1660" s="85"/>
      <c r="J1660" s="85"/>
      <c r="K1660" s="85"/>
      <c r="L1660" s="85"/>
      <c r="M1660" s="85"/>
      <c r="N1660" s="85"/>
      <c r="O1660" s="85"/>
      <c r="P1660" s="85"/>
      <c r="Q1660" s="85"/>
      <c r="R1660" s="85"/>
      <c r="S1660" s="85"/>
      <c r="T1660" s="85"/>
      <c r="U1660" s="85"/>
      <c r="V1660" s="85"/>
      <c r="W1660" s="85"/>
      <c r="X1660" s="85"/>
      <c r="Y1660" s="85"/>
      <c r="Z1660" s="85"/>
      <c r="AA1660" s="85"/>
      <c r="AB1660" s="85"/>
      <c r="AC1660" s="85"/>
      <c r="AD1660" s="85"/>
      <c r="AE1660" s="85"/>
      <c r="AF1660" s="85"/>
      <c r="AG1660" s="85"/>
      <c r="AH1660" s="85"/>
      <c r="AI1660" s="85"/>
      <c r="AJ1660" s="85"/>
      <c r="AK1660" s="85"/>
      <c r="AL1660" s="85"/>
      <c r="AM1660" s="85"/>
      <c r="AN1660" s="85"/>
      <c r="AO1660" s="85"/>
      <c r="AP1660" s="85"/>
      <c r="AQ1660" s="85"/>
      <c r="AR1660" s="85"/>
      <c r="AS1660" s="85"/>
      <c r="AT1660" s="85"/>
      <c r="AU1660" s="85"/>
      <c r="AV1660" s="85"/>
      <c r="AW1660" s="85"/>
      <c r="AX1660" s="85"/>
      <c r="AY1660" s="85"/>
      <c r="AZ1660" s="85"/>
      <c r="BA1660" s="85"/>
      <c r="BB1660" s="85"/>
      <c r="BC1660" s="85"/>
      <c r="BD1660" s="85"/>
      <c r="BE1660" s="85"/>
      <c r="BF1660" s="85"/>
      <c r="BG1660" s="85"/>
      <c r="BH1660" s="85"/>
      <c r="BI1660" s="85"/>
      <c r="BJ1660" s="85"/>
      <c r="BK1660" s="85"/>
      <c r="BL1660" s="85"/>
      <c r="BM1660" s="85"/>
      <c r="BN1660" s="85"/>
      <c r="BO1660" s="85"/>
      <c r="BP1660" s="85"/>
      <c r="BQ1660" s="85"/>
      <c r="BR1660" s="85"/>
      <c r="BS1660" s="85"/>
      <c r="BT1660" s="85"/>
      <c r="BU1660" s="85"/>
      <c r="BV1660" s="85"/>
      <c r="BW1660" s="85"/>
      <c r="BX1660" s="85"/>
      <c r="BY1660" s="85"/>
      <c r="BZ1660" s="85"/>
      <c r="CA1660" s="85"/>
      <c r="CB1660" s="85"/>
      <c r="CC1660" s="85"/>
      <c r="CD1660" s="85"/>
      <c r="CE1660" s="85"/>
      <c r="CF1660" s="85"/>
      <c r="CG1660" s="85"/>
    </row>
    <row r="1661" spans="1:85" s="9" customFormat="1" x14ac:dyDescent="0.2">
      <c r="A1661" s="85"/>
      <c r="J1661" s="85"/>
      <c r="K1661" s="85"/>
      <c r="L1661" s="85"/>
      <c r="M1661" s="85"/>
      <c r="N1661" s="85"/>
      <c r="O1661" s="85"/>
      <c r="P1661" s="85"/>
      <c r="Q1661" s="85"/>
      <c r="R1661" s="85"/>
      <c r="S1661" s="85"/>
      <c r="T1661" s="85"/>
      <c r="U1661" s="85"/>
      <c r="V1661" s="85"/>
      <c r="W1661" s="85"/>
      <c r="X1661" s="85"/>
      <c r="Y1661" s="85"/>
      <c r="Z1661" s="85"/>
      <c r="AA1661" s="85"/>
      <c r="AB1661" s="85"/>
      <c r="AC1661" s="85"/>
      <c r="AD1661" s="85"/>
      <c r="AE1661" s="85"/>
      <c r="AF1661" s="85"/>
      <c r="AG1661" s="85"/>
      <c r="AH1661" s="85"/>
      <c r="AI1661" s="85"/>
      <c r="AJ1661" s="85"/>
      <c r="AK1661" s="85"/>
      <c r="AL1661" s="85"/>
      <c r="AM1661" s="85"/>
      <c r="AN1661" s="85"/>
      <c r="AO1661" s="85"/>
      <c r="AP1661" s="85"/>
      <c r="AQ1661" s="85"/>
      <c r="AR1661" s="85"/>
      <c r="AS1661" s="85"/>
      <c r="AT1661" s="85"/>
      <c r="AU1661" s="85"/>
      <c r="AV1661" s="85"/>
      <c r="AW1661" s="85"/>
      <c r="AX1661" s="85"/>
      <c r="AY1661" s="85"/>
      <c r="AZ1661" s="85"/>
      <c r="BA1661" s="85"/>
      <c r="BB1661" s="85"/>
      <c r="BC1661" s="85"/>
      <c r="BD1661" s="85"/>
      <c r="BE1661" s="85"/>
      <c r="BF1661" s="85"/>
      <c r="BG1661" s="85"/>
      <c r="BH1661" s="85"/>
      <c r="BI1661" s="85"/>
      <c r="BJ1661" s="85"/>
      <c r="BK1661" s="85"/>
      <c r="BL1661" s="85"/>
      <c r="BM1661" s="85"/>
      <c r="BN1661" s="85"/>
      <c r="BO1661" s="85"/>
      <c r="BP1661" s="85"/>
      <c r="BQ1661" s="85"/>
      <c r="BR1661" s="85"/>
      <c r="BS1661" s="85"/>
      <c r="BT1661" s="85"/>
      <c r="BU1661" s="85"/>
      <c r="BV1661" s="85"/>
      <c r="BW1661" s="85"/>
      <c r="BX1661" s="85"/>
      <c r="BY1661" s="85"/>
      <c r="BZ1661" s="85"/>
      <c r="CA1661" s="85"/>
      <c r="CB1661" s="85"/>
      <c r="CC1661" s="85"/>
      <c r="CD1661" s="85"/>
      <c r="CE1661" s="85"/>
      <c r="CF1661" s="85"/>
      <c r="CG1661" s="85"/>
    </row>
    <row r="1662" spans="1:85" s="9" customFormat="1" x14ac:dyDescent="0.2">
      <c r="A1662" s="85"/>
      <c r="J1662" s="85"/>
      <c r="K1662" s="85"/>
      <c r="L1662" s="85"/>
      <c r="M1662" s="85"/>
      <c r="N1662" s="85"/>
      <c r="O1662" s="85"/>
      <c r="P1662" s="85"/>
      <c r="Q1662" s="85"/>
      <c r="R1662" s="85"/>
      <c r="S1662" s="85"/>
      <c r="T1662" s="85"/>
      <c r="U1662" s="85"/>
      <c r="V1662" s="85"/>
      <c r="W1662" s="85"/>
      <c r="X1662" s="85"/>
      <c r="Y1662" s="85"/>
      <c r="Z1662" s="85"/>
      <c r="AA1662" s="85"/>
      <c r="AB1662" s="85"/>
      <c r="AC1662" s="85"/>
      <c r="AD1662" s="85"/>
      <c r="AE1662" s="85"/>
      <c r="AF1662" s="85"/>
      <c r="AG1662" s="85"/>
      <c r="AH1662" s="85"/>
      <c r="AI1662" s="85"/>
      <c r="AJ1662" s="85"/>
      <c r="AK1662" s="85"/>
      <c r="AL1662" s="85"/>
      <c r="AM1662" s="85"/>
      <c r="AN1662" s="85"/>
      <c r="AO1662" s="85"/>
      <c r="AP1662" s="85"/>
      <c r="AQ1662" s="85"/>
      <c r="AR1662" s="85"/>
      <c r="AS1662" s="85"/>
      <c r="AT1662" s="85"/>
      <c r="AU1662" s="85"/>
      <c r="AV1662" s="85"/>
      <c r="AW1662" s="85"/>
      <c r="AX1662" s="85"/>
      <c r="AY1662" s="85"/>
      <c r="AZ1662" s="85"/>
      <c r="BA1662" s="85"/>
      <c r="BB1662" s="85"/>
      <c r="BC1662" s="85"/>
      <c r="BD1662" s="85"/>
      <c r="BE1662" s="85"/>
      <c r="BF1662" s="85"/>
      <c r="BG1662" s="85"/>
      <c r="BH1662" s="85"/>
      <c r="BI1662" s="85"/>
      <c r="BJ1662" s="85"/>
      <c r="BK1662" s="85"/>
      <c r="BL1662" s="85"/>
      <c r="BM1662" s="85"/>
      <c r="BN1662" s="85"/>
      <c r="BO1662" s="85"/>
      <c r="BP1662" s="85"/>
      <c r="BQ1662" s="85"/>
      <c r="BR1662" s="85"/>
      <c r="BS1662" s="85"/>
      <c r="BT1662" s="85"/>
      <c r="BU1662" s="85"/>
      <c r="BV1662" s="85"/>
      <c r="BW1662" s="85"/>
      <c r="BX1662" s="85"/>
      <c r="BY1662" s="85"/>
      <c r="BZ1662" s="85"/>
      <c r="CA1662" s="85"/>
      <c r="CB1662" s="85"/>
      <c r="CC1662" s="85"/>
      <c r="CD1662" s="85"/>
      <c r="CE1662" s="85"/>
      <c r="CF1662" s="85"/>
      <c r="CG1662" s="85"/>
    </row>
    <row r="1663" spans="1:85" s="9" customFormat="1" x14ac:dyDescent="0.2">
      <c r="A1663" s="85"/>
      <c r="J1663" s="85"/>
      <c r="K1663" s="85"/>
      <c r="L1663" s="85"/>
      <c r="M1663" s="85"/>
      <c r="N1663" s="85"/>
      <c r="O1663" s="85"/>
      <c r="P1663" s="85"/>
      <c r="Q1663" s="85"/>
      <c r="R1663" s="85"/>
      <c r="S1663" s="85"/>
      <c r="T1663" s="85"/>
      <c r="U1663" s="85"/>
      <c r="V1663" s="85"/>
      <c r="W1663" s="85"/>
      <c r="X1663" s="85"/>
      <c r="Y1663" s="85"/>
      <c r="Z1663" s="85"/>
      <c r="AA1663" s="85"/>
      <c r="AB1663" s="85"/>
      <c r="AC1663" s="85"/>
      <c r="AD1663" s="85"/>
      <c r="AE1663" s="85"/>
      <c r="AF1663" s="85"/>
      <c r="AG1663" s="85"/>
      <c r="AH1663" s="85"/>
      <c r="AI1663" s="85"/>
      <c r="AJ1663" s="85"/>
      <c r="AK1663" s="85"/>
      <c r="AL1663" s="85"/>
      <c r="AM1663" s="85"/>
      <c r="AN1663" s="85"/>
      <c r="AO1663" s="85"/>
      <c r="AP1663" s="85"/>
      <c r="AQ1663" s="85"/>
      <c r="AR1663" s="85"/>
      <c r="AS1663" s="85"/>
      <c r="AT1663" s="85"/>
      <c r="AU1663" s="85"/>
      <c r="AV1663" s="85"/>
      <c r="AW1663" s="85"/>
      <c r="AX1663" s="85"/>
      <c r="AY1663" s="85"/>
      <c r="AZ1663" s="85"/>
      <c r="BA1663" s="85"/>
      <c r="BB1663" s="85"/>
      <c r="BC1663" s="85"/>
      <c r="BD1663" s="85"/>
      <c r="BE1663" s="85"/>
      <c r="BF1663" s="85"/>
      <c r="BG1663" s="85"/>
      <c r="BH1663" s="85"/>
      <c r="BI1663" s="85"/>
      <c r="BJ1663" s="85"/>
      <c r="BK1663" s="85"/>
      <c r="BL1663" s="85"/>
      <c r="BM1663" s="85"/>
      <c r="BN1663" s="85"/>
      <c r="BO1663" s="85"/>
      <c r="BP1663" s="85"/>
      <c r="BQ1663" s="85"/>
      <c r="BR1663" s="85"/>
      <c r="BS1663" s="85"/>
      <c r="BT1663" s="85"/>
      <c r="BU1663" s="85"/>
      <c r="BV1663" s="85"/>
      <c r="BW1663" s="85"/>
      <c r="BX1663" s="85"/>
      <c r="BY1663" s="85"/>
      <c r="BZ1663" s="85"/>
      <c r="CA1663" s="85"/>
      <c r="CB1663" s="85"/>
      <c r="CC1663" s="85"/>
      <c r="CD1663" s="85"/>
      <c r="CE1663" s="85"/>
      <c r="CF1663" s="85"/>
      <c r="CG1663" s="85"/>
    </row>
    <row r="1664" spans="1:85" s="9" customFormat="1" x14ac:dyDescent="0.2">
      <c r="A1664" s="85"/>
      <c r="J1664" s="85"/>
      <c r="K1664" s="85"/>
      <c r="L1664" s="85"/>
      <c r="M1664" s="85"/>
      <c r="N1664" s="85"/>
      <c r="O1664" s="85"/>
      <c r="P1664" s="85"/>
      <c r="Q1664" s="85"/>
      <c r="R1664" s="85"/>
      <c r="S1664" s="85"/>
      <c r="T1664" s="85"/>
      <c r="U1664" s="85"/>
      <c r="V1664" s="85"/>
      <c r="W1664" s="85"/>
      <c r="X1664" s="85"/>
      <c r="Y1664" s="85"/>
      <c r="Z1664" s="85"/>
      <c r="AA1664" s="85"/>
      <c r="AB1664" s="85"/>
      <c r="AC1664" s="85"/>
      <c r="AD1664" s="85"/>
      <c r="AE1664" s="85"/>
      <c r="AF1664" s="85"/>
      <c r="AG1664" s="85"/>
      <c r="AH1664" s="85"/>
      <c r="AI1664" s="85"/>
      <c r="AJ1664" s="85"/>
      <c r="AK1664" s="85"/>
      <c r="AL1664" s="85"/>
      <c r="AM1664" s="85"/>
      <c r="AN1664" s="85"/>
      <c r="AO1664" s="85"/>
      <c r="AP1664" s="85"/>
      <c r="AQ1664" s="85"/>
      <c r="AR1664" s="85"/>
      <c r="AS1664" s="85"/>
      <c r="AT1664" s="85"/>
      <c r="AU1664" s="85"/>
      <c r="AV1664" s="85"/>
      <c r="AW1664" s="85"/>
      <c r="AX1664" s="85"/>
      <c r="AY1664" s="85"/>
      <c r="AZ1664" s="85"/>
      <c r="BA1664" s="85"/>
      <c r="BB1664" s="85"/>
      <c r="BC1664" s="85"/>
      <c r="BD1664" s="85"/>
      <c r="BE1664" s="85"/>
      <c r="BF1664" s="85"/>
      <c r="BG1664" s="85"/>
      <c r="BH1664" s="85"/>
      <c r="BI1664" s="85"/>
      <c r="BJ1664" s="85"/>
      <c r="BK1664" s="85"/>
      <c r="BL1664" s="85"/>
      <c r="BM1664" s="85"/>
      <c r="BN1664" s="85"/>
      <c r="BO1664" s="85"/>
      <c r="BP1664" s="85"/>
      <c r="BQ1664" s="85"/>
      <c r="BR1664" s="85"/>
      <c r="BS1664" s="85"/>
      <c r="BT1664" s="85"/>
      <c r="BU1664" s="85"/>
      <c r="BV1664" s="85"/>
      <c r="BW1664" s="85"/>
      <c r="BX1664" s="85"/>
      <c r="BY1664" s="85"/>
      <c r="BZ1664" s="85"/>
      <c r="CA1664" s="85"/>
      <c r="CB1664" s="85"/>
      <c r="CC1664" s="85"/>
      <c r="CD1664" s="85"/>
      <c r="CE1664" s="85"/>
      <c r="CF1664" s="85"/>
      <c r="CG1664" s="85"/>
    </row>
    <row r="1665" spans="1:85" s="9" customFormat="1" x14ac:dyDescent="0.2">
      <c r="A1665" s="85"/>
      <c r="J1665" s="85"/>
      <c r="K1665" s="85"/>
      <c r="L1665" s="85"/>
      <c r="M1665" s="85"/>
      <c r="N1665" s="85"/>
      <c r="O1665" s="85"/>
      <c r="P1665" s="85"/>
      <c r="Q1665" s="85"/>
      <c r="R1665" s="85"/>
      <c r="S1665" s="85"/>
      <c r="T1665" s="85"/>
      <c r="U1665" s="85"/>
      <c r="V1665" s="85"/>
      <c r="W1665" s="85"/>
      <c r="X1665" s="85"/>
      <c r="Y1665" s="85"/>
      <c r="Z1665" s="85"/>
      <c r="AA1665" s="85"/>
      <c r="AB1665" s="85"/>
      <c r="AC1665" s="85"/>
      <c r="AD1665" s="85"/>
      <c r="AE1665" s="85"/>
      <c r="AF1665" s="85"/>
      <c r="AG1665" s="85"/>
      <c r="AH1665" s="85"/>
      <c r="AI1665" s="85"/>
      <c r="AJ1665" s="85"/>
      <c r="AK1665" s="85"/>
      <c r="AL1665" s="85"/>
      <c r="AM1665" s="85"/>
      <c r="AN1665" s="85"/>
      <c r="AO1665" s="85"/>
      <c r="AP1665" s="85"/>
      <c r="AQ1665" s="85"/>
      <c r="AR1665" s="85"/>
      <c r="AS1665" s="85"/>
      <c r="AT1665" s="85"/>
      <c r="AU1665" s="85"/>
      <c r="AV1665" s="85"/>
      <c r="AW1665" s="85"/>
      <c r="AX1665" s="85"/>
      <c r="AY1665" s="85"/>
      <c r="AZ1665" s="85"/>
      <c r="BA1665" s="85"/>
      <c r="BB1665" s="85"/>
      <c r="BC1665" s="85"/>
      <c r="BD1665" s="85"/>
      <c r="BE1665" s="85"/>
      <c r="BF1665" s="85"/>
      <c r="BG1665" s="85"/>
      <c r="BH1665" s="85"/>
      <c r="BI1665" s="85"/>
      <c r="BJ1665" s="85"/>
      <c r="BK1665" s="85"/>
      <c r="BL1665" s="85"/>
      <c r="BM1665" s="85"/>
      <c r="BN1665" s="85"/>
      <c r="BO1665" s="85"/>
      <c r="BP1665" s="85"/>
      <c r="BQ1665" s="85"/>
      <c r="BR1665" s="85"/>
      <c r="BS1665" s="85"/>
      <c r="BT1665" s="85"/>
      <c r="BU1665" s="85"/>
      <c r="BV1665" s="85"/>
      <c r="BW1665" s="85"/>
      <c r="BX1665" s="85"/>
      <c r="BY1665" s="85"/>
      <c r="BZ1665" s="85"/>
      <c r="CA1665" s="85"/>
      <c r="CB1665" s="85"/>
      <c r="CC1665" s="85"/>
      <c r="CD1665" s="85"/>
      <c r="CE1665" s="85"/>
      <c r="CF1665" s="85"/>
      <c r="CG1665" s="85"/>
    </row>
    <row r="1666" spans="1:85" s="9" customFormat="1" x14ac:dyDescent="0.2">
      <c r="A1666" s="85"/>
      <c r="J1666" s="85"/>
      <c r="K1666" s="85"/>
      <c r="L1666" s="85"/>
      <c r="M1666" s="85"/>
      <c r="N1666" s="85"/>
      <c r="O1666" s="85"/>
      <c r="P1666" s="85"/>
      <c r="Q1666" s="85"/>
      <c r="R1666" s="85"/>
      <c r="S1666" s="85"/>
      <c r="T1666" s="85"/>
      <c r="U1666" s="85"/>
      <c r="V1666" s="85"/>
      <c r="W1666" s="85"/>
      <c r="X1666" s="85"/>
      <c r="Y1666" s="85"/>
      <c r="Z1666" s="85"/>
      <c r="AA1666" s="85"/>
      <c r="AB1666" s="85"/>
      <c r="AC1666" s="85"/>
      <c r="AD1666" s="85"/>
      <c r="AE1666" s="85"/>
      <c r="AF1666" s="85"/>
      <c r="AG1666" s="85"/>
      <c r="AH1666" s="85"/>
      <c r="AI1666" s="85"/>
      <c r="AJ1666" s="85"/>
      <c r="AK1666" s="85"/>
      <c r="AL1666" s="85"/>
      <c r="AM1666" s="85"/>
      <c r="AN1666" s="85"/>
      <c r="AO1666" s="85"/>
      <c r="AP1666" s="85"/>
      <c r="AQ1666" s="85"/>
      <c r="AR1666" s="85"/>
      <c r="AS1666" s="85"/>
      <c r="AT1666" s="85"/>
      <c r="AU1666" s="85"/>
      <c r="AV1666" s="85"/>
      <c r="AW1666" s="85"/>
      <c r="AX1666" s="85"/>
      <c r="AY1666" s="85"/>
      <c r="AZ1666" s="85"/>
      <c r="BA1666" s="85"/>
      <c r="BB1666" s="85"/>
      <c r="BC1666" s="85"/>
      <c r="BD1666" s="85"/>
      <c r="BE1666" s="85"/>
      <c r="BF1666" s="85"/>
      <c r="BG1666" s="85"/>
      <c r="BH1666" s="85"/>
      <c r="BI1666" s="85"/>
      <c r="BJ1666" s="85"/>
      <c r="BK1666" s="85"/>
      <c r="BL1666" s="85"/>
      <c r="BM1666" s="85"/>
      <c r="BN1666" s="85"/>
      <c r="BO1666" s="85"/>
      <c r="BP1666" s="85"/>
      <c r="BQ1666" s="85"/>
      <c r="BR1666" s="85"/>
      <c r="BS1666" s="85"/>
      <c r="BT1666" s="85"/>
      <c r="BU1666" s="85"/>
      <c r="BV1666" s="85"/>
      <c r="BW1666" s="85"/>
      <c r="BX1666" s="85"/>
      <c r="BY1666" s="85"/>
      <c r="BZ1666" s="85"/>
      <c r="CA1666" s="85"/>
      <c r="CB1666" s="85"/>
      <c r="CC1666" s="85"/>
      <c r="CD1666" s="85"/>
      <c r="CE1666" s="85"/>
      <c r="CF1666" s="85"/>
      <c r="CG1666" s="85"/>
    </row>
    <row r="1667" spans="1:85" s="9" customFormat="1" x14ac:dyDescent="0.2">
      <c r="A1667" s="85"/>
      <c r="J1667" s="85"/>
      <c r="K1667" s="85"/>
      <c r="L1667" s="85"/>
      <c r="M1667" s="85"/>
      <c r="N1667" s="85"/>
      <c r="O1667" s="85"/>
      <c r="P1667" s="85"/>
      <c r="Q1667" s="85"/>
      <c r="R1667" s="85"/>
      <c r="S1667" s="85"/>
      <c r="T1667" s="85"/>
      <c r="U1667" s="85"/>
      <c r="V1667" s="85"/>
      <c r="W1667" s="85"/>
      <c r="X1667" s="85"/>
      <c r="Y1667" s="85"/>
      <c r="Z1667" s="85"/>
      <c r="AA1667" s="85"/>
      <c r="AB1667" s="85"/>
      <c r="AC1667" s="85"/>
      <c r="AD1667" s="85"/>
      <c r="AE1667" s="85"/>
      <c r="AF1667" s="85"/>
      <c r="AG1667" s="85"/>
      <c r="AH1667" s="85"/>
      <c r="AI1667" s="85"/>
      <c r="AJ1667" s="85"/>
      <c r="AK1667" s="85"/>
      <c r="AL1667" s="85"/>
      <c r="AM1667" s="85"/>
      <c r="AN1667" s="85"/>
      <c r="AO1667" s="85"/>
      <c r="AP1667" s="85"/>
      <c r="AQ1667" s="85"/>
      <c r="AR1667" s="85"/>
      <c r="AS1667" s="85"/>
      <c r="AT1667" s="85"/>
      <c r="AU1667" s="85"/>
      <c r="AV1667" s="85"/>
      <c r="AW1667" s="85"/>
      <c r="AX1667" s="85"/>
      <c r="AY1667" s="85"/>
      <c r="AZ1667" s="85"/>
      <c r="BA1667" s="85"/>
      <c r="BB1667" s="85"/>
      <c r="BC1667" s="85"/>
      <c r="BD1667" s="85"/>
      <c r="BE1667" s="85"/>
      <c r="BF1667" s="85"/>
      <c r="BG1667" s="85"/>
      <c r="BH1667" s="85"/>
      <c r="BI1667" s="85"/>
      <c r="BJ1667" s="85"/>
      <c r="BK1667" s="85"/>
      <c r="BL1667" s="85"/>
      <c r="BM1667" s="85"/>
      <c r="BN1667" s="85"/>
      <c r="BO1667" s="85"/>
      <c r="BP1667" s="85"/>
      <c r="BQ1667" s="85"/>
      <c r="BR1667" s="85"/>
      <c r="BS1667" s="85"/>
      <c r="BT1667" s="85"/>
      <c r="BU1667" s="85"/>
      <c r="BV1667" s="85"/>
      <c r="BW1667" s="85"/>
      <c r="BX1667" s="85"/>
      <c r="BY1667" s="85"/>
      <c r="BZ1667" s="85"/>
      <c r="CA1667" s="85"/>
      <c r="CB1667" s="85"/>
      <c r="CC1667" s="85"/>
      <c r="CD1667" s="85"/>
      <c r="CE1667" s="85"/>
      <c r="CF1667" s="85"/>
      <c r="CG1667" s="85"/>
    </row>
    <row r="1668" spans="1:85" s="9" customFormat="1" x14ac:dyDescent="0.2">
      <c r="A1668" s="85"/>
      <c r="J1668" s="85"/>
      <c r="K1668" s="85"/>
      <c r="L1668" s="85"/>
      <c r="M1668" s="85"/>
      <c r="N1668" s="85"/>
      <c r="O1668" s="85"/>
      <c r="P1668" s="85"/>
      <c r="Q1668" s="85"/>
      <c r="R1668" s="85"/>
      <c r="S1668" s="85"/>
      <c r="T1668" s="85"/>
      <c r="U1668" s="85"/>
      <c r="V1668" s="85"/>
      <c r="W1668" s="85"/>
      <c r="X1668" s="85"/>
      <c r="Y1668" s="85"/>
      <c r="Z1668" s="85"/>
      <c r="AA1668" s="85"/>
      <c r="AB1668" s="85"/>
      <c r="AC1668" s="85"/>
      <c r="AD1668" s="85"/>
      <c r="AE1668" s="85"/>
      <c r="AF1668" s="85"/>
      <c r="AG1668" s="85"/>
      <c r="AH1668" s="85"/>
      <c r="AI1668" s="85"/>
      <c r="AJ1668" s="85"/>
      <c r="AK1668" s="85"/>
      <c r="AL1668" s="85"/>
      <c r="AM1668" s="85"/>
      <c r="AN1668" s="85"/>
      <c r="AO1668" s="85"/>
      <c r="AP1668" s="85"/>
      <c r="AQ1668" s="85"/>
      <c r="AR1668" s="85"/>
      <c r="AS1668" s="85"/>
      <c r="AT1668" s="85"/>
      <c r="AU1668" s="85"/>
      <c r="AV1668" s="85"/>
      <c r="AW1668" s="85"/>
      <c r="AX1668" s="85"/>
      <c r="AY1668" s="85"/>
      <c r="AZ1668" s="85"/>
      <c r="BA1668" s="85"/>
      <c r="BB1668" s="85"/>
      <c r="BC1668" s="85"/>
      <c r="BD1668" s="85"/>
      <c r="BE1668" s="85"/>
      <c r="BF1668" s="85"/>
      <c r="BG1668" s="85"/>
      <c r="BH1668" s="85"/>
      <c r="BI1668" s="85"/>
      <c r="BJ1668" s="85"/>
      <c r="BK1668" s="85"/>
      <c r="BL1668" s="85"/>
      <c r="BM1668" s="85"/>
      <c r="BN1668" s="85"/>
      <c r="BO1668" s="85"/>
      <c r="BP1668" s="85"/>
      <c r="BQ1668" s="85"/>
      <c r="BR1668" s="85"/>
      <c r="BS1668" s="85"/>
      <c r="BT1668" s="85"/>
      <c r="BU1668" s="85"/>
      <c r="BV1668" s="85"/>
      <c r="BW1668" s="85"/>
      <c r="BX1668" s="85"/>
      <c r="BY1668" s="85"/>
      <c r="BZ1668" s="85"/>
      <c r="CA1668" s="85"/>
      <c r="CB1668" s="85"/>
      <c r="CC1668" s="85"/>
      <c r="CD1668" s="85"/>
      <c r="CE1668" s="85"/>
      <c r="CF1668" s="85"/>
      <c r="CG1668" s="85"/>
    </row>
    <row r="1669" spans="1:85" s="9" customFormat="1" x14ac:dyDescent="0.2">
      <c r="A1669" s="85"/>
      <c r="J1669" s="85"/>
      <c r="K1669" s="85"/>
      <c r="L1669" s="85"/>
      <c r="M1669" s="85"/>
      <c r="N1669" s="85"/>
      <c r="O1669" s="85"/>
      <c r="P1669" s="85"/>
      <c r="Q1669" s="85"/>
      <c r="R1669" s="85"/>
      <c r="S1669" s="85"/>
      <c r="T1669" s="85"/>
      <c r="U1669" s="85"/>
      <c r="V1669" s="85"/>
      <c r="W1669" s="85"/>
      <c r="X1669" s="85"/>
      <c r="Y1669" s="85"/>
      <c r="Z1669" s="85"/>
      <c r="AA1669" s="85"/>
      <c r="AB1669" s="85"/>
      <c r="AC1669" s="85"/>
      <c r="AD1669" s="85"/>
      <c r="AE1669" s="85"/>
      <c r="AF1669" s="85"/>
      <c r="AG1669" s="85"/>
      <c r="AH1669" s="85"/>
      <c r="AI1669" s="85"/>
      <c r="AJ1669" s="85"/>
      <c r="AK1669" s="85"/>
      <c r="AL1669" s="85"/>
      <c r="AM1669" s="85"/>
      <c r="AN1669" s="85"/>
      <c r="AO1669" s="85"/>
      <c r="AP1669" s="85"/>
      <c r="AQ1669" s="85"/>
      <c r="AR1669" s="85"/>
      <c r="AS1669" s="85"/>
      <c r="AT1669" s="85"/>
      <c r="AU1669" s="85"/>
      <c r="AV1669" s="85"/>
      <c r="AW1669" s="85"/>
      <c r="AX1669" s="85"/>
      <c r="AY1669" s="85"/>
      <c r="AZ1669" s="85"/>
      <c r="BA1669" s="85"/>
      <c r="BB1669" s="85"/>
      <c r="BC1669" s="85"/>
      <c r="BD1669" s="85"/>
      <c r="BE1669" s="85"/>
      <c r="BF1669" s="85"/>
      <c r="BG1669" s="85"/>
      <c r="BH1669" s="85"/>
      <c r="BI1669" s="85"/>
      <c r="BJ1669" s="85"/>
      <c r="BK1669" s="85"/>
      <c r="BL1669" s="85"/>
      <c r="BM1669" s="85"/>
      <c r="BN1669" s="85"/>
      <c r="BO1669" s="85"/>
      <c r="BP1669" s="85"/>
      <c r="BQ1669" s="85"/>
      <c r="BR1669" s="85"/>
      <c r="BS1669" s="85"/>
      <c r="BT1669" s="85"/>
      <c r="BU1669" s="85"/>
      <c r="BV1669" s="85"/>
      <c r="BW1669" s="85"/>
      <c r="BX1669" s="85"/>
      <c r="BY1669" s="85"/>
      <c r="BZ1669" s="85"/>
      <c r="CA1669" s="85"/>
      <c r="CB1669" s="85"/>
      <c r="CC1669" s="85"/>
      <c r="CD1669" s="85"/>
      <c r="CE1669" s="85"/>
      <c r="CF1669" s="85"/>
      <c r="CG1669" s="85"/>
    </row>
    <row r="1670" spans="1:85" s="9" customFormat="1" x14ac:dyDescent="0.2">
      <c r="A1670" s="85"/>
      <c r="J1670" s="85"/>
      <c r="K1670" s="85"/>
      <c r="L1670" s="85"/>
      <c r="M1670" s="85"/>
      <c r="N1670" s="85"/>
      <c r="O1670" s="85"/>
      <c r="P1670" s="85"/>
      <c r="Q1670" s="85"/>
      <c r="R1670" s="85"/>
      <c r="S1670" s="85"/>
      <c r="T1670" s="85"/>
      <c r="U1670" s="85"/>
      <c r="V1670" s="85"/>
      <c r="W1670" s="85"/>
      <c r="X1670" s="85"/>
      <c r="Y1670" s="85"/>
      <c r="Z1670" s="85"/>
      <c r="AA1670" s="85"/>
      <c r="AB1670" s="85"/>
      <c r="AC1670" s="85"/>
      <c r="AD1670" s="85"/>
      <c r="AE1670" s="85"/>
      <c r="AF1670" s="85"/>
      <c r="AG1670" s="85"/>
      <c r="AH1670" s="85"/>
      <c r="AI1670" s="85"/>
      <c r="AJ1670" s="85"/>
      <c r="AK1670" s="85"/>
      <c r="AL1670" s="85"/>
      <c r="AM1670" s="85"/>
      <c r="AN1670" s="85"/>
      <c r="AO1670" s="85"/>
      <c r="AP1670" s="85"/>
      <c r="AQ1670" s="85"/>
      <c r="AR1670" s="85"/>
      <c r="AS1670" s="85"/>
      <c r="AT1670" s="85"/>
      <c r="AU1670" s="85"/>
      <c r="AV1670" s="85"/>
      <c r="AW1670" s="85"/>
      <c r="AX1670" s="85"/>
      <c r="AY1670" s="85"/>
      <c r="AZ1670" s="85"/>
      <c r="BA1670" s="85"/>
      <c r="BB1670" s="85"/>
      <c r="BC1670" s="85"/>
      <c r="BD1670" s="85"/>
      <c r="BE1670" s="85"/>
      <c r="BF1670" s="85"/>
      <c r="BG1670" s="85"/>
      <c r="BH1670" s="85"/>
      <c r="BI1670" s="85"/>
      <c r="BJ1670" s="85"/>
      <c r="BK1670" s="85"/>
      <c r="BL1670" s="85"/>
      <c r="BM1670" s="85"/>
      <c r="BN1670" s="85"/>
      <c r="BO1670" s="85"/>
      <c r="BP1670" s="85"/>
      <c r="BQ1670" s="85"/>
      <c r="BR1670" s="85"/>
      <c r="BS1670" s="85"/>
      <c r="BT1670" s="85"/>
      <c r="BU1670" s="85"/>
      <c r="BV1670" s="85"/>
      <c r="BW1670" s="85"/>
      <c r="BX1670" s="85"/>
      <c r="BY1670" s="85"/>
      <c r="BZ1670" s="85"/>
      <c r="CA1670" s="85"/>
      <c r="CB1670" s="85"/>
      <c r="CC1670" s="85"/>
      <c r="CD1670" s="85"/>
      <c r="CE1670" s="85"/>
      <c r="CF1670" s="85"/>
      <c r="CG1670" s="85"/>
    </row>
    <row r="1671" spans="1:85" s="9" customFormat="1" x14ac:dyDescent="0.2">
      <c r="A1671" s="85"/>
      <c r="J1671" s="85"/>
      <c r="K1671" s="85"/>
      <c r="L1671" s="85"/>
      <c r="M1671" s="85"/>
      <c r="N1671" s="85"/>
      <c r="O1671" s="85"/>
      <c r="P1671" s="85"/>
      <c r="Q1671" s="85"/>
      <c r="R1671" s="85"/>
      <c r="S1671" s="85"/>
      <c r="T1671" s="85"/>
      <c r="U1671" s="85"/>
      <c r="V1671" s="85"/>
      <c r="W1671" s="85"/>
      <c r="X1671" s="85"/>
      <c r="Y1671" s="85"/>
      <c r="Z1671" s="85"/>
      <c r="AA1671" s="85"/>
      <c r="AB1671" s="85"/>
      <c r="AC1671" s="85"/>
      <c r="AD1671" s="85"/>
      <c r="AE1671" s="85"/>
      <c r="AF1671" s="85"/>
      <c r="AG1671" s="85"/>
      <c r="AH1671" s="85"/>
      <c r="AI1671" s="85"/>
      <c r="AJ1671" s="85"/>
      <c r="AK1671" s="85"/>
      <c r="AL1671" s="85"/>
      <c r="AM1671" s="85"/>
      <c r="AN1671" s="85"/>
      <c r="AO1671" s="85"/>
      <c r="AP1671" s="85"/>
      <c r="AQ1671" s="85"/>
      <c r="AR1671" s="85"/>
      <c r="AS1671" s="85"/>
      <c r="AT1671" s="85"/>
      <c r="AU1671" s="85"/>
      <c r="AV1671" s="85"/>
      <c r="AW1671" s="85"/>
      <c r="AX1671" s="85"/>
      <c r="AY1671" s="85"/>
      <c r="AZ1671" s="85"/>
      <c r="BA1671" s="85"/>
      <c r="BB1671" s="85"/>
      <c r="BC1671" s="85"/>
      <c r="BD1671" s="85"/>
      <c r="BE1671" s="85"/>
      <c r="BF1671" s="85"/>
      <c r="BG1671" s="85"/>
      <c r="BH1671" s="85"/>
      <c r="BI1671" s="85"/>
      <c r="BJ1671" s="85"/>
      <c r="BK1671" s="85"/>
      <c r="BL1671" s="85"/>
      <c r="BM1671" s="85"/>
      <c r="BN1671" s="85"/>
      <c r="BO1671" s="85"/>
      <c r="BP1671" s="85"/>
      <c r="BQ1671" s="85"/>
      <c r="BR1671" s="85"/>
      <c r="BS1671" s="85"/>
      <c r="BT1671" s="85"/>
      <c r="BU1671" s="85"/>
      <c r="BV1671" s="85"/>
      <c r="BW1671" s="85"/>
      <c r="BX1671" s="85"/>
      <c r="BY1671" s="85"/>
      <c r="BZ1671" s="85"/>
      <c r="CA1671" s="85"/>
      <c r="CB1671" s="85"/>
      <c r="CC1671" s="85"/>
      <c r="CD1671" s="85"/>
      <c r="CE1671" s="85"/>
      <c r="CF1671" s="85"/>
      <c r="CG1671" s="85"/>
    </row>
    <row r="1672" spans="1:85" s="9" customFormat="1" x14ac:dyDescent="0.2">
      <c r="A1672" s="85"/>
      <c r="J1672" s="85"/>
      <c r="K1672" s="85"/>
      <c r="L1672" s="85"/>
      <c r="M1672" s="85"/>
      <c r="N1672" s="85"/>
      <c r="O1672" s="85"/>
      <c r="P1672" s="85"/>
      <c r="Q1672" s="85"/>
      <c r="R1672" s="85"/>
      <c r="S1672" s="85"/>
      <c r="T1672" s="85"/>
      <c r="U1672" s="85"/>
      <c r="V1672" s="85"/>
      <c r="W1672" s="85"/>
      <c r="X1672" s="85"/>
      <c r="Y1672" s="85"/>
      <c r="Z1672" s="85"/>
      <c r="AA1672" s="85"/>
      <c r="AB1672" s="85"/>
      <c r="AC1672" s="85"/>
      <c r="AD1672" s="85"/>
      <c r="AE1672" s="85"/>
      <c r="AF1672" s="85"/>
      <c r="AG1672" s="85"/>
      <c r="AH1672" s="85"/>
      <c r="AI1672" s="85"/>
      <c r="AJ1672" s="85"/>
      <c r="AK1672" s="85"/>
      <c r="AL1672" s="85"/>
      <c r="AM1672" s="85"/>
      <c r="AN1672" s="85"/>
      <c r="AO1672" s="85"/>
      <c r="AP1672" s="85"/>
      <c r="AQ1672" s="85"/>
      <c r="AR1672" s="85"/>
      <c r="AS1672" s="85"/>
      <c r="AT1672" s="85"/>
      <c r="AU1672" s="85"/>
      <c r="AV1672" s="85"/>
      <c r="AW1672" s="85"/>
      <c r="AX1672" s="85"/>
      <c r="AY1672" s="85"/>
      <c r="AZ1672" s="85"/>
      <c r="BA1672" s="85"/>
      <c r="BB1672" s="85"/>
      <c r="BC1672" s="85"/>
      <c r="BD1672" s="85"/>
      <c r="BE1672" s="85"/>
      <c r="BF1672" s="85"/>
      <c r="BG1672" s="85"/>
      <c r="BH1672" s="85"/>
      <c r="BI1672" s="85"/>
      <c r="BJ1672" s="85"/>
      <c r="BK1672" s="85"/>
      <c r="BL1672" s="85"/>
      <c r="BM1672" s="85"/>
      <c r="BN1672" s="85"/>
      <c r="BO1672" s="85"/>
      <c r="BP1672" s="85"/>
      <c r="BQ1672" s="85"/>
      <c r="BR1672" s="85"/>
      <c r="BS1672" s="85"/>
      <c r="BT1672" s="85"/>
      <c r="BU1672" s="85"/>
      <c r="BV1672" s="85"/>
      <c r="BW1672" s="85"/>
      <c r="BX1672" s="85"/>
      <c r="BY1672" s="85"/>
      <c r="BZ1672" s="85"/>
      <c r="CA1672" s="85"/>
      <c r="CB1672" s="85"/>
      <c r="CC1672" s="85"/>
      <c r="CD1672" s="85"/>
      <c r="CE1672" s="85"/>
      <c r="CF1672" s="85"/>
      <c r="CG1672" s="85"/>
    </row>
    <row r="1673" spans="1:85" s="9" customFormat="1" x14ac:dyDescent="0.2">
      <c r="A1673" s="85"/>
      <c r="J1673" s="85"/>
      <c r="K1673" s="85"/>
      <c r="L1673" s="85"/>
      <c r="M1673" s="85"/>
      <c r="N1673" s="85"/>
      <c r="O1673" s="85"/>
      <c r="P1673" s="85"/>
      <c r="Q1673" s="85"/>
      <c r="R1673" s="85"/>
      <c r="S1673" s="85"/>
      <c r="T1673" s="85"/>
      <c r="U1673" s="85"/>
      <c r="V1673" s="85"/>
      <c r="W1673" s="85"/>
      <c r="X1673" s="85"/>
      <c r="Y1673" s="85"/>
      <c r="Z1673" s="85"/>
      <c r="AA1673" s="85"/>
      <c r="AB1673" s="85"/>
      <c r="AC1673" s="85"/>
      <c r="AD1673" s="85"/>
      <c r="AE1673" s="85"/>
      <c r="AF1673" s="85"/>
      <c r="AG1673" s="85"/>
      <c r="AH1673" s="85"/>
      <c r="AI1673" s="85"/>
      <c r="AJ1673" s="85"/>
      <c r="AK1673" s="85"/>
      <c r="AL1673" s="85"/>
      <c r="AM1673" s="85"/>
      <c r="AN1673" s="85"/>
      <c r="AO1673" s="85"/>
      <c r="AP1673" s="85"/>
      <c r="AQ1673" s="85"/>
      <c r="AR1673" s="85"/>
      <c r="AS1673" s="85"/>
      <c r="AT1673" s="85"/>
      <c r="AU1673" s="85"/>
      <c r="AV1673" s="85"/>
      <c r="AW1673" s="85"/>
      <c r="AX1673" s="85"/>
      <c r="AY1673" s="85"/>
      <c r="AZ1673" s="85"/>
      <c r="BA1673" s="85"/>
      <c r="BB1673" s="85"/>
      <c r="BC1673" s="85"/>
      <c r="BD1673" s="85"/>
      <c r="BE1673" s="85"/>
      <c r="BF1673" s="85"/>
      <c r="BG1673" s="85"/>
      <c r="BH1673" s="85"/>
      <c r="BI1673" s="85"/>
      <c r="BJ1673" s="85"/>
      <c r="BK1673" s="85"/>
      <c r="BL1673" s="85"/>
      <c r="BM1673" s="85"/>
      <c r="BN1673" s="85"/>
      <c r="BO1673" s="85"/>
      <c r="BP1673" s="85"/>
      <c r="BQ1673" s="85"/>
      <c r="BR1673" s="85"/>
      <c r="BS1673" s="85"/>
      <c r="BT1673" s="85"/>
      <c r="BU1673" s="85"/>
      <c r="BV1673" s="85"/>
      <c r="BW1673" s="85"/>
      <c r="BX1673" s="85"/>
      <c r="BY1673" s="85"/>
      <c r="BZ1673" s="85"/>
      <c r="CA1673" s="85"/>
      <c r="CB1673" s="85"/>
      <c r="CC1673" s="85"/>
      <c r="CD1673" s="85"/>
      <c r="CE1673" s="85"/>
      <c r="CF1673" s="85"/>
      <c r="CG1673" s="85"/>
    </row>
    <row r="1674" spans="1:85" s="9" customFormat="1" x14ac:dyDescent="0.2">
      <c r="A1674" s="85"/>
      <c r="J1674" s="85"/>
      <c r="K1674" s="85"/>
      <c r="L1674" s="85"/>
      <c r="M1674" s="85"/>
      <c r="N1674" s="85"/>
      <c r="O1674" s="85"/>
      <c r="P1674" s="85"/>
      <c r="Q1674" s="85"/>
      <c r="R1674" s="85"/>
      <c r="S1674" s="85"/>
      <c r="T1674" s="85"/>
      <c r="U1674" s="85"/>
      <c r="V1674" s="85"/>
      <c r="W1674" s="85"/>
      <c r="X1674" s="85"/>
      <c r="Y1674" s="85"/>
      <c r="Z1674" s="85"/>
      <c r="AA1674" s="85"/>
      <c r="AB1674" s="85"/>
      <c r="AC1674" s="85"/>
      <c r="AD1674" s="85"/>
      <c r="AE1674" s="85"/>
      <c r="AF1674" s="85"/>
      <c r="AG1674" s="85"/>
      <c r="AH1674" s="85"/>
      <c r="AI1674" s="85"/>
      <c r="AJ1674" s="85"/>
      <c r="AK1674" s="85"/>
      <c r="AL1674" s="85"/>
      <c r="AM1674" s="85"/>
      <c r="AN1674" s="85"/>
      <c r="AO1674" s="85"/>
      <c r="AP1674" s="85"/>
      <c r="AQ1674" s="85"/>
      <c r="AR1674" s="85"/>
      <c r="AS1674" s="85"/>
      <c r="AT1674" s="85"/>
      <c r="AU1674" s="85"/>
      <c r="AV1674" s="85"/>
      <c r="AW1674" s="85"/>
      <c r="AX1674" s="85"/>
      <c r="AY1674" s="85"/>
      <c r="AZ1674" s="85"/>
      <c r="BA1674" s="85"/>
      <c r="BB1674" s="85"/>
      <c r="BC1674" s="85"/>
      <c r="BD1674" s="85"/>
      <c r="BE1674" s="85"/>
      <c r="BF1674" s="85"/>
      <c r="BG1674" s="85"/>
      <c r="BH1674" s="85"/>
      <c r="BI1674" s="85"/>
      <c r="BJ1674" s="85"/>
      <c r="BK1674" s="85"/>
      <c r="BL1674" s="85"/>
      <c r="BM1674" s="85"/>
      <c r="BN1674" s="85"/>
      <c r="BO1674" s="85"/>
      <c r="BP1674" s="85"/>
      <c r="BQ1674" s="85"/>
      <c r="BR1674" s="85"/>
      <c r="BS1674" s="85"/>
      <c r="BT1674" s="85"/>
      <c r="BU1674" s="85"/>
      <c r="BV1674" s="85"/>
      <c r="BW1674" s="85"/>
      <c r="BX1674" s="85"/>
      <c r="BY1674" s="85"/>
      <c r="BZ1674" s="85"/>
      <c r="CA1674" s="85"/>
      <c r="CB1674" s="85"/>
      <c r="CC1674" s="85"/>
      <c r="CD1674" s="85"/>
      <c r="CE1674" s="85"/>
      <c r="CF1674" s="85"/>
      <c r="CG1674" s="85"/>
    </row>
    <row r="1675" spans="1:85" s="9" customFormat="1" x14ac:dyDescent="0.2">
      <c r="A1675" s="85"/>
      <c r="J1675" s="85"/>
      <c r="K1675" s="85"/>
      <c r="L1675" s="85"/>
      <c r="M1675" s="85"/>
      <c r="N1675" s="85"/>
      <c r="O1675" s="85"/>
      <c r="P1675" s="85"/>
      <c r="Q1675" s="85"/>
      <c r="R1675" s="85"/>
      <c r="S1675" s="85"/>
      <c r="T1675" s="85"/>
      <c r="U1675" s="85"/>
      <c r="V1675" s="85"/>
      <c r="W1675" s="85"/>
      <c r="X1675" s="85"/>
      <c r="Y1675" s="85"/>
      <c r="Z1675" s="85"/>
      <c r="AA1675" s="85"/>
      <c r="AB1675" s="85"/>
      <c r="AC1675" s="85"/>
      <c r="AD1675" s="85"/>
      <c r="AE1675" s="85"/>
      <c r="AF1675" s="85"/>
      <c r="AG1675" s="85"/>
      <c r="AH1675" s="85"/>
      <c r="AI1675" s="85"/>
      <c r="AJ1675" s="85"/>
      <c r="AK1675" s="85"/>
      <c r="AL1675" s="85"/>
      <c r="AM1675" s="85"/>
      <c r="AN1675" s="85"/>
      <c r="AO1675" s="85"/>
      <c r="AP1675" s="85"/>
      <c r="AQ1675" s="85"/>
      <c r="AR1675" s="85"/>
      <c r="AS1675" s="85"/>
      <c r="AT1675" s="85"/>
      <c r="AU1675" s="85"/>
      <c r="AV1675" s="85"/>
      <c r="AW1675" s="85"/>
      <c r="AX1675" s="85"/>
      <c r="AY1675" s="85"/>
      <c r="AZ1675" s="85"/>
      <c r="BA1675" s="85"/>
      <c r="BB1675" s="85"/>
      <c r="BC1675" s="85"/>
      <c r="BD1675" s="85"/>
      <c r="BE1675" s="85"/>
      <c r="BF1675" s="85"/>
      <c r="BG1675" s="85"/>
      <c r="BH1675" s="85"/>
      <c r="BI1675" s="85"/>
      <c r="BJ1675" s="85"/>
      <c r="BK1675" s="85"/>
      <c r="BL1675" s="85"/>
      <c r="BM1675" s="85"/>
      <c r="BN1675" s="85"/>
      <c r="BO1675" s="85"/>
      <c r="BP1675" s="85"/>
      <c r="BQ1675" s="85"/>
      <c r="BR1675" s="85"/>
      <c r="BS1675" s="85"/>
      <c r="BT1675" s="85"/>
      <c r="BU1675" s="85"/>
      <c r="BV1675" s="85"/>
      <c r="BW1675" s="85"/>
      <c r="BX1675" s="85"/>
      <c r="BY1675" s="85"/>
      <c r="BZ1675" s="85"/>
      <c r="CA1675" s="85"/>
      <c r="CB1675" s="85"/>
      <c r="CC1675" s="85"/>
      <c r="CD1675" s="85"/>
      <c r="CE1675" s="85"/>
      <c r="CF1675" s="85"/>
      <c r="CG1675" s="85"/>
    </row>
    <row r="1676" spans="1:85" s="9" customFormat="1" x14ac:dyDescent="0.2">
      <c r="A1676" s="85"/>
      <c r="J1676" s="85"/>
      <c r="K1676" s="85"/>
      <c r="L1676" s="85"/>
      <c r="M1676" s="85"/>
      <c r="N1676" s="85"/>
      <c r="O1676" s="85"/>
      <c r="P1676" s="85"/>
      <c r="Q1676" s="85"/>
      <c r="R1676" s="85"/>
      <c r="S1676" s="85"/>
      <c r="T1676" s="85"/>
      <c r="U1676" s="85"/>
      <c r="V1676" s="85"/>
      <c r="W1676" s="85"/>
      <c r="X1676" s="85"/>
      <c r="Y1676" s="85"/>
      <c r="Z1676" s="85"/>
      <c r="AA1676" s="85"/>
      <c r="AB1676" s="85"/>
      <c r="AC1676" s="85"/>
      <c r="AD1676" s="85"/>
      <c r="AE1676" s="85"/>
      <c r="AF1676" s="85"/>
      <c r="AG1676" s="85"/>
      <c r="AH1676" s="85"/>
      <c r="AI1676" s="85"/>
      <c r="AJ1676" s="85"/>
      <c r="AK1676" s="85"/>
      <c r="AL1676" s="85"/>
      <c r="AM1676" s="85"/>
      <c r="AN1676" s="85"/>
      <c r="AO1676" s="85"/>
      <c r="AP1676" s="85"/>
      <c r="AQ1676" s="85"/>
      <c r="AR1676" s="85"/>
      <c r="AS1676" s="85"/>
      <c r="AT1676" s="85"/>
      <c r="AU1676" s="85"/>
      <c r="AV1676" s="85"/>
      <c r="AW1676" s="85"/>
      <c r="AX1676" s="85"/>
      <c r="AY1676" s="85"/>
      <c r="AZ1676" s="85"/>
      <c r="BA1676" s="85"/>
      <c r="BB1676" s="85"/>
      <c r="BC1676" s="85"/>
      <c r="BD1676" s="85"/>
      <c r="BE1676" s="85"/>
      <c r="BF1676" s="85"/>
      <c r="BG1676" s="85"/>
      <c r="BH1676" s="85"/>
      <c r="BI1676" s="85"/>
      <c r="BJ1676" s="85"/>
      <c r="BK1676" s="85"/>
      <c r="BL1676" s="85"/>
      <c r="BM1676" s="85"/>
      <c r="BN1676" s="85"/>
      <c r="BO1676" s="85"/>
      <c r="BP1676" s="85"/>
      <c r="BQ1676" s="85"/>
      <c r="BR1676" s="85"/>
      <c r="BS1676" s="85"/>
      <c r="BT1676" s="85"/>
      <c r="BU1676" s="85"/>
      <c r="BV1676" s="85"/>
      <c r="BW1676" s="85"/>
      <c r="BX1676" s="85"/>
      <c r="BY1676" s="85"/>
      <c r="BZ1676" s="85"/>
      <c r="CA1676" s="85"/>
      <c r="CB1676" s="85"/>
      <c r="CC1676" s="85"/>
      <c r="CD1676" s="85"/>
      <c r="CE1676" s="85"/>
      <c r="CF1676" s="85"/>
      <c r="CG1676" s="85"/>
    </row>
    <row r="1677" spans="1:85" s="9" customFormat="1" x14ac:dyDescent="0.2">
      <c r="A1677" s="85"/>
      <c r="J1677" s="85"/>
      <c r="K1677" s="85"/>
      <c r="L1677" s="85"/>
      <c r="M1677" s="85"/>
      <c r="N1677" s="85"/>
      <c r="O1677" s="85"/>
      <c r="P1677" s="85"/>
      <c r="Q1677" s="85"/>
      <c r="R1677" s="85"/>
      <c r="S1677" s="85"/>
      <c r="T1677" s="85"/>
      <c r="U1677" s="85"/>
      <c r="V1677" s="85"/>
      <c r="W1677" s="85"/>
      <c r="X1677" s="85"/>
      <c r="Y1677" s="85"/>
      <c r="Z1677" s="85"/>
      <c r="AA1677" s="85"/>
      <c r="AB1677" s="85"/>
      <c r="AC1677" s="85"/>
      <c r="AD1677" s="85"/>
      <c r="AE1677" s="85"/>
      <c r="AF1677" s="85"/>
      <c r="AG1677" s="85"/>
      <c r="AH1677" s="85"/>
      <c r="AI1677" s="85"/>
      <c r="AJ1677" s="85"/>
      <c r="AK1677" s="85"/>
      <c r="AL1677" s="85"/>
      <c r="AM1677" s="85"/>
      <c r="AN1677" s="85"/>
      <c r="AO1677" s="85"/>
      <c r="AP1677" s="85"/>
      <c r="AQ1677" s="85"/>
      <c r="AR1677" s="85"/>
      <c r="AS1677" s="85"/>
      <c r="AT1677" s="85"/>
      <c r="AU1677" s="85"/>
      <c r="AV1677" s="85"/>
      <c r="AW1677" s="85"/>
      <c r="AX1677" s="85"/>
      <c r="AY1677" s="85"/>
      <c r="AZ1677" s="85"/>
      <c r="BA1677" s="85"/>
      <c r="BB1677" s="85"/>
      <c r="BC1677" s="85"/>
      <c r="BD1677" s="85"/>
      <c r="BE1677" s="85"/>
      <c r="BF1677" s="85"/>
      <c r="BG1677" s="85"/>
      <c r="BH1677" s="85"/>
      <c r="BI1677" s="85"/>
      <c r="BJ1677" s="85"/>
      <c r="BK1677" s="85"/>
      <c r="BL1677" s="85"/>
      <c r="BM1677" s="85"/>
      <c r="BN1677" s="85"/>
      <c r="BO1677" s="85"/>
      <c r="BP1677" s="85"/>
      <c r="BQ1677" s="85"/>
      <c r="BR1677" s="85"/>
      <c r="BS1677" s="85"/>
      <c r="BT1677" s="85"/>
      <c r="BU1677" s="85"/>
      <c r="BV1677" s="85"/>
      <c r="BW1677" s="85"/>
      <c r="BX1677" s="85"/>
      <c r="BY1677" s="85"/>
      <c r="BZ1677" s="85"/>
      <c r="CA1677" s="85"/>
      <c r="CB1677" s="85"/>
      <c r="CC1677" s="85"/>
      <c r="CD1677" s="85"/>
      <c r="CE1677" s="85"/>
      <c r="CF1677" s="85"/>
      <c r="CG1677" s="85"/>
    </row>
    <row r="1678" spans="1:85" s="9" customFormat="1" x14ac:dyDescent="0.2">
      <c r="A1678" s="85"/>
      <c r="J1678" s="85"/>
      <c r="K1678" s="85"/>
      <c r="L1678" s="85"/>
      <c r="M1678" s="85"/>
      <c r="N1678" s="85"/>
      <c r="O1678" s="85"/>
      <c r="P1678" s="85"/>
      <c r="Q1678" s="85"/>
      <c r="R1678" s="85"/>
      <c r="S1678" s="85"/>
      <c r="T1678" s="85"/>
      <c r="U1678" s="85"/>
      <c r="V1678" s="85"/>
      <c r="W1678" s="85"/>
      <c r="X1678" s="85"/>
      <c r="Y1678" s="85"/>
      <c r="Z1678" s="85"/>
      <c r="AA1678" s="85"/>
      <c r="AB1678" s="85"/>
      <c r="AC1678" s="85"/>
      <c r="AD1678" s="85"/>
      <c r="AE1678" s="85"/>
      <c r="AF1678" s="85"/>
      <c r="AG1678" s="85"/>
      <c r="AH1678" s="85"/>
      <c r="AI1678" s="85"/>
      <c r="AJ1678" s="85"/>
      <c r="AK1678" s="85"/>
      <c r="AL1678" s="85"/>
      <c r="AM1678" s="85"/>
      <c r="AN1678" s="85"/>
      <c r="AO1678" s="85"/>
      <c r="AP1678" s="85"/>
      <c r="AQ1678" s="85"/>
      <c r="AR1678" s="85"/>
      <c r="AS1678" s="85"/>
      <c r="AT1678" s="85"/>
      <c r="AU1678" s="85"/>
      <c r="AV1678" s="85"/>
      <c r="AW1678" s="85"/>
      <c r="AX1678" s="85"/>
      <c r="AY1678" s="85"/>
      <c r="AZ1678" s="85"/>
      <c r="BA1678" s="85"/>
      <c r="BB1678" s="85"/>
      <c r="BC1678" s="85"/>
      <c r="BD1678" s="85"/>
      <c r="BE1678" s="85"/>
      <c r="BF1678" s="85"/>
      <c r="BG1678" s="85"/>
      <c r="BH1678" s="85"/>
      <c r="BI1678" s="85"/>
      <c r="BJ1678" s="85"/>
      <c r="BK1678" s="85"/>
      <c r="BL1678" s="85"/>
      <c r="BM1678" s="85"/>
      <c r="BN1678" s="85"/>
      <c r="BO1678" s="85"/>
      <c r="BP1678" s="85"/>
      <c r="BQ1678" s="85"/>
      <c r="BR1678" s="85"/>
      <c r="BS1678" s="85"/>
      <c r="BT1678" s="85"/>
      <c r="BU1678" s="85"/>
      <c r="BV1678" s="85"/>
      <c r="BW1678" s="85"/>
      <c r="BX1678" s="85"/>
      <c r="BY1678" s="85"/>
      <c r="BZ1678" s="85"/>
      <c r="CA1678" s="85"/>
      <c r="CB1678" s="85"/>
      <c r="CC1678" s="85"/>
      <c r="CD1678" s="85"/>
      <c r="CE1678" s="85"/>
      <c r="CF1678" s="85"/>
      <c r="CG1678" s="85"/>
    </row>
    <row r="1679" spans="1:85" s="9" customFormat="1" x14ac:dyDescent="0.2">
      <c r="A1679" s="85"/>
      <c r="J1679" s="85"/>
      <c r="K1679" s="85"/>
      <c r="L1679" s="85"/>
      <c r="M1679" s="85"/>
      <c r="N1679" s="85"/>
      <c r="O1679" s="85"/>
      <c r="P1679" s="85"/>
      <c r="Q1679" s="85"/>
      <c r="R1679" s="85"/>
      <c r="S1679" s="85"/>
      <c r="T1679" s="85"/>
      <c r="U1679" s="85"/>
      <c r="V1679" s="85"/>
      <c r="W1679" s="85"/>
      <c r="X1679" s="85"/>
      <c r="Y1679" s="85"/>
      <c r="Z1679" s="85"/>
      <c r="AA1679" s="85"/>
      <c r="AB1679" s="85"/>
      <c r="AC1679" s="85"/>
      <c r="AD1679" s="85"/>
      <c r="AE1679" s="85"/>
      <c r="AF1679" s="85"/>
      <c r="AG1679" s="85"/>
      <c r="AH1679" s="85"/>
      <c r="AI1679" s="85"/>
      <c r="AJ1679" s="85"/>
      <c r="AK1679" s="85"/>
      <c r="AL1679" s="85"/>
      <c r="AM1679" s="85"/>
      <c r="AN1679" s="85"/>
      <c r="AO1679" s="85"/>
      <c r="AP1679" s="85"/>
      <c r="AQ1679" s="85"/>
      <c r="AR1679" s="85"/>
      <c r="AS1679" s="85"/>
      <c r="AT1679" s="85"/>
      <c r="AU1679" s="85"/>
      <c r="AV1679" s="85"/>
      <c r="AW1679" s="85"/>
      <c r="AX1679" s="85"/>
      <c r="AY1679" s="85"/>
      <c r="AZ1679" s="85"/>
      <c r="BA1679" s="85"/>
      <c r="BB1679" s="85"/>
      <c r="BC1679" s="85"/>
      <c r="BD1679" s="85"/>
      <c r="BE1679" s="85"/>
      <c r="BF1679" s="85"/>
      <c r="BG1679" s="85"/>
      <c r="BH1679" s="85"/>
      <c r="BI1679" s="85"/>
      <c r="BJ1679" s="85"/>
      <c r="BK1679" s="85"/>
      <c r="BL1679" s="85"/>
      <c r="BM1679" s="85"/>
      <c r="BN1679" s="85"/>
      <c r="BO1679" s="85"/>
      <c r="BP1679" s="85"/>
      <c r="BQ1679" s="85"/>
      <c r="BR1679" s="85"/>
      <c r="BS1679" s="85"/>
      <c r="BT1679" s="85"/>
      <c r="BU1679" s="85"/>
      <c r="BV1679" s="85"/>
      <c r="BW1679" s="85"/>
      <c r="BX1679" s="85"/>
      <c r="BY1679" s="85"/>
      <c r="BZ1679" s="85"/>
      <c r="CA1679" s="85"/>
      <c r="CB1679" s="85"/>
      <c r="CC1679" s="85"/>
      <c r="CD1679" s="85"/>
      <c r="CE1679" s="85"/>
      <c r="CF1679" s="85"/>
      <c r="CG1679" s="85"/>
    </row>
    <row r="1680" spans="1:85" s="9" customFormat="1" x14ac:dyDescent="0.2">
      <c r="A1680" s="85"/>
      <c r="J1680" s="85"/>
      <c r="K1680" s="85"/>
      <c r="L1680" s="85"/>
      <c r="M1680" s="85"/>
      <c r="N1680" s="85"/>
      <c r="O1680" s="85"/>
      <c r="P1680" s="85"/>
      <c r="Q1680" s="85"/>
      <c r="R1680" s="85"/>
      <c r="S1680" s="85"/>
      <c r="T1680" s="85"/>
      <c r="U1680" s="85"/>
      <c r="V1680" s="85"/>
      <c r="W1680" s="85"/>
      <c r="X1680" s="85"/>
      <c r="Y1680" s="85"/>
      <c r="Z1680" s="85"/>
      <c r="AA1680" s="85"/>
      <c r="AB1680" s="85"/>
      <c r="AC1680" s="85"/>
      <c r="AD1680" s="85"/>
      <c r="AE1680" s="85"/>
      <c r="AF1680" s="85"/>
      <c r="AG1680" s="85"/>
      <c r="AH1680" s="85"/>
      <c r="AI1680" s="85"/>
      <c r="AJ1680" s="85"/>
      <c r="AK1680" s="85"/>
      <c r="AL1680" s="85"/>
      <c r="AM1680" s="85"/>
      <c r="AN1680" s="85"/>
      <c r="AO1680" s="85"/>
      <c r="AP1680" s="85"/>
      <c r="AQ1680" s="85"/>
      <c r="AR1680" s="85"/>
      <c r="AS1680" s="85"/>
      <c r="AT1680" s="85"/>
      <c r="AU1680" s="85"/>
      <c r="AV1680" s="85"/>
      <c r="AW1680" s="85"/>
      <c r="AX1680" s="85"/>
      <c r="AY1680" s="85"/>
      <c r="AZ1680" s="85"/>
      <c r="BA1680" s="85"/>
      <c r="BB1680" s="85"/>
      <c r="BC1680" s="85"/>
      <c r="BD1680" s="85"/>
      <c r="BE1680" s="85"/>
      <c r="BF1680" s="85"/>
      <c r="BG1680" s="85"/>
      <c r="BH1680" s="85"/>
      <c r="BI1680" s="85"/>
      <c r="BJ1680" s="85"/>
      <c r="BK1680" s="85"/>
      <c r="BL1680" s="85"/>
      <c r="BM1680" s="85"/>
      <c r="BN1680" s="85"/>
      <c r="BO1680" s="85"/>
      <c r="BP1680" s="85"/>
      <c r="BQ1680" s="85"/>
      <c r="BR1680" s="85"/>
      <c r="BS1680" s="85"/>
      <c r="BT1680" s="85"/>
      <c r="BU1680" s="85"/>
      <c r="BV1680" s="85"/>
      <c r="BW1680" s="85"/>
      <c r="BX1680" s="85"/>
      <c r="BY1680" s="85"/>
      <c r="BZ1680" s="85"/>
      <c r="CA1680" s="85"/>
      <c r="CB1680" s="85"/>
      <c r="CC1680" s="85"/>
      <c r="CD1680" s="85"/>
      <c r="CE1680" s="85"/>
      <c r="CF1680" s="85"/>
      <c r="CG1680" s="85"/>
    </row>
    <row r="1681" spans="1:85" s="9" customFormat="1" x14ac:dyDescent="0.2">
      <c r="A1681" s="85"/>
      <c r="J1681" s="85"/>
      <c r="K1681" s="85"/>
      <c r="L1681" s="85"/>
      <c r="M1681" s="85"/>
      <c r="N1681" s="85"/>
      <c r="O1681" s="85"/>
      <c r="P1681" s="85"/>
      <c r="Q1681" s="85"/>
      <c r="R1681" s="85"/>
      <c r="S1681" s="85"/>
      <c r="T1681" s="85"/>
      <c r="U1681" s="85"/>
      <c r="V1681" s="85"/>
      <c r="W1681" s="85"/>
      <c r="X1681" s="85"/>
      <c r="Y1681" s="85"/>
      <c r="Z1681" s="85"/>
      <c r="AA1681" s="85"/>
      <c r="AB1681" s="85"/>
      <c r="AC1681" s="85"/>
      <c r="AD1681" s="85"/>
      <c r="AE1681" s="85"/>
      <c r="AF1681" s="85"/>
      <c r="AG1681" s="85"/>
      <c r="AH1681" s="85"/>
      <c r="AI1681" s="85"/>
      <c r="AJ1681" s="85"/>
      <c r="AK1681" s="85"/>
      <c r="AL1681" s="85"/>
      <c r="AM1681" s="85"/>
      <c r="AN1681" s="85"/>
      <c r="AO1681" s="85"/>
      <c r="AP1681" s="85"/>
      <c r="AQ1681" s="85"/>
      <c r="AR1681" s="85"/>
      <c r="AS1681" s="85"/>
      <c r="AT1681" s="85"/>
      <c r="AU1681" s="85"/>
      <c r="AV1681" s="85"/>
      <c r="AW1681" s="85"/>
      <c r="AX1681" s="85"/>
      <c r="AY1681" s="85"/>
      <c r="AZ1681" s="85"/>
      <c r="BA1681" s="85"/>
      <c r="BB1681" s="85"/>
      <c r="BC1681" s="85"/>
      <c r="BD1681" s="85"/>
      <c r="BE1681" s="85"/>
      <c r="BF1681" s="85"/>
      <c r="BG1681" s="85"/>
      <c r="BH1681" s="85"/>
      <c r="BI1681" s="85"/>
      <c r="BJ1681" s="85"/>
      <c r="BK1681" s="85"/>
      <c r="BL1681" s="85"/>
      <c r="BM1681" s="85"/>
      <c r="BN1681" s="85"/>
      <c r="BO1681" s="85"/>
      <c r="BP1681" s="85"/>
      <c r="BQ1681" s="85"/>
      <c r="BR1681" s="85"/>
      <c r="BS1681" s="85"/>
      <c r="BT1681" s="85"/>
      <c r="BU1681" s="85"/>
      <c r="BV1681" s="85"/>
      <c r="BW1681" s="85"/>
      <c r="BX1681" s="85"/>
      <c r="BY1681" s="85"/>
      <c r="BZ1681" s="85"/>
      <c r="CA1681" s="85"/>
      <c r="CB1681" s="85"/>
      <c r="CC1681" s="85"/>
      <c r="CD1681" s="85"/>
      <c r="CE1681" s="85"/>
      <c r="CF1681" s="85"/>
      <c r="CG1681" s="85"/>
    </row>
    <row r="1682" spans="1:85" s="9" customFormat="1" x14ac:dyDescent="0.2">
      <c r="A1682" s="85"/>
      <c r="J1682" s="85"/>
      <c r="K1682" s="85"/>
      <c r="L1682" s="85"/>
      <c r="M1682" s="85"/>
      <c r="N1682" s="85"/>
      <c r="O1682" s="85"/>
      <c r="P1682" s="85"/>
      <c r="Q1682" s="85"/>
      <c r="R1682" s="85"/>
      <c r="S1682" s="85"/>
      <c r="T1682" s="85"/>
      <c r="U1682" s="85"/>
      <c r="V1682" s="85"/>
      <c r="W1682" s="85"/>
      <c r="X1682" s="85"/>
      <c r="Y1682" s="85"/>
      <c r="Z1682" s="85"/>
      <c r="AA1682" s="85"/>
      <c r="AB1682" s="85"/>
      <c r="AC1682" s="85"/>
      <c r="AD1682" s="85"/>
      <c r="AE1682" s="85"/>
      <c r="AF1682" s="85"/>
      <c r="AG1682" s="85"/>
      <c r="AH1682" s="85"/>
      <c r="AI1682" s="85"/>
      <c r="AJ1682" s="85"/>
      <c r="AK1682" s="85"/>
      <c r="AL1682" s="85"/>
      <c r="AM1682" s="85"/>
      <c r="AN1682" s="85"/>
      <c r="AO1682" s="85"/>
      <c r="AP1682" s="85"/>
      <c r="AQ1682" s="85"/>
      <c r="AR1682" s="85"/>
      <c r="AS1682" s="85"/>
      <c r="AT1682" s="85"/>
      <c r="AU1682" s="85"/>
      <c r="AV1682" s="85"/>
      <c r="AW1682" s="85"/>
      <c r="AX1682" s="85"/>
      <c r="AY1682" s="85"/>
      <c r="AZ1682" s="85"/>
      <c r="BA1682" s="85"/>
      <c r="BB1682" s="85"/>
      <c r="BC1682" s="85"/>
      <c r="BD1682" s="85"/>
      <c r="BE1682" s="85"/>
      <c r="BF1682" s="85"/>
      <c r="BG1682" s="85"/>
      <c r="BH1682" s="85"/>
      <c r="BI1682" s="85"/>
      <c r="BJ1682" s="85"/>
      <c r="BK1682" s="85"/>
      <c r="BL1682" s="85"/>
      <c r="BM1682" s="85"/>
      <c r="BN1682" s="85"/>
      <c r="BO1682" s="85"/>
      <c r="BP1682" s="85"/>
      <c r="BQ1682" s="85"/>
      <c r="BR1682" s="85"/>
      <c r="BS1682" s="85"/>
      <c r="BT1682" s="85"/>
      <c r="BU1682" s="85"/>
      <c r="BV1682" s="85"/>
      <c r="BW1682" s="85"/>
      <c r="BX1682" s="85"/>
      <c r="BY1682" s="85"/>
      <c r="BZ1682" s="85"/>
      <c r="CA1682" s="85"/>
      <c r="CB1682" s="85"/>
      <c r="CC1682" s="85"/>
      <c r="CD1682" s="85"/>
      <c r="CE1682" s="85"/>
      <c r="CF1682" s="85"/>
      <c r="CG1682" s="85"/>
    </row>
    <row r="1683" spans="1:85" s="9" customFormat="1" x14ac:dyDescent="0.2">
      <c r="A1683" s="85"/>
      <c r="J1683" s="85"/>
      <c r="K1683" s="85"/>
      <c r="L1683" s="85"/>
      <c r="M1683" s="85"/>
      <c r="N1683" s="85"/>
      <c r="O1683" s="85"/>
      <c r="P1683" s="85"/>
      <c r="Q1683" s="85"/>
      <c r="R1683" s="85"/>
      <c r="S1683" s="85"/>
      <c r="T1683" s="85"/>
      <c r="U1683" s="85"/>
      <c r="V1683" s="85"/>
      <c r="W1683" s="85"/>
      <c r="X1683" s="85"/>
      <c r="Y1683" s="85"/>
      <c r="Z1683" s="85"/>
      <c r="AA1683" s="85"/>
      <c r="AB1683" s="85"/>
      <c r="AC1683" s="85"/>
      <c r="AD1683" s="85"/>
      <c r="AE1683" s="85"/>
      <c r="AF1683" s="85"/>
      <c r="AG1683" s="85"/>
      <c r="AH1683" s="85"/>
      <c r="AI1683" s="85"/>
      <c r="AJ1683" s="85"/>
      <c r="AK1683" s="85"/>
      <c r="AL1683" s="85"/>
      <c r="AM1683" s="85"/>
      <c r="AN1683" s="85"/>
      <c r="AO1683" s="85"/>
      <c r="AP1683" s="85"/>
      <c r="AQ1683" s="85"/>
      <c r="AR1683" s="85"/>
      <c r="AS1683" s="85"/>
      <c r="AT1683" s="85"/>
      <c r="AU1683" s="85"/>
      <c r="AV1683" s="85"/>
      <c r="AW1683" s="85"/>
      <c r="AX1683" s="85"/>
      <c r="AY1683" s="85"/>
      <c r="AZ1683" s="85"/>
      <c r="BA1683" s="85"/>
      <c r="BB1683" s="85"/>
      <c r="BC1683" s="85"/>
      <c r="BD1683" s="85"/>
      <c r="BE1683" s="85"/>
      <c r="BF1683" s="85"/>
      <c r="BG1683" s="85"/>
      <c r="BH1683" s="85"/>
      <c r="BI1683" s="85"/>
      <c r="BJ1683" s="85"/>
      <c r="BK1683" s="85"/>
      <c r="BL1683" s="85"/>
      <c r="BM1683" s="85"/>
      <c r="BN1683" s="85"/>
      <c r="BO1683" s="85"/>
      <c r="BP1683" s="85"/>
      <c r="BQ1683" s="85"/>
      <c r="BR1683" s="85"/>
      <c r="BS1683" s="85"/>
      <c r="BT1683" s="85"/>
      <c r="BU1683" s="85"/>
      <c r="BV1683" s="85"/>
      <c r="BW1683" s="85"/>
      <c r="BX1683" s="85"/>
      <c r="BY1683" s="85"/>
      <c r="BZ1683" s="85"/>
      <c r="CA1683" s="85"/>
      <c r="CB1683" s="85"/>
      <c r="CC1683" s="85"/>
      <c r="CD1683" s="85"/>
      <c r="CE1683" s="85"/>
      <c r="CF1683" s="85"/>
      <c r="CG1683" s="85"/>
    </row>
    <row r="1684" spans="1:85" s="9" customFormat="1" x14ac:dyDescent="0.2">
      <c r="A1684" s="85"/>
      <c r="J1684" s="85"/>
      <c r="K1684" s="85"/>
      <c r="L1684" s="85"/>
      <c r="M1684" s="85"/>
      <c r="N1684" s="85"/>
      <c r="O1684" s="85"/>
      <c r="P1684" s="85"/>
      <c r="Q1684" s="85"/>
      <c r="R1684" s="85"/>
      <c r="S1684" s="85"/>
      <c r="T1684" s="85"/>
      <c r="U1684" s="85"/>
      <c r="V1684" s="85"/>
      <c r="W1684" s="85"/>
      <c r="X1684" s="85"/>
      <c r="Y1684" s="85"/>
      <c r="Z1684" s="85"/>
      <c r="AA1684" s="85"/>
      <c r="AB1684" s="85"/>
      <c r="AC1684" s="85"/>
      <c r="AD1684" s="85"/>
      <c r="AE1684" s="85"/>
      <c r="AF1684" s="85"/>
      <c r="AG1684" s="85"/>
      <c r="AH1684" s="85"/>
      <c r="AI1684" s="85"/>
      <c r="AJ1684" s="85"/>
      <c r="AK1684" s="85"/>
      <c r="AL1684" s="85"/>
      <c r="AM1684" s="85"/>
      <c r="AN1684" s="85"/>
      <c r="AO1684" s="85"/>
      <c r="AP1684" s="85"/>
      <c r="AQ1684" s="85"/>
      <c r="AR1684" s="85"/>
      <c r="AS1684" s="85"/>
      <c r="AT1684" s="85"/>
      <c r="AU1684" s="85"/>
      <c r="AV1684" s="85"/>
      <c r="AW1684" s="85"/>
      <c r="AX1684" s="85"/>
      <c r="AY1684" s="85"/>
      <c r="AZ1684" s="85"/>
      <c r="BA1684" s="85"/>
      <c r="BB1684" s="85"/>
      <c r="BC1684" s="85"/>
      <c r="BD1684" s="85"/>
      <c r="BE1684" s="85"/>
      <c r="BF1684" s="85"/>
      <c r="BG1684" s="85"/>
      <c r="BH1684" s="85"/>
      <c r="BI1684" s="85"/>
      <c r="BJ1684" s="85"/>
      <c r="BK1684" s="85"/>
      <c r="BL1684" s="85"/>
      <c r="BM1684" s="85"/>
      <c r="BN1684" s="85"/>
      <c r="BO1684" s="85"/>
      <c r="BP1684" s="85"/>
      <c r="BQ1684" s="85"/>
      <c r="BR1684" s="85"/>
      <c r="BS1684" s="85"/>
      <c r="BT1684" s="85"/>
      <c r="BU1684" s="85"/>
      <c r="BV1684" s="85"/>
      <c r="BW1684" s="85"/>
      <c r="BX1684" s="85"/>
      <c r="BY1684" s="85"/>
      <c r="BZ1684" s="85"/>
      <c r="CA1684" s="85"/>
      <c r="CB1684" s="85"/>
      <c r="CC1684" s="85"/>
      <c r="CD1684" s="85"/>
      <c r="CE1684" s="85"/>
      <c r="CF1684" s="85"/>
      <c r="CG1684" s="85"/>
    </row>
    <row r="1685" spans="1:85" s="9" customFormat="1" x14ac:dyDescent="0.2">
      <c r="A1685" s="85"/>
      <c r="J1685" s="85"/>
      <c r="K1685" s="85"/>
      <c r="L1685" s="85"/>
      <c r="M1685" s="85"/>
      <c r="N1685" s="85"/>
      <c r="O1685" s="85"/>
      <c r="P1685" s="85"/>
      <c r="Q1685" s="85"/>
      <c r="R1685" s="85"/>
      <c r="S1685" s="85"/>
      <c r="T1685" s="85"/>
      <c r="U1685" s="85"/>
      <c r="V1685" s="85"/>
      <c r="W1685" s="85"/>
      <c r="X1685" s="85"/>
      <c r="Y1685" s="85"/>
      <c r="Z1685" s="85"/>
      <c r="AA1685" s="85"/>
      <c r="AB1685" s="85"/>
      <c r="AC1685" s="85"/>
      <c r="AD1685" s="85"/>
      <c r="AE1685" s="85"/>
      <c r="AF1685" s="85"/>
      <c r="AG1685" s="85"/>
      <c r="AH1685" s="85"/>
      <c r="AI1685" s="85"/>
      <c r="AJ1685" s="85"/>
      <c r="AK1685" s="85"/>
      <c r="AL1685" s="85"/>
      <c r="AM1685" s="85"/>
      <c r="AN1685" s="85"/>
      <c r="AO1685" s="85"/>
      <c r="AP1685" s="85"/>
      <c r="AQ1685" s="85"/>
      <c r="AR1685" s="85"/>
      <c r="AS1685" s="85"/>
      <c r="AT1685" s="85"/>
      <c r="AU1685" s="85"/>
      <c r="AV1685" s="85"/>
      <c r="AW1685" s="85"/>
      <c r="AX1685" s="85"/>
      <c r="AY1685" s="85"/>
      <c r="AZ1685" s="85"/>
      <c r="BA1685" s="85"/>
      <c r="BB1685" s="85"/>
      <c r="BC1685" s="85"/>
      <c r="BD1685" s="85"/>
      <c r="BE1685" s="85"/>
      <c r="BF1685" s="85"/>
      <c r="BG1685" s="85"/>
      <c r="BH1685" s="85"/>
      <c r="BI1685" s="85"/>
      <c r="BJ1685" s="85"/>
      <c r="BK1685" s="85"/>
      <c r="BL1685" s="85"/>
      <c r="BM1685" s="85"/>
      <c r="BN1685" s="85"/>
      <c r="BO1685" s="85"/>
      <c r="BP1685" s="85"/>
      <c r="BQ1685" s="85"/>
      <c r="BR1685" s="85"/>
      <c r="BS1685" s="85"/>
      <c r="BT1685" s="85"/>
      <c r="BU1685" s="85"/>
      <c r="BV1685" s="85"/>
      <c r="BW1685" s="85"/>
      <c r="BX1685" s="85"/>
      <c r="BY1685" s="85"/>
      <c r="BZ1685" s="85"/>
      <c r="CA1685" s="85"/>
      <c r="CB1685" s="85"/>
      <c r="CC1685" s="85"/>
      <c r="CD1685" s="85"/>
      <c r="CE1685" s="85"/>
      <c r="CF1685" s="85"/>
      <c r="CG1685" s="85"/>
    </row>
    <row r="1686" spans="1:85" s="9" customFormat="1" x14ac:dyDescent="0.2">
      <c r="A1686" s="85"/>
      <c r="J1686" s="85"/>
      <c r="K1686" s="85"/>
      <c r="L1686" s="85"/>
      <c r="M1686" s="85"/>
      <c r="N1686" s="85"/>
      <c r="O1686" s="85"/>
      <c r="P1686" s="85"/>
      <c r="Q1686" s="85"/>
      <c r="R1686" s="85"/>
      <c r="S1686" s="85"/>
      <c r="T1686" s="85"/>
      <c r="U1686" s="85"/>
      <c r="V1686" s="85"/>
      <c r="W1686" s="85"/>
      <c r="X1686" s="85"/>
      <c r="Y1686" s="85"/>
      <c r="Z1686" s="85"/>
      <c r="AA1686" s="85"/>
      <c r="AB1686" s="85"/>
      <c r="AC1686" s="85"/>
      <c r="AD1686" s="85"/>
      <c r="AE1686" s="85"/>
      <c r="AF1686" s="85"/>
      <c r="AG1686" s="85"/>
      <c r="AH1686" s="85"/>
      <c r="AI1686" s="85"/>
      <c r="AJ1686" s="85"/>
      <c r="AK1686" s="85"/>
      <c r="AL1686" s="85"/>
      <c r="AM1686" s="85"/>
      <c r="AN1686" s="85"/>
      <c r="AO1686" s="85"/>
      <c r="AP1686" s="85"/>
      <c r="AQ1686" s="85"/>
      <c r="AR1686" s="85"/>
      <c r="AS1686" s="85"/>
      <c r="AT1686" s="85"/>
      <c r="AU1686" s="85"/>
      <c r="AV1686" s="85"/>
      <c r="AW1686" s="85"/>
      <c r="AX1686" s="85"/>
      <c r="AY1686" s="85"/>
      <c r="AZ1686" s="85"/>
      <c r="BA1686" s="85"/>
      <c r="BB1686" s="85"/>
      <c r="BC1686" s="85"/>
      <c r="BD1686" s="85"/>
      <c r="BE1686" s="85"/>
      <c r="BF1686" s="85"/>
      <c r="BG1686" s="85"/>
      <c r="BH1686" s="85"/>
      <c r="BI1686" s="85"/>
      <c r="BJ1686" s="85"/>
      <c r="BK1686" s="85"/>
      <c r="BL1686" s="85"/>
      <c r="BM1686" s="85"/>
      <c r="BN1686" s="85"/>
      <c r="BO1686" s="85"/>
      <c r="BP1686" s="85"/>
      <c r="BQ1686" s="85"/>
      <c r="BR1686" s="85"/>
      <c r="BS1686" s="85"/>
      <c r="BT1686" s="85"/>
      <c r="BU1686" s="85"/>
      <c r="BV1686" s="85"/>
      <c r="BW1686" s="85"/>
      <c r="BX1686" s="85"/>
      <c r="BY1686" s="85"/>
      <c r="BZ1686" s="85"/>
      <c r="CA1686" s="85"/>
      <c r="CB1686" s="85"/>
      <c r="CC1686" s="85"/>
      <c r="CD1686" s="85"/>
      <c r="CE1686" s="85"/>
      <c r="CF1686" s="85"/>
      <c r="CG1686" s="85"/>
    </row>
    <row r="1687" spans="1:85" s="9" customFormat="1" x14ac:dyDescent="0.2">
      <c r="A1687" s="85"/>
      <c r="J1687" s="85"/>
      <c r="K1687" s="85"/>
      <c r="L1687" s="85"/>
      <c r="M1687" s="85"/>
      <c r="N1687" s="85"/>
      <c r="O1687" s="85"/>
      <c r="P1687" s="85"/>
      <c r="Q1687" s="85"/>
      <c r="R1687" s="85"/>
      <c r="S1687" s="85"/>
      <c r="T1687" s="85"/>
      <c r="U1687" s="85"/>
      <c r="V1687" s="85"/>
      <c r="W1687" s="85"/>
      <c r="X1687" s="85"/>
      <c r="Y1687" s="85"/>
      <c r="Z1687" s="85"/>
      <c r="AA1687" s="85"/>
      <c r="AB1687" s="85"/>
      <c r="AC1687" s="85"/>
      <c r="AD1687" s="85"/>
      <c r="AE1687" s="85"/>
      <c r="AF1687" s="85"/>
      <c r="AG1687" s="85"/>
      <c r="AH1687" s="85"/>
      <c r="AI1687" s="85"/>
      <c r="AJ1687" s="85"/>
      <c r="AK1687" s="85"/>
      <c r="AL1687" s="85"/>
      <c r="AM1687" s="85"/>
      <c r="AN1687" s="85"/>
      <c r="AO1687" s="85"/>
      <c r="AP1687" s="85"/>
      <c r="AQ1687" s="85"/>
      <c r="AR1687" s="85"/>
      <c r="AS1687" s="85"/>
      <c r="AT1687" s="85"/>
      <c r="AU1687" s="85"/>
      <c r="AV1687" s="85"/>
      <c r="AW1687" s="85"/>
      <c r="AX1687" s="85"/>
      <c r="AY1687" s="85"/>
      <c r="AZ1687" s="85"/>
      <c r="BA1687" s="85"/>
      <c r="BB1687" s="85"/>
      <c r="BC1687" s="85"/>
      <c r="BD1687" s="85"/>
      <c r="BE1687" s="85"/>
      <c r="BF1687" s="85"/>
      <c r="BG1687" s="85"/>
      <c r="BH1687" s="85"/>
      <c r="BI1687" s="85"/>
      <c r="BJ1687" s="85"/>
      <c r="BK1687" s="85"/>
      <c r="BL1687" s="85"/>
      <c r="BM1687" s="85"/>
      <c r="BN1687" s="85"/>
      <c r="BO1687" s="85"/>
      <c r="BP1687" s="85"/>
      <c r="BQ1687" s="85"/>
      <c r="BR1687" s="85"/>
      <c r="BS1687" s="85"/>
      <c r="BT1687" s="85"/>
      <c r="BU1687" s="85"/>
      <c r="BV1687" s="85"/>
      <c r="BW1687" s="85"/>
      <c r="BX1687" s="85"/>
      <c r="BY1687" s="85"/>
      <c r="BZ1687" s="85"/>
      <c r="CA1687" s="85"/>
      <c r="CB1687" s="85"/>
      <c r="CC1687" s="85"/>
      <c r="CD1687" s="85"/>
      <c r="CE1687" s="85"/>
      <c r="CF1687" s="85"/>
      <c r="CG1687" s="85"/>
    </row>
    <row r="1688" spans="1:85" s="9" customFormat="1" x14ac:dyDescent="0.2">
      <c r="A1688" s="85"/>
      <c r="J1688" s="85"/>
      <c r="K1688" s="85"/>
      <c r="L1688" s="85"/>
      <c r="M1688" s="85"/>
      <c r="N1688" s="85"/>
      <c r="O1688" s="85"/>
      <c r="P1688" s="85"/>
      <c r="Q1688" s="85"/>
      <c r="R1688" s="85"/>
      <c r="S1688" s="85"/>
      <c r="T1688" s="85"/>
      <c r="U1688" s="85"/>
      <c r="V1688" s="85"/>
      <c r="W1688" s="85"/>
      <c r="X1688" s="85"/>
      <c r="Y1688" s="85"/>
      <c r="Z1688" s="85"/>
      <c r="AA1688" s="85"/>
      <c r="AB1688" s="85"/>
      <c r="AC1688" s="85"/>
      <c r="AD1688" s="85"/>
      <c r="AE1688" s="85"/>
      <c r="AF1688" s="85"/>
      <c r="AG1688" s="85"/>
      <c r="AH1688" s="85"/>
      <c r="AI1688" s="85"/>
      <c r="AJ1688" s="85"/>
      <c r="AK1688" s="85"/>
      <c r="AL1688" s="85"/>
      <c r="AM1688" s="85"/>
      <c r="AN1688" s="85"/>
      <c r="AO1688" s="85"/>
      <c r="AP1688" s="85"/>
      <c r="AQ1688" s="85"/>
      <c r="AR1688" s="85"/>
      <c r="AS1688" s="85"/>
      <c r="AT1688" s="85"/>
      <c r="AU1688" s="85"/>
      <c r="AV1688" s="85"/>
      <c r="AW1688" s="85"/>
      <c r="AX1688" s="85"/>
      <c r="AY1688" s="85"/>
      <c r="AZ1688" s="85"/>
      <c r="BA1688" s="85"/>
      <c r="BB1688" s="85"/>
      <c r="BC1688" s="85"/>
      <c r="BD1688" s="85"/>
      <c r="BE1688" s="85"/>
      <c r="BF1688" s="85"/>
      <c r="BG1688" s="85"/>
      <c r="BH1688" s="85"/>
      <c r="BI1688" s="85"/>
      <c r="BJ1688" s="85"/>
      <c r="BK1688" s="85"/>
      <c r="BL1688" s="85"/>
      <c r="BM1688" s="85"/>
      <c r="BN1688" s="85"/>
      <c r="BO1688" s="85"/>
      <c r="BP1688" s="85"/>
      <c r="BQ1688" s="85"/>
      <c r="BR1688" s="85"/>
      <c r="BS1688" s="85"/>
      <c r="BT1688" s="85"/>
      <c r="BU1688" s="85"/>
      <c r="BV1688" s="85"/>
      <c r="BW1688" s="85"/>
      <c r="BX1688" s="85"/>
      <c r="BY1688" s="85"/>
      <c r="BZ1688" s="85"/>
      <c r="CA1688" s="85"/>
      <c r="CB1688" s="85"/>
      <c r="CC1688" s="85"/>
      <c r="CD1688" s="85"/>
      <c r="CE1688" s="85"/>
      <c r="CF1688" s="85"/>
      <c r="CG1688" s="85"/>
    </row>
    <row r="1689" spans="1:85" s="9" customFormat="1" x14ac:dyDescent="0.2">
      <c r="A1689" s="85"/>
      <c r="J1689" s="85"/>
      <c r="K1689" s="85"/>
      <c r="L1689" s="85"/>
      <c r="M1689" s="85"/>
      <c r="N1689" s="85"/>
      <c r="O1689" s="85"/>
      <c r="P1689" s="85"/>
      <c r="Q1689" s="85"/>
      <c r="R1689" s="85"/>
      <c r="S1689" s="85"/>
      <c r="T1689" s="85"/>
      <c r="U1689" s="85"/>
      <c r="V1689" s="85"/>
      <c r="W1689" s="85"/>
      <c r="X1689" s="85"/>
      <c r="Y1689" s="85"/>
      <c r="Z1689" s="85"/>
      <c r="AA1689" s="85"/>
      <c r="AB1689" s="85"/>
      <c r="AC1689" s="85"/>
      <c r="AD1689" s="85"/>
      <c r="AE1689" s="85"/>
      <c r="AF1689" s="85"/>
      <c r="AG1689" s="85"/>
      <c r="AH1689" s="85"/>
      <c r="AI1689" s="85"/>
      <c r="AJ1689" s="85"/>
      <c r="AK1689" s="85"/>
      <c r="AL1689" s="85"/>
      <c r="AM1689" s="85"/>
      <c r="AN1689" s="85"/>
      <c r="AO1689" s="85"/>
      <c r="AP1689" s="85"/>
      <c r="AQ1689" s="85"/>
      <c r="AR1689" s="85"/>
      <c r="AS1689" s="85"/>
      <c r="AT1689" s="85"/>
      <c r="AU1689" s="85"/>
      <c r="AV1689" s="85"/>
      <c r="AW1689" s="85"/>
      <c r="AX1689" s="85"/>
      <c r="AY1689" s="85"/>
      <c r="AZ1689" s="85"/>
      <c r="BA1689" s="85"/>
      <c r="BB1689" s="85"/>
      <c r="BC1689" s="85"/>
      <c r="BD1689" s="85"/>
      <c r="BE1689" s="85"/>
      <c r="BF1689" s="85"/>
      <c r="BG1689" s="85"/>
      <c r="BH1689" s="85"/>
      <c r="BI1689" s="85"/>
      <c r="BJ1689" s="85"/>
      <c r="BK1689" s="85"/>
      <c r="BL1689" s="85"/>
      <c r="BM1689" s="85"/>
      <c r="BN1689" s="85"/>
      <c r="BO1689" s="85"/>
      <c r="BP1689" s="85"/>
      <c r="BQ1689" s="85"/>
      <c r="BR1689" s="85"/>
      <c r="BS1689" s="85"/>
      <c r="BT1689" s="85"/>
      <c r="BU1689" s="85"/>
      <c r="BV1689" s="85"/>
      <c r="BW1689" s="85"/>
      <c r="BX1689" s="85"/>
      <c r="BY1689" s="85"/>
      <c r="BZ1689" s="85"/>
      <c r="CA1689" s="85"/>
      <c r="CB1689" s="85"/>
      <c r="CC1689" s="85"/>
      <c r="CD1689" s="85"/>
      <c r="CE1689" s="85"/>
      <c r="CF1689" s="85"/>
      <c r="CG1689" s="85"/>
    </row>
    <row r="1690" spans="1:85" s="9" customFormat="1" x14ac:dyDescent="0.2">
      <c r="A1690" s="85"/>
      <c r="J1690" s="85"/>
      <c r="K1690" s="85"/>
      <c r="L1690" s="85"/>
      <c r="M1690" s="85"/>
      <c r="N1690" s="85"/>
      <c r="O1690" s="85"/>
      <c r="P1690" s="85"/>
      <c r="Q1690" s="85"/>
      <c r="R1690" s="85"/>
      <c r="S1690" s="85"/>
      <c r="T1690" s="85"/>
      <c r="U1690" s="85"/>
      <c r="V1690" s="85"/>
      <c r="W1690" s="85"/>
      <c r="X1690" s="85"/>
      <c r="Y1690" s="85"/>
      <c r="Z1690" s="85"/>
      <c r="AA1690" s="85"/>
      <c r="AB1690" s="85"/>
      <c r="AC1690" s="85"/>
      <c r="AD1690" s="85"/>
      <c r="AE1690" s="85"/>
      <c r="AF1690" s="85"/>
      <c r="AG1690" s="85"/>
      <c r="AH1690" s="85"/>
      <c r="AI1690" s="85"/>
      <c r="AJ1690" s="85"/>
      <c r="AK1690" s="85"/>
      <c r="AL1690" s="85"/>
      <c r="AM1690" s="85"/>
      <c r="AN1690" s="85"/>
      <c r="AO1690" s="85"/>
      <c r="AP1690" s="85"/>
      <c r="AQ1690" s="85"/>
      <c r="AR1690" s="85"/>
      <c r="AS1690" s="85"/>
      <c r="AT1690" s="85"/>
      <c r="AU1690" s="85"/>
      <c r="AV1690" s="85"/>
      <c r="AW1690" s="85"/>
      <c r="AX1690" s="85"/>
      <c r="AY1690" s="85"/>
      <c r="AZ1690" s="85"/>
      <c r="BA1690" s="85"/>
      <c r="BB1690" s="85"/>
      <c r="BC1690" s="85"/>
      <c r="BD1690" s="85"/>
      <c r="BE1690" s="85"/>
      <c r="BF1690" s="85"/>
      <c r="BG1690" s="85"/>
      <c r="BH1690" s="85"/>
      <c r="BI1690" s="85"/>
      <c r="BJ1690" s="85"/>
      <c r="BK1690" s="85"/>
      <c r="BL1690" s="85"/>
      <c r="BM1690" s="85"/>
      <c r="BN1690" s="85"/>
      <c r="BO1690" s="85"/>
      <c r="BP1690" s="85"/>
      <c r="BQ1690" s="85"/>
      <c r="BR1690" s="85"/>
      <c r="BS1690" s="85"/>
      <c r="BT1690" s="85"/>
      <c r="BU1690" s="85"/>
      <c r="BV1690" s="85"/>
      <c r="BW1690" s="85"/>
      <c r="BX1690" s="85"/>
      <c r="BY1690" s="85"/>
      <c r="BZ1690" s="85"/>
      <c r="CA1690" s="85"/>
      <c r="CB1690" s="85"/>
      <c r="CC1690" s="85"/>
      <c r="CD1690" s="85"/>
      <c r="CE1690" s="85"/>
      <c r="CF1690" s="85"/>
      <c r="CG1690" s="85"/>
    </row>
    <row r="1691" spans="1:85" s="9" customFormat="1" x14ac:dyDescent="0.2">
      <c r="A1691" s="85"/>
      <c r="J1691" s="85"/>
      <c r="K1691" s="85"/>
      <c r="L1691" s="85"/>
      <c r="M1691" s="85"/>
      <c r="N1691" s="85"/>
      <c r="O1691" s="85"/>
      <c r="P1691" s="85"/>
      <c r="Q1691" s="85"/>
      <c r="R1691" s="85"/>
      <c r="S1691" s="85"/>
      <c r="T1691" s="85"/>
      <c r="U1691" s="85"/>
      <c r="V1691" s="85"/>
      <c r="W1691" s="85"/>
      <c r="X1691" s="85"/>
      <c r="Y1691" s="85"/>
      <c r="Z1691" s="85"/>
      <c r="AA1691" s="85"/>
      <c r="AB1691" s="85"/>
      <c r="AC1691" s="85"/>
      <c r="AD1691" s="85"/>
      <c r="AE1691" s="85"/>
      <c r="AF1691" s="85"/>
      <c r="AG1691" s="85"/>
      <c r="AH1691" s="85"/>
      <c r="AI1691" s="85"/>
      <c r="AJ1691" s="85"/>
      <c r="AK1691" s="85"/>
      <c r="AL1691" s="85"/>
      <c r="AM1691" s="85"/>
      <c r="AN1691" s="85"/>
      <c r="AO1691" s="85"/>
      <c r="AP1691" s="85"/>
      <c r="AQ1691" s="85"/>
      <c r="AR1691" s="85"/>
      <c r="AS1691" s="85"/>
      <c r="AT1691" s="85"/>
      <c r="AU1691" s="85"/>
      <c r="AV1691" s="85"/>
      <c r="AW1691" s="85"/>
      <c r="AX1691" s="85"/>
      <c r="AY1691" s="85"/>
      <c r="AZ1691" s="85"/>
      <c r="BA1691" s="85"/>
      <c r="BB1691" s="85"/>
      <c r="BC1691" s="85"/>
      <c r="BD1691" s="85"/>
      <c r="BE1691" s="85"/>
      <c r="BF1691" s="85"/>
      <c r="BG1691" s="85"/>
      <c r="BH1691" s="85"/>
      <c r="BI1691" s="85"/>
      <c r="BJ1691" s="85"/>
      <c r="BK1691" s="85"/>
      <c r="BL1691" s="85"/>
      <c r="BM1691" s="85"/>
      <c r="BN1691" s="85"/>
      <c r="BO1691" s="85"/>
      <c r="BP1691" s="85"/>
      <c r="BQ1691" s="85"/>
      <c r="BR1691" s="85"/>
      <c r="BS1691" s="85"/>
      <c r="BT1691" s="85"/>
      <c r="BU1691" s="85"/>
      <c r="BV1691" s="85"/>
      <c r="BW1691" s="85"/>
      <c r="BX1691" s="85"/>
      <c r="BY1691" s="85"/>
      <c r="BZ1691" s="85"/>
      <c r="CA1691" s="85"/>
      <c r="CB1691" s="85"/>
      <c r="CC1691" s="85"/>
      <c r="CD1691" s="85"/>
      <c r="CE1691" s="85"/>
      <c r="CF1691" s="85"/>
      <c r="CG1691" s="85"/>
    </row>
    <row r="1692" spans="1:85" s="9" customFormat="1" x14ac:dyDescent="0.2">
      <c r="A1692" s="85"/>
      <c r="J1692" s="85"/>
      <c r="K1692" s="85"/>
      <c r="L1692" s="85"/>
      <c r="M1692" s="85"/>
      <c r="N1692" s="85"/>
      <c r="O1692" s="85"/>
      <c r="P1692" s="85"/>
      <c r="Q1692" s="85"/>
      <c r="R1692" s="85"/>
      <c r="S1692" s="85"/>
      <c r="T1692" s="85"/>
      <c r="U1692" s="85"/>
      <c r="V1692" s="85"/>
      <c r="W1692" s="85"/>
      <c r="X1692" s="85"/>
      <c r="Y1692" s="85"/>
      <c r="Z1692" s="85"/>
      <c r="AA1692" s="85"/>
      <c r="AB1692" s="85"/>
      <c r="AC1692" s="85"/>
      <c r="AD1692" s="85"/>
      <c r="AE1692" s="85"/>
      <c r="AF1692" s="85"/>
      <c r="AG1692" s="85"/>
      <c r="AH1692" s="85"/>
      <c r="AI1692" s="85"/>
      <c r="AJ1692" s="85"/>
      <c r="AK1692" s="85"/>
      <c r="AL1692" s="85"/>
      <c r="AM1692" s="85"/>
      <c r="AN1692" s="85"/>
      <c r="AO1692" s="85"/>
      <c r="AP1692" s="85"/>
      <c r="AQ1692" s="85"/>
      <c r="AR1692" s="85"/>
      <c r="AS1692" s="85"/>
      <c r="AT1692" s="85"/>
      <c r="AU1692" s="85"/>
      <c r="AV1692" s="85"/>
      <c r="AW1692" s="85"/>
      <c r="AX1692" s="85"/>
      <c r="AY1692" s="85"/>
      <c r="AZ1692" s="85"/>
      <c r="BA1692" s="85"/>
      <c r="BB1692" s="85"/>
      <c r="BC1692" s="85"/>
      <c r="BD1692" s="85"/>
      <c r="BE1692" s="85"/>
      <c r="BF1692" s="85"/>
      <c r="BG1692" s="85"/>
      <c r="BH1692" s="85"/>
      <c r="BI1692" s="85"/>
      <c r="BJ1692" s="85"/>
      <c r="BK1692" s="85"/>
      <c r="BL1692" s="85"/>
      <c r="BM1692" s="85"/>
      <c r="BN1692" s="85"/>
      <c r="BO1692" s="85"/>
      <c r="BP1692" s="85"/>
      <c r="BQ1692" s="85"/>
      <c r="BR1692" s="85"/>
      <c r="BS1692" s="85"/>
      <c r="BT1692" s="85"/>
      <c r="BU1692" s="85"/>
      <c r="BV1692" s="85"/>
      <c r="BW1692" s="85"/>
      <c r="BX1692" s="85"/>
      <c r="BY1692" s="85"/>
      <c r="BZ1692" s="85"/>
      <c r="CA1692" s="85"/>
      <c r="CB1692" s="85"/>
      <c r="CC1692" s="85"/>
      <c r="CD1692" s="85"/>
      <c r="CE1692" s="85"/>
      <c r="CF1692" s="85"/>
      <c r="CG1692" s="85"/>
    </row>
    <row r="1693" spans="1:85" s="9" customFormat="1" x14ac:dyDescent="0.2">
      <c r="A1693" s="85"/>
      <c r="J1693" s="85"/>
      <c r="K1693" s="85"/>
      <c r="L1693" s="85"/>
      <c r="M1693" s="85"/>
      <c r="N1693" s="85"/>
      <c r="O1693" s="85"/>
      <c r="P1693" s="85"/>
      <c r="Q1693" s="85"/>
      <c r="R1693" s="85"/>
      <c r="S1693" s="85"/>
      <c r="T1693" s="85"/>
      <c r="U1693" s="85"/>
      <c r="V1693" s="85"/>
      <c r="W1693" s="85"/>
      <c r="X1693" s="85"/>
      <c r="Y1693" s="85"/>
      <c r="Z1693" s="85"/>
      <c r="AA1693" s="85"/>
      <c r="AB1693" s="85"/>
      <c r="AC1693" s="85"/>
      <c r="AD1693" s="85"/>
      <c r="AE1693" s="85"/>
      <c r="AF1693" s="85"/>
      <c r="AG1693" s="85"/>
      <c r="AH1693" s="85"/>
      <c r="AI1693" s="85"/>
      <c r="AJ1693" s="85"/>
      <c r="AK1693" s="85"/>
      <c r="AL1693" s="85"/>
      <c r="AM1693" s="85"/>
      <c r="AN1693" s="85"/>
      <c r="AO1693" s="85"/>
      <c r="AP1693" s="85"/>
      <c r="AQ1693" s="85"/>
      <c r="AR1693" s="85"/>
      <c r="AS1693" s="85"/>
      <c r="AT1693" s="85"/>
      <c r="AU1693" s="85"/>
      <c r="AV1693" s="85"/>
      <c r="AW1693" s="85"/>
      <c r="AX1693" s="85"/>
      <c r="AY1693" s="85"/>
      <c r="AZ1693" s="85"/>
      <c r="BA1693" s="85"/>
      <c r="BB1693" s="85"/>
      <c r="BC1693" s="85"/>
      <c r="BD1693" s="85"/>
      <c r="BE1693" s="85"/>
      <c r="BF1693" s="85"/>
      <c r="BG1693" s="85"/>
      <c r="BH1693" s="85"/>
      <c r="BI1693" s="85"/>
      <c r="BJ1693" s="85"/>
      <c r="BK1693" s="85"/>
      <c r="BL1693" s="85"/>
      <c r="BM1693" s="85"/>
      <c r="BN1693" s="85"/>
      <c r="BO1693" s="85"/>
      <c r="BP1693" s="85"/>
      <c r="BQ1693" s="85"/>
      <c r="BR1693" s="85"/>
      <c r="BS1693" s="85"/>
      <c r="BT1693" s="85"/>
      <c r="BU1693" s="85"/>
      <c r="BV1693" s="85"/>
      <c r="BW1693" s="85"/>
      <c r="BX1693" s="85"/>
      <c r="BY1693" s="85"/>
      <c r="BZ1693" s="85"/>
      <c r="CA1693" s="85"/>
      <c r="CB1693" s="85"/>
      <c r="CC1693" s="85"/>
      <c r="CD1693" s="85"/>
      <c r="CE1693" s="85"/>
      <c r="CF1693" s="85"/>
      <c r="CG1693" s="85"/>
    </row>
    <row r="1694" spans="1:85" s="9" customFormat="1" x14ac:dyDescent="0.2">
      <c r="A1694" s="85"/>
      <c r="J1694" s="85"/>
      <c r="K1694" s="85"/>
      <c r="L1694" s="85"/>
      <c r="M1694" s="85"/>
      <c r="N1694" s="85"/>
      <c r="O1694" s="85"/>
      <c r="P1694" s="85"/>
      <c r="Q1694" s="85"/>
      <c r="R1694" s="85"/>
      <c r="S1694" s="85"/>
      <c r="T1694" s="85"/>
      <c r="U1694" s="85"/>
      <c r="V1694" s="85"/>
      <c r="W1694" s="85"/>
      <c r="X1694" s="85"/>
      <c r="Y1694" s="85"/>
      <c r="Z1694" s="85"/>
      <c r="AA1694" s="85"/>
      <c r="AB1694" s="85"/>
      <c r="AC1694" s="85"/>
      <c r="AD1694" s="85"/>
      <c r="AE1694" s="85"/>
      <c r="AF1694" s="85"/>
      <c r="AG1694" s="85"/>
      <c r="AH1694" s="85"/>
      <c r="AI1694" s="85"/>
      <c r="AJ1694" s="85"/>
      <c r="AK1694" s="85"/>
      <c r="AL1694" s="85"/>
      <c r="AM1694" s="85"/>
      <c r="AN1694" s="85"/>
      <c r="AO1694" s="85"/>
      <c r="AP1694" s="85"/>
      <c r="AQ1694" s="85"/>
      <c r="AR1694" s="85"/>
      <c r="AS1694" s="85"/>
      <c r="AT1694" s="85"/>
      <c r="AU1694" s="85"/>
      <c r="AV1694" s="85"/>
      <c r="AW1694" s="85"/>
      <c r="AX1694" s="85"/>
      <c r="AY1694" s="85"/>
      <c r="AZ1694" s="85"/>
      <c r="BA1694" s="85"/>
      <c r="BB1694" s="85"/>
      <c r="BC1694" s="85"/>
      <c r="BD1694" s="85"/>
      <c r="BE1694" s="85"/>
      <c r="BF1694" s="85"/>
      <c r="BG1694" s="85"/>
      <c r="BH1694" s="85"/>
      <c r="BI1694" s="85"/>
      <c r="BJ1694" s="85"/>
      <c r="BK1694" s="85"/>
      <c r="BL1694" s="85"/>
      <c r="BM1694" s="85"/>
      <c r="BN1694" s="85"/>
      <c r="BO1694" s="85"/>
      <c r="BP1694" s="85"/>
      <c r="BQ1694" s="85"/>
      <c r="BR1694" s="85"/>
      <c r="BS1694" s="85"/>
      <c r="BT1694" s="85"/>
      <c r="BU1694" s="85"/>
      <c r="BV1694" s="85"/>
      <c r="BW1694" s="85"/>
      <c r="BX1694" s="85"/>
      <c r="BY1694" s="85"/>
      <c r="BZ1694" s="85"/>
      <c r="CA1694" s="85"/>
      <c r="CB1694" s="85"/>
      <c r="CC1694" s="85"/>
      <c r="CD1694" s="85"/>
      <c r="CE1694" s="85"/>
      <c r="CF1694" s="85"/>
      <c r="CG1694" s="85"/>
    </row>
    <row r="1695" spans="1:85" s="9" customFormat="1" x14ac:dyDescent="0.2">
      <c r="A1695" s="85"/>
      <c r="J1695" s="85"/>
      <c r="K1695" s="85"/>
      <c r="L1695" s="85"/>
      <c r="M1695" s="85"/>
      <c r="N1695" s="85"/>
      <c r="O1695" s="85"/>
      <c r="P1695" s="85"/>
      <c r="Q1695" s="85"/>
      <c r="R1695" s="85"/>
      <c r="S1695" s="85"/>
      <c r="T1695" s="85"/>
      <c r="U1695" s="85"/>
      <c r="V1695" s="85"/>
      <c r="W1695" s="85"/>
      <c r="X1695" s="85"/>
      <c r="Y1695" s="85"/>
      <c r="Z1695" s="85"/>
      <c r="AA1695" s="85"/>
      <c r="AB1695" s="85"/>
      <c r="AC1695" s="85"/>
      <c r="AD1695" s="85"/>
      <c r="AE1695" s="85"/>
      <c r="AF1695" s="85"/>
      <c r="AG1695" s="85"/>
      <c r="AH1695" s="85"/>
      <c r="AI1695" s="85"/>
      <c r="AJ1695" s="85"/>
      <c r="AK1695" s="85"/>
      <c r="AL1695" s="85"/>
      <c r="AM1695" s="85"/>
      <c r="AN1695" s="85"/>
      <c r="AO1695" s="85"/>
      <c r="AP1695" s="85"/>
      <c r="AQ1695" s="85"/>
      <c r="AR1695" s="85"/>
      <c r="AS1695" s="85"/>
      <c r="AT1695" s="85"/>
      <c r="AU1695" s="85"/>
      <c r="AV1695" s="85"/>
      <c r="AW1695" s="85"/>
      <c r="AX1695" s="85"/>
      <c r="AY1695" s="85"/>
      <c r="AZ1695" s="85"/>
      <c r="BA1695" s="85"/>
      <c r="BB1695" s="85"/>
      <c r="BC1695" s="85"/>
      <c r="BD1695" s="85"/>
      <c r="BE1695" s="85"/>
      <c r="BF1695" s="85"/>
      <c r="BG1695" s="85"/>
      <c r="BH1695" s="85"/>
      <c r="BI1695" s="85"/>
      <c r="BJ1695" s="85"/>
      <c r="BK1695" s="85"/>
      <c r="BL1695" s="85"/>
      <c r="BM1695" s="85"/>
      <c r="BN1695" s="85"/>
      <c r="BO1695" s="85"/>
      <c r="BP1695" s="85"/>
      <c r="BQ1695" s="85"/>
      <c r="BR1695" s="85"/>
      <c r="BS1695" s="85"/>
      <c r="BT1695" s="85"/>
      <c r="BU1695" s="85"/>
      <c r="BV1695" s="85"/>
      <c r="BW1695" s="85"/>
      <c r="BX1695" s="85"/>
      <c r="BY1695" s="85"/>
      <c r="BZ1695" s="85"/>
      <c r="CA1695" s="85"/>
      <c r="CB1695" s="85"/>
      <c r="CC1695" s="85"/>
      <c r="CD1695" s="85"/>
      <c r="CE1695" s="85"/>
      <c r="CF1695" s="85"/>
      <c r="CG1695" s="85"/>
    </row>
    <row r="1696" spans="1:85" s="9" customFormat="1" x14ac:dyDescent="0.2">
      <c r="A1696" s="85"/>
      <c r="J1696" s="85"/>
      <c r="K1696" s="85"/>
      <c r="L1696" s="85"/>
      <c r="M1696" s="85"/>
      <c r="N1696" s="85"/>
      <c r="O1696" s="85"/>
      <c r="P1696" s="85"/>
      <c r="Q1696" s="85"/>
      <c r="R1696" s="85"/>
      <c r="S1696" s="85"/>
      <c r="T1696" s="85"/>
      <c r="U1696" s="85"/>
      <c r="V1696" s="85"/>
      <c r="W1696" s="85"/>
      <c r="X1696" s="85"/>
      <c r="Y1696" s="85"/>
      <c r="Z1696" s="85"/>
      <c r="AA1696" s="85"/>
      <c r="AB1696" s="85"/>
      <c r="AC1696" s="85"/>
      <c r="AD1696" s="85"/>
      <c r="AE1696" s="85"/>
      <c r="AF1696" s="85"/>
      <c r="AG1696" s="85"/>
      <c r="AH1696" s="85"/>
      <c r="AI1696" s="85"/>
      <c r="AJ1696" s="85"/>
      <c r="AK1696" s="85"/>
      <c r="AL1696" s="85"/>
      <c r="AM1696" s="85"/>
      <c r="AN1696" s="85"/>
      <c r="AO1696" s="85"/>
      <c r="AP1696" s="85"/>
      <c r="AQ1696" s="85"/>
      <c r="AR1696" s="85"/>
      <c r="AS1696" s="85"/>
      <c r="AT1696" s="85"/>
      <c r="AU1696" s="85"/>
      <c r="AV1696" s="85"/>
      <c r="AW1696" s="85"/>
      <c r="AX1696" s="85"/>
      <c r="AY1696" s="85"/>
      <c r="AZ1696" s="85"/>
      <c r="BA1696" s="85"/>
      <c r="BB1696" s="85"/>
      <c r="BC1696" s="85"/>
      <c r="BD1696" s="85"/>
      <c r="BE1696" s="85"/>
      <c r="BF1696" s="85"/>
      <c r="BG1696" s="85"/>
      <c r="BH1696" s="85"/>
      <c r="BI1696" s="85"/>
      <c r="BJ1696" s="85"/>
      <c r="BK1696" s="85"/>
      <c r="BL1696" s="85"/>
      <c r="BM1696" s="85"/>
      <c r="BN1696" s="85"/>
      <c r="BO1696" s="85"/>
      <c r="BP1696" s="85"/>
      <c r="BQ1696" s="85"/>
      <c r="BR1696" s="85"/>
      <c r="BS1696" s="85"/>
      <c r="BT1696" s="85"/>
      <c r="BU1696" s="85"/>
      <c r="BV1696" s="85"/>
      <c r="BW1696" s="85"/>
      <c r="BX1696" s="85"/>
      <c r="BY1696" s="85"/>
      <c r="BZ1696" s="85"/>
      <c r="CA1696" s="85"/>
      <c r="CB1696" s="85"/>
      <c r="CC1696" s="85"/>
      <c r="CD1696" s="85"/>
      <c r="CE1696" s="85"/>
      <c r="CF1696" s="85"/>
      <c r="CG1696" s="85"/>
    </row>
    <row r="1697" spans="1:85" s="9" customFormat="1" x14ac:dyDescent="0.2">
      <c r="A1697" s="85"/>
      <c r="J1697" s="85"/>
      <c r="K1697" s="85"/>
      <c r="L1697" s="85"/>
      <c r="M1697" s="85"/>
      <c r="N1697" s="85"/>
      <c r="O1697" s="85"/>
      <c r="P1697" s="85"/>
      <c r="Q1697" s="85"/>
      <c r="R1697" s="85"/>
      <c r="S1697" s="85"/>
      <c r="T1697" s="85"/>
      <c r="U1697" s="85"/>
      <c r="V1697" s="85"/>
      <c r="W1697" s="85"/>
      <c r="X1697" s="85"/>
      <c r="Y1697" s="85"/>
      <c r="Z1697" s="85"/>
      <c r="AA1697" s="85"/>
      <c r="AB1697" s="85"/>
      <c r="AC1697" s="85"/>
      <c r="AD1697" s="85"/>
      <c r="AE1697" s="85"/>
      <c r="AF1697" s="85"/>
      <c r="AG1697" s="85"/>
      <c r="AH1697" s="85"/>
      <c r="AI1697" s="85"/>
      <c r="AJ1697" s="85"/>
      <c r="AK1697" s="85"/>
      <c r="AL1697" s="85"/>
      <c r="AM1697" s="85"/>
      <c r="AN1697" s="85"/>
      <c r="AO1697" s="85"/>
      <c r="AP1697" s="85"/>
      <c r="AQ1697" s="85"/>
      <c r="AR1697" s="85"/>
      <c r="AS1697" s="85"/>
      <c r="AT1697" s="85"/>
      <c r="AU1697" s="85"/>
      <c r="AV1697" s="85"/>
      <c r="AW1697" s="85"/>
      <c r="AX1697" s="85"/>
      <c r="AY1697" s="85"/>
      <c r="AZ1697" s="85"/>
      <c r="BA1697" s="85"/>
      <c r="BB1697" s="85"/>
      <c r="BC1697" s="85"/>
      <c r="BD1697" s="85"/>
      <c r="BE1697" s="85"/>
      <c r="BF1697" s="85"/>
      <c r="BG1697" s="85"/>
      <c r="BH1697" s="85"/>
      <c r="BI1697" s="85"/>
      <c r="BJ1697" s="85"/>
      <c r="BK1697" s="85"/>
      <c r="BL1697" s="85"/>
      <c r="BM1697" s="85"/>
      <c r="BN1697" s="85"/>
      <c r="BO1697" s="85"/>
      <c r="BP1697" s="85"/>
      <c r="BQ1697" s="85"/>
      <c r="BR1697" s="85"/>
      <c r="BS1697" s="85"/>
      <c r="BT1697" s="85"/>
      <c r="BU1697" s="85"/>
      <c r="BV1697" s="85"/>
      <c r="BW1697" s="85"/>
      <c r="BX1697" s="85"/>
      <c r="BY1697" s="85"/>
      <c r="BZ1697" s="85"/>
      <c r="CA1697" s="85"/>
      <c r="CB1697" s="85"/>
      <c r="CC1697" s="85"/>
      <c r="CD1697" s="85"/>
      <c r="CE1697" s="85"/>
      <c r="CF1697" s="85"/>
      <c r="CG1697" s="85"/>
    </row>
    <row r="1698" spans="1:85" s="9" customFormat="1" x14ac:dyDescent="0.2">
      <c r="A1698" s="85"/>
      <c r="J1698" s="85"/>
      <c r="K1698" s="85"/>
      <c r="L1698" s="85"/>
      <c r="M1698" s="85"/>
      <c r="N1698" s="85"/>
      <c r="O1698" s="85"/>
      <c r="P1698" s="85"/>
      <c r="Q1698" s="85"/>
      <c r="R1698" s="85"/>
      <c r="S1698" s="85"/>
      <c r="T1698" s="85"/>
      <c r="U1698" s="85"/>
      <c r="V1698" s="85"/>
      <c r="W1698" s="85"/>
      <c r="X1698" s="85"/>
      <c r="Y1698" s="85"/>
      <c r="Z1698" s="85"/>
      <c r="AA1698" s="85"/>
      <c r="AB1698" s="85"/>
      <c r="AC1698" s="85"/>
      <c r="AD1698" s="85"/>
      <c r="AE1698" s="85"/>
      <c r="AF1698" s="85"/>
      <c r="AG1698" s="85"/>
      <c r="AH1698" s="85"/>
      <c r="AI1698" s="85"/>
      <c r="AJ1698" s="85"/>
      <c r="AK1698" s="85"/>
      <c r="AL1698" s="85"/>
      <c r="AM1698" s="85"/>
      <c r="AN1698" s="85"/>
      <c r="AO1698" s="85"/>
      <c r="AP1698" s="85"/>
      <c r="AQ1698" s="85"/>
      <c r="AR1698" s="85"/>
      <c r="AS1698" s="85"/>
      <c r="AT1698" s="85"/>
      <c r="AU1698" s="85"/>
      <c r="AV1698" s="85"/>
      <c r="AW1698" s="85"/>
      <c r="AX1698" s="85"/>
      <c r="AY1698" s="85"/>
      <c r="AZ1698" s="85"/>
      <c r="BA1698" s="85"/>
      <c r="BB1698" s="85"/>
      <c r="BC1698" s="85"/>
      <c r="BD1698" s="85"/>
      <c r="BE1698" s="85"/>
      <c r="BF1698" s="85"/>
      <c r="BG1698" s="85"/>
      <c r="BH1698" s="85"/>
      <c r="BI1698" s="85"/>
      <c r="BJ1698" s="85"/>
      <c r="BK1698" s="85"/>
      <c r="BL1698" s="85"/>
      <c r="BM1698" s="85"/>
      <c r="BN1698" s="85"/>
      <c r="BO1698" s="85"/>
      <c r="BP1698" s="85"/>
      <c r="BQ1698" s="85"/>
      <c r="BR1698" s="85"/>
      <c r="BS1698" s="85"/>
      <c r="BT1698" s="85"/>
      <c r="BU1698" s="85"/>
      <c r="BV1698" s="85"/>
      <c r="BW1698" s="85"/>
      <c r="BX1698" s="85"/>
      <c r="BY1698" s="85"/>
      <c r="BZ1698" s="85"/>
      <c r="CA1698" s="85"/>
      <c r="CB1698" s="85"/>
      <c r="CC1698" s="85"/>
      <c r="CD1698" s="85"/>
      <c r="CE1698" s="85"/>
      <c r="CF1698" s="85"/>
      <c r="CG1698" s="85"/>
    </row>
    <row r="1699" spans="1:85" s="9" customFormat="1" x14ac:dyDescent="0.2">
      <c r="A1699" s="85"/>
      <c r="J1699" s="85"/>
      <c r="K1699" s="85"/>
      <c r="L1699" s="85"/>
      <c r="M1699" s="85"/>
      <c r="N1699" s="85"/>
      <c r="O1699" s="85"/>
      <c r="P1699" s="85"/>
      <c r="Q1699" s="85"/>
      <c r="R1699" s="85"/>
      <c r="S1699" s="85"/>
      <c r="T1699" s="85"/>
      <c r="U1699" s="85"/>
      <c r="V1699" s="85"/>
      <c r="W1699" s="85"/>
      <c r="X1699" s="85"/>
      <c r="Y1699" s="85"/>
      <c r="Z1699" s="85"/>
      <c r="AA1699" s="85"/>
      <c r="AB1699" s="85"/>
      <c r="AC1699" s="85"/>
      <c r="AD1699" s="85"/>
      <c r="AE1699" s="85"/>
      <c r="AF1699" s="85"/>
      <c r="AG1699" s="85"/>
      <c r="AH1699" s="85"/>
      <c r="AI1699" s="85"/>
      <c r="AJ1699" s="85"/>
      <c r="AK1699" s="85"/>
      <c r="AL1699" s="85"/>
      <c r="AM1699" s="85"/>
      <c r="AN1699" s="85"/>
      <c r="AO1699" s="85"/>
      <c r="AP1699" s="85"/>
      <c r="AQ1699" s="85"/>
      <c r="AR1699" s="85"/>
      <c r="AS1699" s="85"/>
      <c r="AT1699" s="85"/>
      <c r="AU1699" s="85"/>
      <c r="AV1699" s="85"/>
      <c r="AW1699" s="85"/>
      <c r="AX1699" s="85"/>
      <c r="AY1699" s="85"/>
      <c r="AZ1699" s="85"/>
      <c r="BA1699" s="85"/>
      <c r="BB1699" s="85"/>
      <c r="BC1699" s="85"/>
      <c r="BD1699" s="85"/>
      <c r="BE1699" s="85"/>
      <c r="BF1699" s="85"/>
      <c r="BG1699" s="85"/>
      <c r="BH1699" s="85"/>
      <c r="BI1699" s="85"/>
      <c r="BJ1699" s="85"/>
      <c r="BK1699" s="85"/>
      <c r="BL1699" s="85"/>
      <c r="BM1699" s="85"/>
      <c r="BN1699" s="85"/>
      <c r="BO1699" s="85"/>
      <c r="BP1699" s="85"/>
      <c r="BQ1699" s="85"/>
      <c r="BR1699" s="85"/>
      <c r="BS1699" s="85"/>
      <c r="BT1699" s="85"/>
      <c r="BU1699" s="85"/>
      <c r="BV1699" s="85"/>
      <c r="BW1699" s="85"/>
      <c r="BX1699" s="85"/>
      <c r="BY1699" s="85"/>
      <c r="BZ1699" s="85"/>
      <c r="CA1699" s="85"/>
      <c r="CB1699" s="85"/>
      <c r="CC1699" s="85"/>
      <c r="CD1699" s="85"/>
      <c r="CE1699" s="85"/>
      <c r="CF1699" s="85"/>
      <c r="CG1699" s="85"/>
    </row>
    <row r="1700" spans="1:85" s="9" customFormat="1" x14ac:dyDescent="0.2">
      <c r="A1700" s="85"/>
      <c r="J1700" s="85"/>
      <c r="K1700" s="85"/>
      <c r="L1700" s="85"/>
      <c r="M1700" s="85"/>
      <c r="N1700" s="85"/>
      <c r="O1700" s="85"/>
      <c r="P1700" s="85"/>
      <c r="Q1700" s="85"/>
      <c r="R1700" s="85"/>
      <c r="S1700" s="85"/>
      <c r="T1700" s="85"/>
      <c r="U1700" s="85"/>
      <c r="V1700" s="85"/>
      <c r="W1700" s="85"/>
      <c r="X1700" s="85"/>
      <c r="Y1700" s="85"/>
      <c r="Z1700" s="85"/>
      <c r="AA1700" s="85"/>
      <c r="AB1700" s="85"/>
      <c r="AC1700" s="85"/>
      <c r="AD1700" s="85"/>
      <c r="AE1700" s="85"/>
      <c r="AF1700" s="85"/>
      <c r="AG1700" s="85"/>
      <c r="AH1700" s="85"/>
      <c r="AI1700" s="85"/>
      <c r="AJ1700" s="85"/>
      <c r="AK1700" s="85"/>
      <c r="AL1700" s="85"/>
      <c r="AM1700" s="85"/>
      <c r="AN1700" s="85"/>
      <c r="AO1700" s="85"/>
      <c r="AP1700" s="85"/>
      <c r="AQ1700" s="85"/>
      <c r="AR1700" s="85"/>
      <c r="AS1700" s="85"/>
      <c r="AT1700" s="85"/>
      <c r="AU1700" s="85"/>
      <c r="AV1700" s="85"/>
      <c r="AW1700" s="85"/>
      <c r="AX1700" s="85"/>
      <c r="AY1700" s="85"/>
      <c r="AZ1700" s="85"/>
      <c r="BA1700" s="85"/>
      <c r="BB1700" s="85"/>
      <c r="BC1700" s="85"/>
      <c r="BD1700" s="85"/>
      <c r="BE1700" s="85"/>
      <c r="BF1700" s="85"/>
      <c r="BG1700" s="85"/>
      <c r="BH1700" s="85"/>
      <c r="BI1700" s="85"/>
      <c r="BJ1700" s="85"/>
      <c r="BK1700" s="85"/>
      <c r="BL1700" s="85"/>
      <c r="BM1700" s="85"/>
      <c r="BN1700" s="85"/>
      <c r="BO1700" s="85"/>
      <c r="BP1700" s="85"/>
      <c r="BQ1700" s="85"/>
      <c r="BR1700" s="85"/>
      <c r="BS1700" s="85"/>
      <c r="BT1700" s="85"/>
      <c r="BU1700" s="85"/>
      <c r="BV1700" s="85"/>
      <c r="BW1700" s="85"/>
      <c r="BX1700" s="85"/>
      <c r="BY1700" s="85"/>
      <c r="BZ1700" s="85"/>
      <c r="CA1700" s="85"/>
      <c r="CB1700" s="85"/>
      <c r="CC1700" s="85"/>
      <c r="CD1700" s="85"/>
      <c r="CE1700" s="85"/>
      <c r="CF1700" s="85"/>
      <c r="CG1700" s="85"/>
    </row>
    <row r="1701" spans="1:85" s="9" customFormat="1" x14ac:dyDescent="0.2">
      <c r="A1701" s="85"/>
      <c r="J1701" s="85"/>
      <c r="K1701" s="85"/>
      <c r="L1701" s="85"/>
      <c r="M1701" s="85"/>
      <c r="N1701" s="85"/>
      <c r="O1701" s="85"/>
      <c r="P1701" s="85"/>
      <c r="Q1701" s="85"/>
      <c r="R1701" s="85"/>
      <c r="S1701" s="85"/>
      <c r="T1701" s="85"/>
      <c r="U1701" s="85"/>
      <c r="V1701" s="85"/>
      <c r="W1701" s="85"/>
      <c r="X1701" s="85"/>
      <c r="Y1701" s="85"/>
      <c r="Z1701" s="85"/>
      <c r="AA1701" s="85"/>
      <c r="AB1701" s="85"/>
      <c r="AC1701" s="85"/>
      <c r="AD1701" s="85"/>
      <c r="AE1701" s="85"/>
      <c r="AF1701" s="85"/>
      <c r="AG1701" s="85"/>
      <c r="AH1701" s="85"/>
      <c r="AI1701" s="85"/>
      <c r="AJ1701" s="85"/>
      <c r="AK1701" s="85"/>
      <c r="AL1701" s="85"/>
      <c r="AM1701" s="85"/>
      <c r="AN1701" s="85"/>
      <c r="AO1701" s="85"/>
      <c r="AP1701" s="85"/>
      <c r="AQ1701" s="85"/>
      <c r="AR1701" s="85"/>
      <c r="AS1701" s="85"/>
      <c r="AT1701" s="85"/>
      <c r="AU1701" s="85"/>
      <c r="AV1701" s="85"/>
      <c r="AW1701" s="85"/>
      <c r="AX1701" s="85"/>
      <c r="AY1701" s="85"/>
      <c r="AZ1701" s="85"/>
      <c r="BA1701" s="85"/>
      <c r="BB1701" s="85"/>
      <c r="BC1701" s="85"/>
      <c r="BD1701" s="85"/>
      <c r="BE1701" s="85"/>
      <c r="BF1701" s="85"/>
      <c r="BG1701" s="85"/>
      <c r="BH1701" s="85"/>
      <c r="BI1701" s="85"/>
      <c r="BJ1701" s="85"/>
      <c r="BK1701" s="85"/>
      <c r="BL1701" s="85"/>
      <c r="BM1701" s="85"/>
      <c r="BN1701" s="85"/>
      <c r="BO1701" s="85"/>
      <c r="BP1701" s="85"/>
      <c r="BQ1701" s="85"/>
      <c r="BR1701" s="85"/>
      <c r="BS1701" s="85"/>
      <c r="BT1701" s="85"/>
      <c r="BU1701" s="85"/>
      <c r="BV1701" s="85"/>
      <c r="BW1701" s="85"/>
      <c r="BX1701" s="85"/>
      <c r="BY1701" s="85"/>
      <c r="BZ1701" s="85"/>
      <c r="CA1701" s="85"/>
      <c r="CB1701" s="85"/>
      <c r="CC1701" s="85"/>
      <c r="CD1701" s="85"/>
      <c r="CE1701" s="85"/>
      <c r="CF1701" s="85"/>
      <c r="CG1701" s="85"/>
    </row>
    <row r="1702" spans="1:85" s="9" customFormat="1" x14ac:dyDescent="0.2">
      <c r="A1702" s="85"/>
      <c r="J1702" s="85"/>
      <c r="K1702" s="85"/>
      <c r="L1702" s="85"/>
      <c r="M1702" s="85"/>
      <c r="N1702" s="85"/>
      <c r="O1702" s="85"/>
      <c r="P1702" s="85"/>
      <c r="Q1702" s="85"/>
      <c r="R1702" s="85"/>
      <c r="S1702" s="85"/>
      <c r="T1702" s="85"/>
      <c r="U1702" s="85"/>
      <c r="V1702" s="85"/>
      <c r="W1702" s="85"/>
      <c r="X1702" s="85"/>
      <c r="Y1702" s="85"/>
      <c r="Z1702" s="85"/>
      <c r="AA1702" s="85"/>
      <c r="AB1702" s="85"/>
      <c r="AC1702" s="85"/>
      <c r="AD1702" s="85"/>
      <c r="AE1702" s="85"/>
      <c r="AF1702" s="85"/>
      <c r="AG1702" s="85"/>
      <c r="AH1702" s="85"/>
      <c r="AI1702" s="85"/>
      <c r="AJ1702" s="85"/>
      <c r="AK1702" s="85"/>
      <c r="AL1702" s="85"/>
      <c r="AM1702" s="85"/>
      <c r="AN1702" s="85"/>
      <c r="AO1702" s="85"/>
      <c r="AP1702" s="85"/>
      <c r="AQ1702" s="85"/>
      <c r="AR1702" s="85"/>
      <c r="AS1702" s="85"/>
      <c r="AT1702" s="85"/>
      <c r="AU1702" s="85"/>
      <c r="AV1702" s="85"/>
      <c r="AW1702" s="85"/>
      <c r="AX1702" s="85"/>
      <c r="AY1702" s="85"/>
      <c r="AZ1702" s="85"/>
      <c r="BA1702" s="85"/>
      <c r="BB1702" s="85"/>
      <c r="BC1702" s="85"/>
      <c r="BD1702" s="85"/>
      <c r="BE1702" s="85"/>
      <c r="BF1702" s="85"/>
      <c r="BG1702" s="85"/>
      <c r="BH1702" s="85"/>
      <c r="BI1702" s="85"/>
      <c r="BJ1702" s="85"/>
      <c r="BK1702" s="85"/>
      <c r="BL1702" s="85"/>
      <c r="BM1702" s="85"/>
      <c r="BN1702" s="85"/>
      <c r="BO1702" s="85"/>
      <c r="BP1702" s="85"/>
      <c r="BQ1702" s="85"/>
      <c r="BR1702" s="85"/>
      <c r="BS1702" s="85"/>
      <c r="BT1702" s="85"/>
      <c r="BU1702" s="85"/>
      <c r="BV1702" s="85"/>
      <c r="BW1702" s="85"/>
      <c r="BX1702" s="85"/>
      <c r="BY1702" s="85"/>
      <c r="BZ1702" s="85"/>
      <c r="CA1702" s="85"/>
      <c r="CB1702" s="85"/>
      <c r="CC1702" s="85"/>
      <c r="CD1702" s="85"/>
      <c r="CE1702" s="85"/>
      <c r="CF1702" s="85"/>
      <c r="CG1702" s="85"/>
    </row>
    <row r="1703" spans="1:85" s="9" customFormat="1" x14ac:dyDescent="0.2">
      <c r="A1703" s="85"/>
      <c r="J1703" s="85"/>
      <c r="K1703" s="85"/>
      <c r="L1703" s="85"/>
      <c r="M1703" s="85"/>
      <c r="N1703" s="85"/>
      <c r="O1703" s="85"/>
      <c r="P1703" s="85"/>
      <c r="Q1703" s="85"/>
      <c r="R1703" s="85"/>
      <c r="S1703" s="85"/>
      <c r="T1703" s="85"/>
      <c r="U1703" s="85"/>
      <c r="V1703" s="85"/>
      <c r="W1703" s="85"/>
      <c r="X1703" s="85"/>
      <c r="Y1703" s="85"/>
      <c r="Z1703" s="85"/>
      <c r="AA1703" s="85"/>
      <c r="AB1703" s="85"/>
      <c r="AC1703" s="85"/>
      <c r="AD1703" s="85"/>
      <c r="AE1703" s="85"/>
      <c r="AF1703" s="85"/>
      <c r="AG1703" s="85"/>
      <c r="AH1703" s="85"/>
      <c r="AI1703" s="85"/>
      <c r="AJ1703" s="85"/>
      <c r="AK1703" s="85"/>
      <c r="AL1703" s="85"/>
      <c r="AM1703" s="85"/>
      <c r="AN1703" s="85"/>
      <c r="AO1703" s="85"/>
      <c r="AP1703" s="85"/>
      <c r="AQ1703" s="85"/>
      <c r="AR1703" s="85"/>
      <c r="AS1703" s="85"/>
      <c r="AT1703" s="85"/>
      <c r="AU1703" s="85"/>
      <c r="AV1703" s="85"/>
      <c r="AW1703" s="85"/>
      <c r="AX1703" s="85"/>
      <c r="AY1703" s="85"/>
      <c r="AZ1703" s="85"/>
      <c r="BA1703" s="85"/>
      <c r="BB1703" s="85"/>
      <c r="BC1703" s="85"/>
      <c r="BD1703" s="85"/>
      <c r="BE1703" s="85"/>
      <c r="BF1703" s="85"/>
      <c r="BG1703" s="85"/>
      <c r="BH1703" s="85"/>
      <c r="BI1703" s="85"/>
      <c r="BJ1703" s="85"/>
      <c r="BK1703" s="85"/>
      <c r="BL1703" s="85"/>
      <c r="BM1703" s="85"/>
      <c r="BN1703" s="85"/>
      <c r="BO1703" s="85"/>
      <c r="BP1703" s="85"/>
      <c r="BQ1703" s="85"/>
      <c r="BR1703" s="85"/>
      <c r="BS1703" s="85"/>
      <c r="BT1703" s="85"/>
      <c r="BU1703" s="85"/>
      <c r="BV1703" s="85"/>
      <c r="BW1703" s="85"/>
      <c r="BX1703" s="85"/>
      <c r="BY1703" s="85"/>
      <c r="BZ1703" s="85"/>
      <c r="CA1703" s="85"/>
      <c r="CB1703" s="85"/>
      <c r="CC1703" s="85"/>
      <c r="CD1703" s="85"/>
      <c r="CE1703" s="85"/>
      <c r="CF1703" s="85"/>
      <c r="CG1703" s="85"/>
    </row>
    <row r="1704" spans="1:85" s="9" customFormat="1" x14ac:dyDescent="0.2">
      <c r="A1704" s="85"/>
      <c r="J1704" s="85"/>
      <c r="K1704" s="85"/>
      <c r="L1704" s="85"/>
      <c r="M1704" s="85"/>
      <c r="N1704" s="85"/>
      <c r="O1704" s="85"/>
      <c r="P1704" s="85"/>
      <c r="Q1704" s="85"/>
      <c r="R1704" s="85"/>
      <c r="S1704" s="85"/>
      <c r="T1704" s="85"/>
      <c r="U1704" s="85"/>
      <c r="V1704" s="85"/>
      <c r="W1704" s="85"/>
      <c r="X1704" s="85"/>
      <c r="Y1704" s="85"/>
      <c r="Z1704" s="85"/>
      <c r="AA1704" s="85"/>
      <c r="AB1704" s="85"/>
      <c r="AC1704" s="85"/>
      <c r="AD1704" s="85"/>
      <c r="AE1704" s="85"/>
      <c r="AF1704" s="85"/>
      <c r="AG1704" s="85"/>
      <c r="AH1704" s="85"/>
      <c r="AI1704" s="85"/>
      <c r="AJ1704" s="85"/>
      <c r="AK1704" s="85"/>
      <c r="AL1704" s="85"/>
      <c r="AM1704" s="85"/>
      <c r="AN1704" s="85"/>
      <c r="AO1704" s="85"/>
      <c r="AP1704" s="85"/>
      <c r="AQ1704" s="85"/>
      <c r="AR1704" s="85"/>
      <c r="AS1704" s="85"/>
      <c r="AT1704" s="85"/>
      <c r="AU1704" s="85"/>
      <c r="AV1704" s="85"/>
      <c r="AW1704" s="85"/>
      <c r="AX1704" s="85"/>
      <c r="AY1704" s="85"/>
      <c r="AZ1704" s="85"/>
      <c r="BA1704" s="85"/>
      <c r="BB1704" s="85"/>
      <c r="BC1704" s="85"/>
      <c r="BD1704" s="85"/>
      <c r="BE1704" s="85"/>
      <c r="BF1704" s="85"/>
      <c r="BG1704" s="85"/>
      <c r="BH1704" s="85"/>
      <c r="BI1704" s="85"/>
      <c r="BJ1704" s="85"/>
      <c r="BK1704" s="85"/>
      <c r="BL1704" s="85"/>
      <c r="BM1704" s="85"/>
      <c r="BN1704" s="85"/>
      <c r="BO1704" s="85"/>
      <c r="BP1704" s="85"/>
      <c r="BQ1704" s="85"/>
      <c r="BR1704" s="85"/>
      <c r="BS1704" s="85"/>
      <c r="BT1704" s="85"/>
      <c r="BU1704" s="85"/>
      <c r="BV1704" s="85"/>
      <c r="BW1704" s="85"/>
      <c r="BX1704" s="85"/>
      <c r="BY1704" s="85"/>
      <c r="BZ1704" s="85"/>
      <c r="CA1704" s="85"/>
      <c r="CB1704" s="85"/>
      <c r="CC1704" s="85"/>
      <c r="CD1704" s="85"/>
      <c r="CE1704" s="85"/>
      <c r="CF1704" s="85"/>
      <c r="CG1704" s="85"/>
    </row>
    <row r="1705" spans="1:85" s="9" customFormat="1" x14ac:dyDescent="0.2">
      <c r="A1705" s="85"/>
      <c r="J1705" s="85"/>
      <c r="K1705" s="85"/>
      <c r="L1705" s="85"/>
      <c r="M1705" s="85"/>
      <c r="N1705" s="85"/>
      <c r="O1705" s="85"/>
      <c r="P1705" s="85"/>
      <c r="Q1705" s="85"/>
      <c r="R1705" s="85"/>
      <c r="S1705" s="85"/>
      <c r="T1705" s="85"/>
      <c r="U1705" s="85"/>
      <c r="V1705" s="85"/>
      <c r="W1705" s="85"/>
      <c r="X1705" s="85"/>
      <c r="Y1705" s="85"/>
      <c r="Z1705" s="85"/>
      <c r="AA1705" s="85"/>
      <c r="AB1705" s="85"/>
      <c r="AC1705" s="85"/>
      <c r="AD1705" s="85"/>
      <c r="AE1705" s="85"/>
      <c r="AF1705" s="85"/>
      <c r="AG1705" s="85"/>
      <c r="AH1705" s="85"/>
      <c r="AI1705" s="85"/>
      <c r="AJ1705" s="85"/>
      <c r="AK1705" s="85"/>
      <c r="AL1705" s="85"/>
      <c r="AM1705" s="85"/>
      <c r="AN1705" s="85"/>
      <c r="AO1705" s="85"/>
      <c r="AP1705" s="85"/>
      <c r="AQ1705" s="85"/>
      <c r="AR1705" s="85"/>
      <c r="AS1705" s="85"/>
      <c r="AT1705" s="85"/>
      <c r="AU1705" s="85"/>
      <c r="AV1705" s="85"/>
      <c r="AW1705" s="85"/>
      <c r="AX1705" s="85"/>
      <c r="AY1705" s="85"/>
      <c r="AZ1705" s="85"/>
      <c r="BA1705" s="85"/>
      <c r="BB1705" s="85"/>
      <c r="BC1705" s="85"/>
      <c r="BD1705" s="85"/>
      <c r="BE1705" s="85"/>
      <c r="BF1705" s="85"/>
      <c r="BG1705" s="85"/>
      <c r="BH1705" s="85"/>
      <c r="BI1705" s="85"/>
      <c r="BJ1705" s="85"/>
      <c r="BK1705" s="85"/>
      <c r="BL1705" s="85"/>
      <c r="BM1705" s="85"/>
      <c r="BN1705" s="85"/>
      <c r="BO1705" s="85"/>
      <c r="BP1705" s="85"/>
      <c r="BQ1705" s="85"/>
      <c r="BR1705" s="85"/>
      <c r="BS1705" s="85"/>
      <c r="BT1705" s="85"/>
      <c r="BU1705" s="85"/>
      <c r="BV1705" s="85"/>
      <c r="BW1705" s="85"/>
      <c r="BX1705" s="85"/>
      <c r="BY1705" s="85"/>
      <c r="BZ1705" s="85"/>
      <c r="CA1705" s="85"/>
      <c r="CB1705" s="85"/>
      <c r="CC1705" s="85"/>
      <c r="CD1705" s="85"/>
      <c r="CE1705" s="85"/>
      <c r="CF1705" s="85"/>
      <c r="CG1705" s="85"/>
    </row>
    <row r="1706" spans="1:85" s="9" customFormat="1" x14ac:dyDescent="0.2">
      <c r="A1706" s="85"/>
      <c r="J1706" s="85"/>
      <c r="K1706" s="85"/>
      <c r="L1706" s="85"/>
      <c r="M1706" s="85"/>
      <c r="N1706" s="85"/>
      <c r="O1706" s="85"/>
      <c r="P1706" s="85"/>
      <c r="Q1706" s="85"/>
      <c r="R1706" s="85"/>
      <c r="S1706" s="85"/>
      <c r="T1706" s="85"/>
      <c r="U1706" s="85"/>
      <c r="V1706" s="85"/>
      <c r="W1706" s="85"/>
      <c r="X1706" s="85"/>
      <c r="Y1706" s="85"/>
      <c r="Z1706" s="85"/>
      <c r="AA1706" s="85"/>
      <c r="AB1706" s="85"/>
      <c r="AC1706" s="85"/>
      <c r="AD1706" s="85"/>
      <c r="AE1706" s="85"/>
      <c r="AF1706" s="85"/>
      <c r="AG1706" s="85"/>
      <c r="AH1706" s="85"/>
      <c r="AI1706" s="85"/>
      <c r="AJ1706" s="85"/>
      <c r="AK1706" s="85"/>
      <c r="AL1706" s="85"/>
      <c r="AM1706" s="85"/>
      <c r="AN1706" s="85"/>
      <c r="AO1706" s="85"/>
      <c r="AP1706" s="85"/>
      <c r="AQ1706" s="85"/>
      <c r="AR1706" s="85"/>
      <c r="AS1706" s="85"/>
      <c r="AT1706" s="85"/>
      <c r="AU1706" s="85"/>
      <c r="AV1706" s="85"/>
      <c r="AW1706" s="85"/>
      <c r="AX1706" s="85"/>
      <c r="AY1706" s="85"/>
      <c r="AZ1706" s="85"/>
      <c r="BA1706" s="85"/>
      <c r="BB1706" s="85"/>
      <c r="BC1706" s="85"/>
      <c r="BD1706" s="85"/>
      <c r="BE1706" s="85"/>
      <c r="BF1706" s="85"/>
      <c r="BG1706" s="85"/>
      <c r="BH1706" s="85"/>
      <c r="BI1706" s="85"/>
      <c r="BJ1706" s="85"/>
      <c r="BK1706" s="85"/>
      <c r="BL1706" s="85"/>
      <c r="BM1706" s="85"/>
      <c r="BN1706" s="85"/>
      <c r="BO1706" s="85"/>
      <c r="BP1706" s="85"/>
      <c r="BQ1706" s="85"/>
      <c r="BR1706" s="85"/>
      <c r="BS1706" s="85"/>
      <c r="BT1706" s="85"/>
      <c r="BU1706" s="85"/>
      <c r="BV1706" s="85"/>
      <c r="BW1706" s="85"/>
      <c r="BX1706" s="85"/>
      <c r="BY1706" s="85"/>
      <c r="BZ1706" s="85"/>
      <c r="CA1706" s="85"/>
      <c r="CB1706" s="85"/>
      <c r="CC1706" s="85"/>
      <c r="CD1706" s="85"/>
      <c r="CE1706" s="85"/>
      <c r="CF1706" s="85"/>
      <c r="CG1706" s="85"/>
    </row>
    <row r="1707" spans="1:85" s="9" customFormat="1" x14ac:dyDescent="0.2">
      <c r="A1707" s="85"/>
      <c r="J1707" s="85"/>
      <c r="K1707" s="85"/>
      <c r="L1707" s="85"/>
      <c r="M1707" s="85"/>
      <c r="N1707" s="85"/>
      <c r="O1707" s="85"/>
      <c r="P1707" s="85"/>
      <c r="Q1707" s="85"/>
      <c r="R1707" s="85"/>
      <c r="S1707" s="85"/>
      <c r="T1707" s="85"/>
      <c r="U1707" s="85"/>
      <c r="V1707" s="85"/>
      <c r="W1707" s="85"/>
      <c r="X1707" s="85"/>
      <c r="Y1707" s="85"/>
      <c r="Z1707" s="85"/>
      <c r="AA1707" s="85"/>
      <c r="AB1707" s="85"/>
      <c r="AC1707" s="85"/>
      <c r="AD1707" s="85"/>
      <c r="AE1707" s="85"/>
      <c r="AF1707" s="85"/>
      <c r="AG1707" s="85"/>
      <c r="AH1707" s="85"/>
      <c r="AI1707" s="85"/>
      <c r="AJ1707" s="85"/>
      <c r="AK1707" s="85"/>
      <c r="AL1707" s="85"/>
      <c r="AM1707" s="85"/>
      <c r="AN1707" s="85"/>
      <c r="AO1707" s="85"/>
      <c r="AP1707" s="85"/>
      <c r="AQ1707" s="85"/>
      <c r="AR1707" s="85"/>
      <c r="AS1707" s="85"/>
      <c r="AT1707" s="85"/>
      <c r="AU1707" s="85"/>
      <c r="AV1707" s="85"/>
      <c r="AW1707" s="85"/>
      <c r="AX1707" s="85"/>
      <c r="AY1707" s="85"/>
      <c r="AZ1707" s="85"/>
      <c r="BA1707" s="85"/>
      <c r="BB1707" s="85"/>
      <c r="BC1707" s="85"/>
      <c r="BD1707" s="85"/>
      <c r="BE1707" s="85"/>
      <c r="BF1707" s="85"/>
      <c r="BG1707" s="85"/>
      <c r="BH1707" s="85"/>
      <c r="BI1707" s="85"/>
      <c r="BJ1707" s="85"/>
      <c r="BK1707" s="85"/>
      <c r="BL1707" s="85"/>
      <c r="BM1707" s="85"/>
      <c r="BN1707" s="85"/>
      <c r="BO1707" s="85"/>
      <c r="BP1707" s="85"/>
      <c r="BQ1707" s="85"/>
      <c r="BR1707" s="85"/>
      <c r="BS1707" s="85"/>
      <c r="BT1707" s="85"/>
      <c r="BU1707" s="85"/>
      <c r="BV1707" s="85"/>
      <c r="BW1707" s="85"/>
      <c r="BX1707" s="85"/>
      <c r="BY1707" s="85"/>
      <c r="BZ1707" s="85"/>
      <c r="CA1707" s="85"/>
      <c r="CB1707" s="85"/>
      <c r="CC1707" s="85"/>
      <c r="CD1707" s="85"/>
      <c r="CE1707" s="85"/>
      <c r="CF1707" s="85"/>
      <c r="CG1707" s="85"/>
    </row>
    <row r="1708" spans="1:85" s="9" customFormat="1" x14ac:dyDescent="0.2">
      <c r="A1708" s="85"/>
      <c r="J1708" s="85"/>
      <c r="K1708" s="85"/>
      <c r="L1708" s="85"/>
      <c r="M1708" s="85"/>
      <c r="N1708" s="85"/>
      <c r="O1708" s="85"/>
      <c r="P1708" s="85"/>
      <c r="Q1708" s="85"/>
      <c r="R1708" s="85"/>
      <c r="S1708" s="85"/>
      <c r="T1708" s="85"/>
      <c r="U1708" s="85"/>
      <c r="V1708" s="85"/>
      <c r="W1708" s="85"/>
      <c r="X1708" s="85"/>
      <c r="Y1708" s="85"/>
      <c r="Z1708" s="85"/>
      <c r="AA1708" s="85"/>
      <c r="AB1708" s="85"/>
      <c r="AC1708" s="85"/>
      <c r="AD1708" s="85"/>
      <c r="AE1708" s="85"/>
      <c r="AF1708" s="85"/>
      <c r="AG1708" s="85"/>
      <c r="AH1708" s="85"/>
      <c r="AI1708" s="85"/>
      <c r="AJ1708" s="85"/>
      <c r="AK1708" s="85"/>
      <c r="AL1708" s="85"/>
      <c r="AM1708" s="85"/>
      <c r="AN1708" s="85"/>
      <c r="AO1708" s="85"/>
      <c r="AP1708" s="85"/>
      <c r="AQ1708" s="85"/>
      <c r="AR1708" s="85"/>
      <c r="AS1708" s="85"/>
      <c r="AT1708" s="85"/>
      <c r="AU1708" s="85"/>
      <c r="AV1708" s="85"/>
      <c r="AW1708" s="85"/>
      <c r="AX1708" s="85"/>
      <c r="AY1708" s="85"/>
      <c r="AZ1708" s="85"/>
      <c r="BA1708" s="85"/>
      <c r="BB1708" s="85"/>
      <c r="BC1708" s="85"/>
      <c r="BD1708" s="85"/>
      <c r="BE1708" s="85"/>
      <c r="BF1708" s="85"/>
      <c r="BG1708" s="85"/>
      <c r="BH1708" s="85"/>
      <c r="BI1708" s="85"/>
      <c r="BJ1708" s="85"/>
      <c r="BK1708" s="85"/>
      <c r="BL1708" s="85"/>
      <c r="BM1708" s="85"/>
      <c r="BN1708" s="85"/>
      <c r="BO1708" s="85"/>
      <c r="BP1708" s="85"/>
      <c r="BQ1708" s="85"/>
      <c r="BR1708" s="85"/>
      <c r="BS1708" s="85"/>
      <c r="BT1708" s="85"/>
      <c r="BU1708" s="85"/>
      <c r="BV1708" s="85"/>
      <c r="BW1708" s="85"/>
      <c r="BX1708" s="85"/>
      <c r="BY1708" s="85"/>
      <c r="BZ1708" s="85"/>
      <c r="CA1708" s="85"/>
      <c r="CB1708" s="85"/>
      <c r="CC1708" s="85"/>
      <c r="CD1708" s="85"/>
      <c r="CE1708" s="85"/>
      <c r="CF1708" s="85"/>
      <c r="CG1708" s="85"/>
    </row>
    <row r="1709" spans="1:85" s="9" customFormat="1" x14ac:dyDescent="0.2">
      <c r="A1709" s="85"/>
      <c r="J1709" s="85"/>
      <c r="K1709" s="85"/>
      <c r="L1709" s="85"/>
      <c r="M1709" s="85"/>
      <c r="N1709" s="85"/>
      <c r="O1709" s="85"/>
      <c r="P1709" s="85"/>
      <c r="Q1709" s="85"/>
      <c r="R1709" s="85"/>
      <c r="S1709" s="85"/>
      <c r="T1709" s="85"/>
      <c r="U1709" s="85"/>
      <c r="V1709" s="85"/>
      <c r="W1709" s="85"/>
      <c r="X1709" s="85"/>
      <c r="Y1709" s="85"/>
      <c r="Z1709" s="85"/>
      <c r="AA1709" s="85"/>
      <c r="AB1709" s="85"/>
      <c r="AC1709" s="85"/>
      <c r="AD1709" s="85"/>
      <c r="AE1709" s="85"/>
      <c r="AF1709" s="85"/>
      <c r="AG1709" s="85"/>
      <c r="AH1709" s="85"/>
      <c r="AI1709" s="85"/>
      <c r="AJ1709" s="85"/>
      <c r="AK1709" s="85"/>
      <c r="AL1709" s="85"/>
      <c r="AM1709" s="85"/>
      <c r="AN1709" s="85"/>
      <c r="AO1709" s="85"/>
      <c r="AP1709" s="85"/>
      <c r="AQ1709" s="85"/>
      <c r="AR1709" s="85"/>
      <c r="AS1709" s="85"/>
      <c r="AT1709" s="85"/>
      <c r="AU1709" s="85"/>
      <c r="AV1709" s="85"/>
      <c r="AW1709" s="85"/>
      <c r="AX1709" s="85"/>
      <c r="AY1709" s="85"/>
      <c r="AZ1709" s="85"/>
      <c r="BA1709" s="85"/>
      <c r="BB1709" s="85"/>
      <c r="BC1709" s="85"/>
      <c r="BD1709" s="85"/>
      <c r="BE1709" s="85"/>
      <c r="BF1709" s="85"/>
      <c r="BG1709" s="85"/>
      <c r="BH1709" s="85"/>
      <c r="BI1709" s="85"/>
      <c r="BJ1709" s="85"/>
      <c r="BK1709" s="85"/>
      <c r="BL1709" s="85"/>
      <c r="BM1709" s="85"/>
      <c r="BN1709" s="85"/>
      <c r="BO1709" s="85"/>
      <c r="BP1709" s="85"/>
      <c r="BQ1709" s="85"/>
      <c r="BR1709" s="85"/>
      <c r="BS1709" s="85"/>
      <c r="BT1709" s="85"/>
      <c r="BU1709" s="85"/>
      <c r="BV1709" s="85"/>
      <c r="BW1709" s="85"/>
      <c r="BX1709" s="85"/>
      <c r="BY1709" s="85"/>
      <c r="BZ1709" s="85"/>
      <c r="CA1709" s="85"/>
      <c r="CB1709" s="85"/>
      <c r="CC1709" s="85"/>
      <c r="CD1709" s="85"/>
      <c r="CE1709" s="85"/>
      <c r="CF1709" s="85"/>
      <c r="CG1709" s="85"/>
    </row>
    <row r="1710" spans="1:85" s="9" customFormat="1" x14ac:dyDescent="0.2">
      <c r="A1710" s="85"/>
      <c r="J1710" s="85"/>
      <c r="K1710" s="85"/>
      <c r="L1710" s="85"/>
      <c r="M1710" s="85"/>
      <c r="N1710" s="85"/>
      <c r="O1710" s="85"/>
      <c r="P1710" s="85"/>
      <c r="Q1710" s="85"/>
      <c r="R1710" s="85"/>
      <c r="S1710" s="85"/>
      <c r="T1710" s="85"/>
      <c r="U1710" s="85"/>
      <c r="V1710" s="85"/>
      <c r="W1710" s="85"/>
      <c r="X1710" s="85"/>
      <c r="Y1710" s="85"/>
      <c r="Z1710" s="85"/>
      <c r="AA1710" s="85"/>
      <c r="AB1710" s="85"/>
      <c r="AC1710" s="85"/>
      <c r="AD1710" s="85"/>
      <c r="AE1710" s="85"/>
      <c r="AF1710" s="85"/>
      <c r="AG1710" s="85"/>
      <c r="AH1710" s="85"/>
      <c r="AI1710" s="85"/>
      <c r="AJ1710" s="85"/>
      <c r="AK1710" s="85"/>
      <c r="AL1710" s="85"/>
      <c r="AM1710" s="85"/>
      <c r="AN1710" s="85"/>
      <c r="AO1710" s="85"/>
      <c r="AP1710" s="85"/>
      <c r="AQ1710" s="85"/>
      <c r="AR1710" s="85"/>
      <c r="AS1710" s="85"/>
      <c r="AT1710" s="85"/>
      <c r="AU1710" s="85"/>
      <c r="AV1710" s="85"/>
      <c r="AW1710" s="85"/>
      <c r="AX1710" s="85"/>
      <c r="AY1710" s="85"/>
      <c r="AZ1710" s="85"/>
      <c r="BA1710" s="85"/>
      <c r="BB1710" s="85"/>
      <c r="BC1710" s="85"/>
      <c r="BD1710" s="85"/>
      <c r="BE1710" s="85"/>
      <c r="BF1710" s="85"/>
      <c r="BG1710" s="85"/>
      <c r="BH1710" s="85"/>
      <c r="BI1710" s="85"/>
      <c r="BJ1710" s="85"/>
      <c r="BK1710" s="85"/>
      <c r="BL1710" s="85"/>
      <c r="BM1710" s="85"/>
      <c r="BN1710" s="85"/>
      <c r="BO1710" s="85"/>
      <c r="BP1710" s="85"/>
      <c r="BQ1710" s="85"/>
      <c r="BR1710" s="85"/>
      <c r="BS1710" s="85"/>
      <c r="BT1710" s="85"/>
      <c r="BU1710" s="85"/>
      <c r="BV1710" s="85"/>
      <c r="BW1710" s="85"/>
      <c r="BX1710" s="85"/>
      <c r="BY1710" s="85"/>
      <c r="BZ1710" s="85"/>
      <c r="CA1710" s="85"/>
      <c r="CB1710" s="85"/>
      <c r="CC1710" s="85"/>
      <c r="CD1710" s="85"/>
      <c r="CE1710" s="85"/>
      <c r="CF1710" s="85"/>
      <c r="CG1710" s="85"/>
    </row>
    <row r="1711" spans="1:85" s="9" customFormat="1" x14ac:dyDescent="0.2">
      <c r="A1711" s="85"/>
      <c r="J1711" s="85"/>
      <c r="K1711" s="85"/>
      <c r="L1711" s="85"/>
      <c r="M1711" s="85"/>
      <c r="N1711" s="85"/>
      <c r="O1711" s="85"/>
      <c r="P1711" s="85"/>
      <c r="Q1711" s="85"/>
      <c r="R1711" s="85"/>
      <c r="S1711" s="85"/>
      <c r="T1711" s="85"/>
      <c r="U1711" s="85"/>
      <c r="V1711" s="85"/>
      <c r="W1711" s="85"/>
      <c r="X1711" s="85"/>
      <c r="Y1711" s="85"/>
      <c r="Z1711" s="85"/>
      <c r="AA1711" s="85"/>
      <c r="AB1711" s="85"/>
      <c r="AC1711" s="85"/>
      <c r="AD1711" s="85"/>
      <c r="AE1711" s="85"/>
      <c r="AF1711" s="85"/>
      <c r="AG1711" s="85"/>
      <c r="AH1711" s="85"/>
      <c r="AI1711" s="85"/>
      <c r="AJ1711" s="85"/>
      <c r="AK1711" s="85"/>
      <c r="AL1711" s="85"/>
      <c r="AM1711" s="85"/>
      <c r="AN1711" s="85"/>
      <c r="AO1711" s="85"/>
      <c r="AP1711" s="85"/>
      <c r="AQ1711" s="85"/>
      <c r="AR1711" s="85"/>
      <c r="AS1711" s="85"/>
      <c r="AT1711" s="85"/>
      <c r="AU1711" s="85"/>
      <c r="AV1711" s="85"/>
      <c r="AW1711" s="85"/>
      <c r="AX1711" s="85"/>
      <c r="AY1711" s="85"/>
      <c r="AZ1711" s="85"/>
      <c r="BA1711" s="85"/>
      <c r="BB1711" s="85"/>
      <c r="BC1711" s="85"/>
      <c r="BD1711" s="85"/>
      <c r="BE1711" s="85"/>
      <c r="BF1711" s="85"/>
      <c r="BG1711" s="85"/>
      <c r="BH1711" s="85"/>
      <c r="BI1711" s="85"/>
      <c r="BJ1711" s="85"/>
      <c r="BK1711" s="85"/>
      <c r="BL1711" s="85"/>
      <c r="BM1711" s="85"/>
      <c r="BN1711" s="85"/>
      <c r="BO1711" s="85"/>
      <c r="BP1711" s="85"/>
      <c r="BQ1711" s="85"/>
      <c r="BR1711" s="85"/>
      <c r="BS1711" s="85"/>
      <c r="BT1711" s="85"/>
      <c r="BU1711" s="85"/>
      <c r="BV1711" s="85"/>
      <c r="BW1711" s="85"/>
      <c r="BX1711" s="85"/>
      <c r="BY1711" s="85"/>
      <c r="BZ1711" s="85"/>
      <c r="CA1711" s="85"/>
      <c r="CB1711" s="85"/>
      <c r="CC1711" s="85"/>
      <c r="CD1711" s="85"/>
      <c r="CE1711" s="85"/>
      <c r="CF1711" s="85"/>
      <c r="CG1711" s="85"/>
    </row>
    <row r="1712" spans="1:85" s="9" customFormat="1" x14ac:dyDescent="0.2">
      <c r="A1712" s="85"/>
      <c r="J1712" s="85"/>
      <c r="K1712" s="85"/>
      <c r="L1712" s="85"/>
      <c r="M1712" s="85"/>
      <c r="N1712" s="85"/>
      <c r="O1712" s="85"/>
      <c r="P1712" s="85"/>
      <c r="Q1712" s="85"/>
      <c r="R1712" s="85"/>
      <c r="S1712" s="85"/>
      <c r="T1712" s="85"/>
      <c r="U1712" s="85"/>
      <c r="V1712" s="85"/>
      <c r="W1712" s="85"/>
      <c r="X1712" s="85"/>
      <c r="Y1712" s="85"/>
      <c r="Z1712" s="85"/>
      <c r="AA1712" s="85"/>
      <c r="AB1712" s="85"/>
      <c r="AC1712" s="85"/>
      <c r="AD1712" s="85"/>
      <c r="AE1712" s="85"/>
      <c r="AF1712" s="85"/>
      <c r="AG1712" s="85"/>
      <c r="AH1712" s="85"/>
      <c r="AI1712" s="85"/>
      <c r="AJ1712" s="85"/>
      <c r="AK1712" s="85"/>
      <c r="AL1712" s="85"/>
      <c r="AM1712" s="85"/>
      <c r="AN1712" s="85"/>
      <c r="AO1712" s="85"/>
      <c r="AP1712" s="85"/>
      <c r="AQ1712" s="85"/>
      <c r="AR1712" s="85"/>
      <c r="AS1712" s="85"/>
      <c r="AT1712" s="85"/>
      <c r="AU1712" s="85"/>
      <c r="AV1712" s="85"/>
      <c r="AW1712" s="85"/>
      <c r="AX1712" s="85"/>
      <c r="AY1712" s="85"/>
      <c r="AZ1712" s="85"/>
      <c r="BA1712" s="85"/>
      <c r="BB1712" s="85"/>
      <c r="BC1712" s="85"/>
      <c r="BD1712" s="85"/>
      <c r="BE1712" s="85"/>
      <c r="BF1712" s="85"/>
      <c r="BG1712" s="85"/>
      <c r="BH1712" s="85"/>
      <c r="BI1712" s="85"/>
      <c r="BJ1712" s="85"/>
      <c r="BK1712" s="85"/>
      <c r="BL1712" s="85"/>
      <c r="BM1712" s="85"/>
      <c r="BN1712" s="85"/>
      <c r="BO1712" s="85"/>
      <c r="BP1712" s="85"/>
      <c r="BQ1712" s="85"/>
      <c r="BR1712" s="85"/>
      <c r="BS1712" s="85"/>
      <c r="BT1712" s="85"/>
      <c r="BU1712" s="85"/>
      <c r="BV1712" s="85"/>
      <c r="BW1712" s="85"/>
      <c r="BX1712" s="85"/>
      <c r="BY1712" s="85"/>
      <c r="BZ1712" s="85"/>
      <c r="CA1712" s="85"/>
      <c r="CB1712" s="85"/>
      <c r="CC1712" s="85"/>
      <c r="CD1712" s="85"/>
      <c r="CE1712" s="85"/>
      <c r="CF1712" s="85"/>
      <c r="CG1712" s="85"/>
    </row>
    <row r="1713" spans="1:85" s="9" customFormat="1" x14ac:dyDescent="0.2">
      <c r="A1713" s="85"/>
      <c r="J1713" s="85"/>
      <c r="K1713" s="85"/>
      <c r="L1713" s="85"/>
      <c r="M1713" s="85"/>
      <c r="N1713" s="85"/>
      <c r="O1713" s="85"/>
      <c r="P1713" s="85"/>
      <c r="Q1713" s="85"/>
      <c r="R1713" s="85"/>
      <c r="S1713" s="85"/>
      <c r="T1713" s="85"/>
      <c r="U1713" s="85"/>
      <c r="V1713" s="85"/>
      <c r="W1713" s="85"/>
      <c r="X1713" s="85"/>
      <c r="Y1713" s="85"/>
      <c r="Z1713" s="85"/>
      <c r="AA1713" s="85"/>
      <c r="AB1713" s="85"/>
      <c r="AC1713" s="85"/>
      <c r="AD1713" s="85"/>
      <c r="AE1713" s="85"/>
      <c r="AF1713" s="85"/>
      <c r="AG1713" s="85"/>
      <c r="AH1713" s="85"/>
      <c r="AI1713" s="85"/>
      <c r="AJ1713" s="85"/>
      <c r="AK1713" s="85"/>
      <c r="AL1713" s="85"/>
      <c r="AM1713" s="85"/>
      <c r="AN1713" s="85"/>
      <c r="AO1713" s="85"/>
      <c r="AP1713" s="85"/>
      <c r="AQ1713" s="85"/>
      <c r="AR1713" s="85"/>
      <c r="AS1713" s="85"/>
      <c r="AT1713" s="85"/>
      <c r="AU1713" s="85"/>
      <c r="AV1713" s="85"/>
      <c r="AW1713" s="85"/>
      <c r="AX1713" s="85"/>
      <c r="AY1713" s="85"/>
      <c r="AZ1713" s="85"/>
      <c r="BA1713" s="85"/>
      <c r="BB1713" s="85"/>
      <c r="BC1713" s="85"/>
      <c r="BD1713" s="85"/>
      <c r="BE1713" s="85"/>
      <c r="BF1713" s="85"/>
      <c r="BG1713" s="85"/>
      <c r="BH1713" s="85"/>
      <c r="BI1713" s="85"/>
      <c r="BJ1713" s="85"/>
      <c r="BK1713" s="85"/>
      <c r="BL1713" s="85"/>
      <c r="BM1713" s="85"/>
      <c r="BN1713" s="85"/>
      <c r="BO1713" s="85"/>
      <c r="BP1713" s="85"/>
      <c r="BQ1713" s="85"/>
      <c r="BR1713" s="85"/>
      <c r="BS1713" s="85"/>
      <c r="BT1713" s="85"/>
      <c r="BU1713" s="85"/>
      <c r="BV1713" s="85"/>
      <c r="BW1713" s="85"/>
      <c r="BX1713" s="85"/>
      <c r="BY1713" s="85"/>
      <c r="BZ1713" s="85"/>
      <c r="CA1713" s="85"/>
      <c r="CB1713" s="85"/>
      <c r="CC1713" s="85"/>
      <c r="CD1713" s="85"/>
      <c r="CE1713" s="85"/>
      <c r="CF1713" s="85"/>
      <c r="CG1713" s="85"/>
    </row>
    <row r="1714" spans="1:85" s="9" customFormat="1" x14ac:dyDescent="0.2">
      <c r="A1714" s="85"/>
      <c r="J1714" s="85"/>
      <c r="K1714" s="85"/>
      <c r="L1714" s="85"/>
      <c r="M1714" s="85"/>
      <c r="N1714" s="85"/>
      <c r="O1714" s="85"/>
      <c r="P1714" s="85"/>
      <c r="Q1714" s="85"/>
      <c r="R1714" s="85"/>
      <c r="S1714" s="85"/>
      <c r="T1714" s="85"/>
      <c r="U1714" s="85"/>
      <c r="V1714" s="85"/>
      <c r="W1714" s="85"/>
      <c r="X1714" s="85"/>
      <c r="Y1714" s="85"/>
      <c r="Z1714" s="85"/>
      <c r="AA1714" s="85"/>
      <c r="AB1714" s="85"/>
      <c r="AC1714" s="85"/>
      <c r="AD1714" s="85"/>
      <c r="AE1714" s="85"/>
      <c r="AF1714" s="85"/>
      <c r="AG1714" s="85"/>
      <c r="AH1714" s="85"/>
      <c r="AI1714" s="85"/>
      <c r="AJ1714" s="85"/>
      <c r="AK1714" s="85"/>
      <c r="AL1714" s="85"/>
      <c r="AM1714" s="85"/>
      <c r="AN1714" s="85"/>
      <c r="AO1714" s="85"/>
      <c r="AP1714" s="85"/>
      <c r="AQ1714" s="85"/>
      <c r="AR1714" s="85"/>
      <c r="AS1714" s="85"/>
      <c r="AT1714" s="85"/>
      <c r="AU1714" s="85"/>
      <c r="AV1714" s="85"/>
      <c r="AW1714" s="85"/>
      <c r="AX1714" s="85"/>
      <c r="AY1714" s="85"/>
      <c r="AZ1714" s="85"/>
      <c r="BA1714" s="85"/>
      <c r="BB1714" s="85"/>
      <c r="BC1714" s="85"/>
      <c r="BD1714" s="85"/>
      <c r="BE1714" s="85"/>
      <c r="BF1714" s="85"/>
      <c r="BG1714" s="85"/>
      <c r="BH1714" s="85"/>
      <c r="BI1714" s="85"/>
      <c r="BJ1714" s="85"/>
      <c r="BK1714" s="85"/>
      <c r="BL1714" s="85"/>
      <c r="BM1714" s="85"/>
      <c r="BN1714" s="85"/>
      <c r="BO1714" s="85"/>
      <c r="BP1714" s="85"/>
      <c r="BQ1714" s="85"/>
      <c r="BR1714" s="85"/>
      <c r="BS1714" s="85"/>
      <c r="BT1714" s="85"/>
      <c r="BU1714" s="85"/>
      <c r="BV1714" s="85"/>
      <c r="BW1714" s="85"/>
      <c r="BX1714" s="85"/>
      <c r="BY1714" s="85"/>
      <c r="BZ1714" s="85"/>
      <c r="CA1714" s="85"/>
      <c r="CB1714" s="85"/>
      <c r="CC1714" s="85"/>
      <c r="CD1714" s="85"/>
      <c r="CE1714" s="85"/>
      <c r="CF1714" s="85"/>
      <c r="CG1714" s="85"/>
    </row>
    <row r="1715" spans="1:85" s="9" customFormat="1" x14ac:dyDescent="0.2">
      <c r="A1715" s="85"/>
      <c r="J1715" s="85"/>
      <c r="K1715" s="85"/>
      <c r="L1715" s="85"/>
      <c r="M1715" s="85"/>
      <c r="N1715" s="85"/>
      <c r="O1715" s="85"/>
      <c r="P1715" s="85"/>
      <c r="Q1715" s="85"/>
      <c r="R1715" s="85"/>
      <c r="S1715" s="85"/>
      <c r="T1715" s="85"/>
      <c r="U1715" s="85"/>
      <c r="V1715" s="85"/>
      <c r="W1715" s="85"/>
      <c r="X1715" s="85"/>
      <c r="Y1715" s="85"/>
      <c r="Z1715" s="85"/>
      <c r="AA1715" s="85"/>
      <c r="AB1715" s="85"/>
      <c r="AC1715" s="85"/>
      <c r="AD1715" s="85"/>
      <c r="AE1715" s="85"/>
      <c r="AF1715" s="85"/>
      <c r="AG1715" s="85"/>
      <c r="AH1715" s="85"/>
      <c r="AI1715" s="85"/>
      <c r="AJ1715" s="85"/>
      <c r="AK1715" s="85"/>
      <c r="AL1715" s="85"/>
      <c r="AM1715" s="85"/>
      <c r="AN1715" s="85"/>
      <c r="AO1715" s="85"/>
      <c r="AP1715" s="85"/>
      <c r="AQ1715" s="85"/>
      <c r="AR1715" s="85"/>
      <c r="AS1715" s="85"/>
      <c r="AT1715" s="85"/>
      <c r="AU1715" s="85"/>
      <c r="AV1715" s="85"/>
      <c r="AW1715" s="85"/>
      <c r="AX1715" s="85"/>
      <c r="AY1715" s="85"/>
      <c r="AZ1715" s="85"/>
      <c r="BA1715" s="85"/>
      <c r="BB1715" s="85"/>
      <c r="BC1715" s="85"/>
      <c r="BD1715" s="85"/>
      <c r="BE1715" s="85"/>
      <c r="BF1715" s="85"/>
      <c r="BG1715" s="85"/>
      <c r="BH1715" s="85"/>
      <c r="BI1715" s="85"/>
      <c r="BJ1715" s="85"/>
      <c r="BK1715" s="85"/>
      <c r="BL1715" s="85"/>
      <c r="BM1715" s="85"/>
      <c r="BN1715" s="85"/>
      <c r="BO1715" s="85"/>
      <c r="BP1715" s="85"/>
      <c r="BQ1715" s="85"/>
      <c r="BR1715" s="85"/>
      <c r="BS1715" s="85"/>
      <c r="BT1715" s="85"/>
      <c r="BU1715" s="85"/>
      <c r="BV1715" s="85"/>
      <c r="BW1715" s="85"/>
      <c r="BX1715" s="85"/>
      <c r="BY1715" s="85"/>
      <c r="BZ1715" s="85"/>
      <c r="CA1715" s="85"/>
      <c r="CB1715" s="85"/>
      <c r="CC1715" s="85"/>
      <c r="CD1715" s="85"/>
      <c r="CE1715" s="85"/>
      <c r="CF1715" s="85"/>
      <c r="CG1715" s="85"/>
    </row>
    <row r="1716" spans="1:85" s="9" customFormat="1" x14ac:dyDescent="0.2">
      <c r="A1716" s="85"/>
      <c r="J1716" s="85"/>
      <c r="K1716" s="85"/>
      <c r="L1716" s="85"/>
      <c r="M1716" s="85"/>
      <c r="N1716" s="85"/>
      <c r="O1716" s="85"/>
      <c r="P1716" s="85"/>
      <c r="Q1716" s="85"/>
      <c r="R1716" s="85"/>
      <c r="S1716" s="85"/>
      <c r="T1716" s="85"/>
      <c r="U1716" s="85"/>
      <c r="V1716" s="85"/>
      <c r="W1716" s="85"/>
      <c r="X1716" s="85"/>
      <c r="Y1716" s="85"/>
      <c r="Z1716" s="85"/>
      <c r="AA1716" s="85"/>
      <c r="AB1716" s="85"/>
      <c r="AC1716" s="85"/>
      <c r="AD1716" s="85"/>
      <c r="AE1716" s="85"/>
      <c r="AF1716" s="85"/>
      <c r="AG1716" s="85"/>
      <c r="AH1716" s="85"/>
      <c r="AI1716" s="85"/>
      <c r="AJ1716" s="85"/>
      <c r="AK1716" s="85"/>
      <c r="AL1716" s="85"/>
      <c r="AM1716" s="85"/>
      <c r="AN1716" s="85"/>
      <c r="AO1716" s="85"/>
      <c r="AP1716" s="85"/>
      <c r="AQ1716" s="85"/>
      <c r="AR1716" s="85"/>
      <c r="AS1716" s="85"/>
      <c r="AT1716" s="85"/>
      <c r="AU1716" s="85"/>
      <c r="AV1716" s="85"/>
      <c r="AW1716" s="85"/>
      <c r="AX1716" s="85"/>
      <c r="AY1716" s="85"/>
      <c r="AZ1716" s="85"/>
      <c r="BA1716" s="85"/>
      <c r="BB1716" s="85"/>
      <c r="BC1716" s="85"/>
      <c r="BD1716" s="85"/>
      <c r="BE1716" s="85"/>
      <c r="BF1716" s="85"/>
      <c r="BG1716" s="85"/>
      <c r="BH1716" s="85"/>
      <c r="BI1716" s="85"/>
      <c r="BJ1716" s="85"/>
      <c r="BK1716" s="85"/>
      <c r="BL1716" s="85"/>
      <c r="BM1716" s="85"/>
      <c r="BN1716" s="85"/>
      <c r="BO1716" s="85"/>
      <c r="BP1716" s="85"/>
      <c r="BQ1716" s="85"/>
      <c r="BR1716" s="85"/>
      <c r="BS1716" s="85"/>
      <c r="BT1716" s="85"/>
      <c r="BU1716" s="85"/>
      <c r="BV1716" s="85"/>
      <c r="BW1716" s="85"/>
      <c r="BX1716" s="85"/>
      <c r="BY1716" s="85"/>
      <c r="BZ1716" s="85"/>
      <c r="CA1716" s="85"/>
      <c r="CB1716" s="85"/>
      <c r="CC1716" s="85"/>
      <c r="CD1716" s="85"/>
      <c r="CE1716" s="85"/>
      <c r="CF1716" s="85"/>
      <c r="CG1716" s="85"/>
    </row>
    <row r="1717" spans="1:85" s="9" customFormat="1" x14ac:dyDescent="0.2">
      <c r="A1717" s="85"/>
      <c r="J1717" s="85"/>
      <c r="K1717" s="85"/>
      <c r="L1717" s="85"/>
      <c r="M1717" s="85"/>
      <c r="N1717" s="85"/>
      <c r="O1717" s="85"/>
      <c r="P1717" s="85"/>
      <c r="Q1717" s="85"/>
      <c r="R1717" s="85"/>
      <c r="S1717" s="85"/>
      <c r="T1717" s="85"/>
      <c r="U1717" s="85"/>
      <c r="V1717" s="85"/>
      <c r="W1717" s="85"/>
      <c r="X1717" s="85"/>
      <c r="Y1717" s="85"/>
      <c r="Z1717" s="85"/>
      <c r="AA1717" s="85"/>
      <c r="AB1717" s="85"/>
      <c r="AC1717" s="85"/>
      <c r="AD1717" s="85"/>
      <c r="AE1717" s="85"/>
      <c r="AF1717" s="85"/>
      <c r="AG1717" s="85"/>
      <c r="AH1717" s="85"/>
      <c r="AI1717" s="85"/>
      <c r="AJ1717" s="85"/>
      <c r="AK1717" s="85"/>
      <c r="AL1717" s="85"/>
      <c r="AM1717" s="85"/>
      <c r="AN1717" s="85"/>
      <c r="AO1717" s="85"/>
      <c r="AP1717" s="85"/>
      <c r="AQ1717" s="85"/>
      <c r="AR1717" s="85"/>
      <c r="AS1717" s="85"/>
      <c r="AT1717" s="85"/>
      <c r="AU1717" s="85"/>
      <c r="AV1717" s="85"/>
      <c r="AW1717" s="85"/>
      <c r="AX1717" s="85"/>
      <c r="AY1717" s="85"/>
      <c r="AZ1717" s="85"/>
      <c r="BA1717" s="85"/>
      <c r="BB1717" s="85"/>
      <c r="BC1717" s="85"/>
      <c r="BD1717" s="85"/>
      <c r="BE1717" s="85"/>
      <c r="BF1717" s="85"/>
      <c r="BG1717" s="85"/>
      <c r="BH1717" s="85"/>
      <c r="BI1717" s="85"/>
      <c r="BJ1717" s="85"/>
      <c r="BK1717" s="85"/>
      <c r="BL1717" s="85"/>
      <c r="BM1717" s="85"/>
      <c r="BN1717" s="85"/>
      <c r="BO1717" s="85"/>
      <c r="BP1717" s="85"/>
      <c r="BQ1717" s="85"/>
      <c r="BR1717" s="85"/>
      <c r="BS1717" s="85"/>
      <c r="BT1717" s="85"/>
      <c r="BU1717" s="85"/>
      <c r="BV1717" s="85"/>
      <c r="BW1717" s="85"/>
      <c r="BX1717" s="85"/>
      <c r="BY1717" s="85"/>
      <c r="BZ1717" s="85"/>
      <c r="CA1717" s="85"/>
      <c r="CB1717" s="85"/>
      <c r="CC1717" s="85"/>
      <c r="CD1717" s="85"/>
      <c r="CE1717" s="85"/>
      <c r="CF1717" s="85"/>
      <c r="CG1717" s="85"/>
    </row>
    <row r="1718" spans="1:85" s="9" customFormat="1" x14ac:dyDescent="0.2">
      <c r="A1718" s="85"/>
      <c r="J1718" s="85"/>
      <c r="K1718" s="85"/>
      <c r="L1718" s="85"/>
      <c r="M1718" s="85"/>
      <c r="N1718" s="85"/>
      <c r="O1718" s="85"/>
      <c r="P1718" s="85"/>
      <c r="Q1718" s="85"/>
      <c r="R1718" s="85"/>
      <c r="S1718" s="85"/>
      <c r="T1718" s="85"/>
      <c r="U1718" s="85"/>
      <c r="V1718" s="85"/>
      <c r="W1718" s="85"/>
      <c r="X1718" s="85"/>
      <c r="Y1718" s="85"/>
      <c r="Z1718" s="85"/>
      <c r="AA1718" s="85"/>
      <c r="AB1718" s="85"/>
      <c r="AC1718" s="85"/>
      <c r="AD1718" s="85"/>
      <c r="AE1718" s="85"/>
      <c r="AF1718" s="85"/>
      <c r="AG1718" s="85"/>
      <c r="AH1718" s="85"/>
      <c r="AI1718" s="85"/>
      <c r="AJ1718" s="85"/>
      <c r="AK1718" s="85"/>
      <c r="AL1718" s="85"/>
      <c r="AM1718" s="85"/>
      <c r="AN1718" s="85"/>
      <c r="AO1718" s="85"/>
      <c r="AP1718" s="85"/>
      <c r="AQ1718" s="85"/>
      <c r="AR1718" s="85"/>
      <c r="AS1718" s="85"/>
      <c r="AT1718" s="85"/>
      <c r="AU1718" s="85"/>
      <c r="AV1718" s="85"/>
      <c r="AW1718" s="85"/>
      <c r="AX1718" s="85"/>
      <c r="AY1718" s="85"/>
      <c r="AZ1718" s="85"/>
      <c r="BA1718" s="85"/>
      <c r="BB1718" s="85"/>
      <c r="BC1718" s="85"/>
      <c r="BD1718" s="85"/>
      <c r="BE1718" s="85"/>
      <c r="BF1718" s="85"/>
      <c r="BG1718" s="85"/>
      <c r="BH1718" s="85"/>
      <c r="BI1718" s="85"/>
      <c r="BJ1718" s="85"/>
      <c r="BK1718" s="85"/>
      <c r="BL1718" s="85"/>
      <c r="BM1718" s="85"/>
      <c r="BN1718" s="85"/>
      <c r="BO1718" s="85"/>
      <c r="BP1718" s="85"/>
      <c r="BQ1718" s="85"/>
      <c r="BR1718" s="85"/>
      <c r="BS1718" s="85"/>
      <c r="BT1718" s="85"/>
      <c r="BU1718" s="85"/>
      <c r="BV1718" s="85"/>
      <c r="BW1718" s="85"/>
      <c r="BX1718" s="85"/>
      <c r="BY1718" s="85"/>
      <c r="BZ1718" s="85"/>
      <c r="CA1718" s="85"/>
      <c r="CB1718" s="85"/>
      <c r="CC1718" s="85"/>
      <c r="CD1718" s="85"/>
      <c r="CE1718" s="85"/>
      <c r="CF1718" s="85"/>
      <c r="CG1718" s="85"/>
    </row>
    <row r="1719" spans="1:85" s="9" customFormat="1" x14ac:dyDescent="0.2">
      <c r="A1719" s="85"/>
      <c r="J1719" s="85"/>
      <c r="K1719" s="85"/>
      <c r="L1719" s="85"/>
      <c r="M1719" s="85"/>
      <c r="N1719" s="85"/>
      <c r="O1719" s="85"/>
      <c r="P1719" s="85"/>
      <c r="Q1719" s="85"/>
      <c r="R1719" s="85"/>
      <c r="S1719" s="85"/>
      <c r="T1719" s="85"/>
      <c r="U1719" s="85"/>
      <c r="V1719" s="85"/>
      <c r="W1719" s="85"/>
      <c r="X1719" s="85"/>
      <c r="Y1719" s="85"/>
      <c r="Z1719" s="85"/>
      <c r="AA1719" s="85"/>
      <c r="AB1719" s="85"/>
      <c r="AC1719" s="85"/>
      <c r="AD1719" s="85"/>
      <c r="AE1719" s="85"/>
      <c r="AF1719" s="85"/>
      <c r="AG1719" s="85"/>
      <c r="AH1719" s="85"/>
      <c r="AI1719" s="85"/>
      <c r="AJ1719" s="85"/>
      <c r="AK1719" s="85"/>
      <c r="AL1719" s="85"/>
      <c r="AM1719" s="85"/>
      <c r="AN1719" s="85"/>
      <c r="AO1719" s="85"/>
      <c r="AP1719" s="85"/>
      <c r="AQ1719" s="85"/>
      <c r="AR1719" s="85"/>
      <c r="AS1719" s="85"/>
      <c r="AT1719" s="85"/>
      <c r="AU1719" s="85"/>
      <c r="AV1719" s="85"/>
      <c r="AW1719" s="85"/>
      <c r="AX1719" s="85"/>
      <c r="AY1719" s="85"/>
      <c r="AZ1719" s="85"/>
      <c r="BA1719" s="85"/>
      <c r="BB1719" s="85"/>
      <c r="BC1719" s="85"/>
      <c r="BD1719" s="85"/>
      <c r="BE1719" s="85"/>
      <c r="BF1719" s="85"/>
      <c r="BG1719" s="85"/>
      <c r="BH1719" s="85"/>
      <c r="BI1719" s="85"/>
      <c r="BJ1719" s="85"/>
      <c r="BK1719" s="85"/>
      <c r="BL1719" s="85"/>
      <c r="BM1719" s="85"/>
      <c r="BN1719" s="85"/>
      <c r="BO1719" s="85"/>
      <c r="BP1719" s="85"/>
      <c r="BQ1719" s="85"/>
      <c r="BR1719" s="85"/>
      <c r="BS1719" s="85"/>
      <c r="BT1719" s="85"/>
      <c r="BU1719" s="85"/>
      <c r="BV1719" s="85"/>
      <c r="BW1719" s="85"/>
      <c r="BX1719" s="85"/>
      <c r="BY1719" s="85"/>
      <c r="BZ1719" s="85"/>
      <c r="CA1719" s="85"/>
      <c r="CB1719" s="85"/>
      <c r="CC1719" s="85"/>
      <c r="CD1719" s="85"/>
      <c r="CE1719" s="85"/>
      <c r="CF1719" s="85"/>
      <c r="CG1719" s="85"/>
    </row>
    <row r="1720" spans="1:85" s="9" customFormat="1" x14ac:dyDescent="0.2">
      <c r="A1720" s="85"/>
      <c r="J1720" s="85"/>
      <c r="K1720" s="85"/>
      <c r="L1720" s="85"/>
      <c r="M1720" s="85"/>
      <c r="N1720" s="85"/>
      <c r="O1720" s="85"/>
      <c r="P1720" s="85"/>
      <c r="Q1720" s="85"/>
      <c r="R1720" s="85"/>
      <c r="S1720" s="85"/>
      <c r="T1720" s="85"/>
      <c r="U1720" s="85"/>
      <c r="V1720" s="85"/>
      <c r="W1720" s="85"/>
      <c r="X1720" s="85"/>
      <c r="Y1720" s="85"/>
      <c r="Z1720" s="85"/>
      <c r="AA1720" s="85"/>
      <c r="AB1720" s="85"/>
      <c r="AC1720" s="85"/>
      <c r="AD1720" s="85"/>
      <c r="AE1720" s="85"/>
      <c r="AF1720" s="85"/>
      <c r="AG1720" s="85"/>
      <c r="AH1720" s="85"/>
      <c r="AI1720" s="85"/>
      <c r="AJ1720" s="85"/>
      <c r="AK1720" s="85"/>
      <c r="AL1720" s="85"/>
      <c r="AM1720" s="85"/>
      <c r="AN1720" s="85"/>
      <c r="AO1720" s="85"/>
      <c r="AP1720" s="85"/>
      <c r="AQ1720" s="85"/>
      <c r="AR1720" s="85"/>
      <c r="AS1720" s="85"/>
      <c r="AT1720" s="85"/>
      <c r="AU1720" s="85"/>
      <c r="AV1720" s="85"/>
      <c r="AW1720" s="85"/>
      <c r="AX1720" s="85"/>
      <c r="AY1720" s="85"/>
      <c r="AZ1720" s="85"/>
      <c r="BA1720" s="85"/>
      <c r="BB1720" s="85"/>
      <c r="BC1720" s="85"/>
      <c r="BD1720" s="85"/>
      <c r="BE1720" s="85"/>
      <c r="BF1720" s="85"/>
      <c r="BG1720" s="85"/>
      <c r="BH1720" s="85"/>
      <c r="BI1720" s="85"/>
      <c r="BJ1720" s="85"/>
      <c r="BK1720" s="85"/>
      <c r="BL1720" s="85"/>
      <c r="BM1720" s="85"/>
      <c r="BN1720" s="85"/>
      <c r="BO1720" s="85"/>
      <c r="BP1720" s="85"/>
      <c r="BQ1720" s="85"/>
      <c r="BR1720" s="85"/>
      <c r="BS1720" s="85"/>
      <c r="BT1720" s="85"/>
      <c r="BU1720" s="85"/>
      <c r="BV1720" s="85"/>
      <c r="BW1720" s="85"/>
      <c r="BX1720" s="85"/>
      <c r="BY1720" s="85"/>
      <c r="BZ1720" s="85"/>
      <c r="CA1720" s="85"/>
      <c r="CB1720" s="85"/>
      <c r="CC1720" s="85"/>
      <c r="CD1720" s="85"/>
      <c r="CE1720" s="85"/>
      <c r="CF1720" s="85"/>
      <c r="CG1720" s="85"/>
    </row>
    <row r="1721" spans="1:85" s="9" customFormat="1" x14ac:dyDescent="0.2">
      <c r="A1721" s="85"/>
      <c r="J1721" s="85"/>
      <c r="K1721" s="85"/>
      <c r="L1721" s="85"/>
      <c r="M1721" s="85"/>
      <c r="N1721" s="85"/>
      <c r="O1721" s="85"/>
      <c r="P1721" s="85"/>
      <c r="Q1721" s="85"/>
      <c r="R1721" s="85"/>
      <c r="S1721" s="85"/>
      <c r="T1721" s="85"/>
      <c r="U1721" s="85"/>
      <c r="V1721" s="85"/>
      <c r="W1721" s="85"/>
      <c r="X1721" s="85"/>
      <c r="Y1721" s="85"/>
      <c r="Z1721" s="85"/>
      <c r="AA1721" s="85"/>
      <c r="AB1721" s="85"/>
      <c r="AC1721" s="85"/>
      <c r="AD1721" s="85"/>
      <c r="AE1721" s="85"/>
      <c r="AF1721" s="85"/>
      <c r="AG1721" s="85"/>
      <c r="AH1721" s="85"/>
      <c r="AI1721" s="85"/>
      <c r="AJ1721" s="85"/>
      <c r="AK1721" s="85"/>
      <c r="AL1721" s="85"/>
      <c r="AM1721" s="85"/>
      <c r="AN1721" s="85"/>
      <c r="AO1721" s="85"/>
      <c r="AP1721" s="85"/>
      <c r="AQ1721" s="85"/>
      <c r="AR1721" s="85"/>
      <c r="AS1721" s="85"/>
      <c r="AT1721" s="85"/>
      <c r="AU1721" s="85"/>
      <c r="AV1721" s="85"/>
      <c r="AW1721" s="85"/>
      <c r="AX1721" s="85"/>
      <c r="AY1721" s="85"/>
      <c r="AZ1721" s="85"/>
      <c r="BA1721" s="85"/>
      <c r="BB1721" s="85"/>
      <c r="BC1721" s="85"/>
      <c r="BD1721" s="85"/>
      <c r="BE1721" s="85"/>
      <c r="BF1721" s="85"/>
      <c r="BG1721" s="85"/>
      <c r="BH1721" s="85"/>
      <c r="BI1721" s="85"/>
      <c r="BJ1721" s="85"/>
      <c r="BK1721" s="85"/>
      <c r="BL1721" s="85"/>
      <c r="BM1721" s="85"/>
      <c r="BN1721" s="85"/>
      <c r="BO1721" s="85"/>
      <c r="BP1721" s="85"/>
      <c r="BQ1721" s="85"/>
      <c r="BR1721" s="85"/>
      <c r="BS1721" s="85"/>
      <c r="BT1721" s="85"/>
      <c r="BU1721" s="85"/>
      <c r="BV1721" s="85"/>
      <c r="BW1721" s="85"/>
      <c r="BX1721" s="85"/>
      <c r="BY1721" s="85"/>
      <c r="BZ1721" s="85"/>
      <c r="CA1721" s="85"/>
      <c r="CB1721" s="85"/>
      <c r="CC1721" s="85"/>
      <c r="CD1721" s="85"/>
      <c r="CE1721" s="85"/>
      <c r="CF1721" s="85"/>
      <c r="CG1721" s="85"/>
    </row>
    <row r="1722" spans="1:85" s="9" customFormat="1" x14ac:dyDescent="0.2">
      <c r="A1722" s="85"/>
      <c r="J1722" s="85"/>
      <c r="K1722" s="85"/>
      <c r="L1722" s="85"/>
      <c r="M1722" s="85"/>
      <c r="N1722" s="85"/>
      <c r="O1722" s="85"/>
      <c r="P1722" s="85"/>
      <c r="Q1722" s="85"/>
      <c r="R1722" s="85"/>
      <c r="S1722" s="85"/>
      <c r="T1722" s="85"/>
      <c r="U1722" s="85"/>
      <c r="V1722" s="85"/>
      <c r="W1722" s="85"/>
      <c r="X1722" s="85"/>
      <c r="Y1722" s="85"/>
      <c r="Z1722" s="85"/>
      <c r="AA1722" s="85"/>
      <c r="AB1722" s="85"/>
      <c r="AC1722" s="85"/>
      <c r="AD1722" s="85"/>
      <c r="AE1722" s="85"/>
      <c r="AF1722" s="85"/>
      <c r="AG1722" s="85"/>
      <c r="AH1722" s="85"/>
      <c r="AI1722" s="85"/>
      <c r="AJ1722" s="85"/>
      <c r="AK1722" s="85"/>
      <c r="AL1722" s="85"/>
      <c r="AM1722" s="85"/>
      <c r="AN1722" s="85"/>
      <c r="AO1722" s="85"/>
      <c r="AP1722" s="85"/>
      <c r="AQ1722" s="85"/>
      <c r="AR1722" s="85"/>
      <c r="AS1722" s="85"/>
      <c r="AT1722" s="85"/>
      <c r="AU1722" s="85"/>
      <c r="AV1722" s="85"/>
      <c r="AW1722" s="85"/>
      <c r="AX1722" s="85"/>
      <c r="AY1722" s="85"/>
      <c r="AZ1722" s="85"/>
      <c r="BA1722" s="85"/>
      <c r="BB1722" s="85"/>
      <c r="BC1722" s="85"/>
      <c r="BD1722" s="85"/>
      <c r="BE1722" s="85"/>
      <c r="BF1722" s="85"/>
      <c r="BG1722" s="85"/>
      <c r="BH1722" s="85"/>
      <c r="BI1722" s="85"/>
      <c r="BJ1722" s="85"/>
      <c r="BK1722" s="85"/>
      <c r="BL1722" s="85"/>
      <c r="BM1722" s="85"/>
      <c r="BN1722" s="85"/>
      <c r="BO1722" s="85"/>
      <c r="BP1722" s="85"/>
      <c r="BQ1722" s="85"/>
      <c r="BR1722" s="85"/>
      <c r="BS1722" s="85"/>
      <c r="BT1722" s="85"/>
      <c r="BU1722" s="85"/>
      <c r="BV1722" s="85"/>
      <c r="BW1722" s="85"/>
      <c r="BX1722" s="85"/>
      <c r="BY1722" s="85"/>
      <c r="BZ1722" s="85"/>
      <c r="CA1722" s="85"/>
      <c r="CB1722" s="85"/>
      <c r="CC1722" s="85"/>
      <c r="CD1722" s="85"/>
      <c r="CE1722" s="85"/>
      <c r="CF1722" s="85"/>
      <c r="CG1722" s="85"/>
    </row>
    <row r="1723" spans="1:85" s="9" customFormat="1" x14ac:dyDescent="0.2">
      <c r="A1723" s="85"/>
      <c r="J1723" s="85"/>
      <c r="K1723" s="85"/>
      <c r="L1723" s="85"/>
      <c r="M1723" s="85"/>
      <c r="N1723" s="85"/>
      <c r="O1723" s="85"/>
      <c r="P1723" s="85"/>
      <c r="Q1723" s="85"/>
      <c r="R1723" s="85"/>
      <c r="S1723" s="85"/>
      <c r="T1723" s="85"/>
      <c r="U1723" s="85"/>
      <c r="V1723" s="85"/>
      <c r="W1723" s="85"/>
      <c r="X1723" s="85"/>
      <c r="Y1723" s="85"/>
      <c r="Z1723" s="85"/>
      <c r="AA1723" s="85"/>
      <c r="AB1723" s="85"/>
      <c r="AC1723" s="85"/>
      <c r="AD1723" s="85"/>
      <c r="AE1723" s="85"/>
      <c r="AF1723" s="85"/>
      <c r="AG1723" s="85"/>
      <c r="AH1723" s="85"/>
      <c r="AI1723" s="85"/>
      <c r="AJ1723" s="85"/>
      <c r="AK1723" s="85"/>
      <c r="AL1723" s="85"/>
      <c r="AM1723" s="85"/>
      <c r="AN1723" s="85"/>
      <c r="AO1723" s="85"/>
      <c r="AP1723" s="85"/>
      <c r="AQ1723" s="85"/>
      <c r="AR1723" s="85"/>
      <c r="AS1723" s="85"/>
      <c r="AT1723" s="85"/>
      <c r="AU1723" s="85"/>
      <c r="AV1723" s="85"/>
      <c r="AW1723" s="85"/>
      <c r="AX1723" s="85"/>
      <c r="AY1723" s="85"/>
      <c r="AZ1723" s="85"/>
      <c r="BA1723" s="85"/>
      <c r="BB1723" s="85"/>
      <c r="BC1723" s="85"/>
      <c r="BD1723" s="85"/>
      <c r="BE1723" s="85"/>
      <c r="BF1723" s="85"/>
      <c r="BG1723" s="85"/>
      <c r="BH1723" s="85"/>
      <c r="BI1723" s="85"/>
      <c r="BJ1723" s="85"/>
      <c r="BK1723" s="85"/>
      <c r="BL1723" s="85"/>
      <c r="BM1723" s="85"/>
      <c r="BN1723" s="85"/>
      <c r="BO1723" s="85"/>
      <c r="BP1723" s="85"/>
      <c r="BQ1723" s="85"/>
      <c r="BR1723" s="85"/>
      <c r="BS1723" s="85"/>
      <c r="BT1723" s="85"/>
      <c r="BU1723" s="85"/>
      <c r="BV1723" s="85"/>
      <c r="BW1723" s="85"/>
      <c r="BX1723" s="85"/>
      <c r="BY1723" s="85"/>
      <c r="BZ1723" s="85"/>
      <c r="CA1723" s="85"/>
      <c r="CB1723" s="85"/>
      <c r="CC1723" s="85"/>
      <c r="CD1723" s="85"/>
      <c r="CE1723" s="85"/>
      <c r="CF1723" s="85"/>
      <c r="CG1723" s="85"/>
    </row>
    <row r="1724" spans="1:85" s="9" customFormat="1" x14ac:dyDescent="0.2">
      <c r="A1724" s="85"/>
      <c r="J1724" s="85"/>
      <c r="K1724" s="85"/>
      <c r="L1724" s="85"/>
      <c r="M1724" s="85"/>
      <c r="N1724" s="85"/>
      <c r="O1724" s="85"/>
      <c r="P1724" s="85"/>
      <c r="Q1724" s="85"/>
      <c r="R1724" s="85"/>
      <c r="S1724" s="85"/>
      <c r="T1724" s="85"/>
      <c r="U1724" s="85"/>
      <c r="V1724" s="85"/>
      <c r="W1724" s="85"/>
      <c r="X1724" s="85"/>
      <c r="Y1724" s="85"/>
      <c r="Z1724" s="85"/>
      <c r="AA1724" s="85"/>
      <c r="AB1724" s="85"/>
      <c r="AC1724" s="85"/>
      <c r="AD1724" s="85"/>
      <c r="AE1724" s="85"/>
      <c r="AF1724" s="85"/>
      <c r="AG1724" s="85"/>
      <c r="AH1724" s="85"/>
      <c r="AI1724" s="85"/>
      <c r="AJ1724" s="85"/>
      <c r="AK1724" s="85"/>
      <c r="AL1724" s="85"/>
      <c r="AM1724" s="85"/>
      <c r="AN1724" s="85"/>
      <c r="AO1724" s="85"/>
      <c r="AP1724" s="85"/>
      <c r="AQ1724" s="85"/>
      <c r="AR1724" s="85"/>
      <c r="AS1724" s="85"/>
      <c r="AT1724" s="85"/>
      <c r="AU1724" s="85"/>
      <c r="AV1724" s="85"/>
      <c r="AW1724" s="85"/>
      <c r="AX1724" s="85"/>
      <c r="AY1724" s="85"/>
      <c r="AZ1724" s="85"/>
      <c r="BA1724" s="85"/>
      <c r="BB1724" s="85"/>
      <c r="BC1724" s="85"/>
      <c r="BD1724" s="85"/>
      <c r="BE1724" s="85"/>
      <c r="BF1724" s="85"/>
      <c r="BG1724" s="85"/>
      <c r="BH1724" s="85"/>
      <c r="BI1724" s="85"/>
      <c r="BJ1724" s="85"/>
      <c r="BK1724" s="85"/>
      <c r="BL1724" s="85"/>
      <c r="BM1724" s="85"/>
      <c r="BN1724" s="85"/>
      <c r="BO1724" s="85"/>
      <c r="BP1724" s="85"/>
      <c r="BQ1724" s="85"/>
      <c r="BR1724" s="85"/>
      <c r="BS1724" s="85"/>
      <c r="BT1724" s="85"/>
      <c r="BU1724" s="85"/>
      <c r="BV1724" s="85"/>
      <c r="BW1724" s="85"/>
      <c r="BX1724" s="85"/>
      <c r="BY1724" s="85"/>
      <c r="BZ1724" s="85"/>
      <c r="CA1724" s="85"/>
      <c r="CB1724" s="85"/>
      <c r="CC1724" s="85"/>
      <c r="CD1724" s="85"/>
      <c r="CE1724" s="85"/>
      <c r="CF1724" s="85"/>
      <c r="CG1724" s="85"/>
    </row>
    <row r="1725" spans="1:85" s="9" customFormat="1" x14ac:dyDescent="0.2">
      <c r="A1725" s="85"/>
      <c r="J1725" s="85"/>
      <c r="K1725" s="85"/>
      <c r="L1725" s="85"/>
      <c r="M1725" s="85"/>
      <c r="N1725" s="85"/>
      <c r="O1725" s="85"/>
      <c r="P1725" s="85"/>
      <c r="Q1725" s="85"/>
      <c r="R1725" s="85"/>
      <c r="S1725" s="85"/>
      <c r="T1725" s="85"/>
      <c r="U1725" s="85"/>
      <c r="V1725" s="85"/>
      <c r="W1725" s="85"/>
      <c r="X1725" s="85"/>
      <c r="Y1725" s="85"/>
      <c r="Z1725" s="85"/>
      <c r="AA1725" s="85"/>
      <c r="AB1725" s="85"/>
      <c r="AC1725" s="85"/>
      <c r="AD1725" s="85"/>
      <c r="AE1725" s="85"/>
      <c r="AF1725" s="85"/>
      <c r="AG1725" s="85"/>
      <c r="AH1725" s="85"/>
      <c r="AI1725" s="85"/>
      <c r="AJ1725" s="85"/>
      <c r="AK1725" s="85"/>
      <c r="AL1725" s="85"/>
      <c r="AM1725" s="85"/>
      <c r="AN1725" s="85"/>
      <c r="AO1725" s="85"/>
      <c r="AP1725" s="85"/>
      <c r="AQ1725" s="85"/>
      <c r="AR1725" s="85"/>
      <c r="AS1725" s="85"/>
      <c r="AT1725" s="85"/>
      <c r="AU1725" s="85"/>
      <c r="AV1725" s="85"/>
      <c r="AW1725" s="85"/>
      <c r="AX1725" s="85"/>
      <c r="AY1725" s="85"/>
      <c r="AZ1725" s="85"/>
      <c r="BA1725" s="85"/>
      <c r="BB1725" s="85"/>
      <c r="BC1725" s="85"/>
      <c r="BD1725" s="85"/>
      <c r="BE1725" s="85"/>
      <c r="BF1725" s="85"/>
      <c r="BG1725" s="85"/>
      <c r="BH1725" s="85"/>
      <c r="BI1725" s="85"/>
      <c r="BJ1725" s="85"/>
      <c r="BK1725" s="85"/>
      <c r="BL1725" s="85"/>
      <c r="BM1725" s="85"/>
      <c r="BN1725" s="85"/>
      <c r="BO1725" s="85"/>
      <c r="BP1725" s="85"/>
      <c r="BQ1725" s="85"/>
      <c r="BR1725" s="85"/>
      <c r="BS1725" s="85"/>
      <c r="BT1725" s="85"/>
      <c r="BU1725" s="85"/>
      <c r="BV1725" s="85"/>
      <c r="BW1725" s="85"/>
      <c r="BX1725" s="85"/>
      <c r="BY1725" s="85"/>
      <c r="BZ1725" s="85"/>
      <c r="CA1725" s="85"/>
      <c r="CB1725" s="85"/>
      <c r="CC1725" s="85"/>
      <c r="CD1725" s="85"/>
      <c r="CE1725" s="85"/>
      <c r="CF1725" s="85"/>
      <c r="CG1725" s="85"/>
    </row>
    <row r="1726" spans="1:85" s="9" customFormat="1" x14ac:dyDescent="0.2">
      <c r="A1726" s="85"/>
      <c r="J1726" s="85"/>
      <c r="K1726" s="85"/>
      <c r="L1726" s="85"/>
      <c r="M1726" s="85"/>
      <c r="N1726" s="85"/>
      <c r="O1726" s="85"/>
      <c r="P1726" s="85"/>
      <c r="Q1726" s="85"/>
      <c r="R1726" s="85"/>
      <c r="S1726" s="85"/>
      <c r="T1726" s="85"/>
      <c r="U1726" s="85"/>
      <c r="V1726" s="85"/>
      <c r="W1726" s="85"/>
      <c r="X1726" s="85"/>
      <c r="Y1726" s="85"/>
      <c r="Z1726" s="85"/>
      <c r="AA1726" s="85"/>
      <c r="AB1726" s="85"/>
      <c r="AC1726" s="85"/>
      <c r="AD1726" s="85"/>
      <c r="AE1726" s="85"/>
      <c r="AF1726" s="85"/>
      <c r="AG1726" s="85"/>
      <c r="AH1726" s="85"/>
      <c r="AI1726" s="85"/>
      <c r="AJ1726" s="85"/>
      <c r="AK1726" s="85"/>
      <c r="AL1726" s="85"/>
      <c r="AM1726" s="85"/>
      <c r="AN1726" s="85"/>
      <c r="AO1726" s="85"/>
      <c r="AP1726" s="85"/>
      <c r="AQ1726" s="85"/>
      <c r="AR1726" s="85"/>
      <c r="AS1726" s="85"/>
      <c r="AT1726" s="85"/>
      <c r="AU1726" s="85"/>
      <c r="AV1726" s="85"/>
      <c r="AW1726" s="85"/>
      <c r="AX1726" s="85"/>
      <c r="AY1726" s="85"/>
      <c r="AZ1726" s="85"/>
      <c r="BA1726" s="85"/>
      <c r="BB1726" s="85"/>
      <c r="BC1726" s="85"/>
      <c r="BD1726" s="85"/>
      <c r="BE1726" s="85"/>
      <c r="BF1726" s="85"/>
      <c r="BG1726" s="85"/>
      <c r="BH1726" s="85"/>
      <c r="BI1726" s="85"/>
      <c r="BJ1726" s="85"/>
      <c r="BK1726" s="85"/>
      <c r="BL1726" s="85"/>
      <c r="BM1726" s="85"/>
      <c r="BN1726" s="85"/>
      <c r="BO1726" s="85"/>
      <c r="BP1726" s="85"/>
      <c r="BQ1726" s="85"/>
      <c r="BR1726" s="85"/>
      <c r="BS1726" s="85"/>
      <c r="BT1726" s="85"/>
      <c r="BU1726" s="85"/>
      <c r="BV1726" s="85"/>
      <c r="BW1726" s="85"/>
      <c r="BX1726" s="85"/>
      <c r="BY1726" s="85"/>
      <c r="BZ1726" s="85"/>
      <c r="CA1726" s="85"/>
      <c r="CB1726" s="85"/>
      <c r="CC1726" s="85"/>
      <c r="CD1726" s="85"/>
      <c r="CE1726" s="85"/>
      <c r="CF1726" s="85"/>
      <c r="CG1726" s="85"/>
    </row>
    <row r="1727" spans="1:85" s="9" customFormat="1" x14ac:dyDescent="0.2">
      <c r="A1727" s="85"/>
      <c r="J1727" s="85"/>
      <c r="K1727" s="85"/>
      <c r="L1727" s="85"/>
      <c r="M1727" s="85"/>
      <c r="N1727" s="85"/>
      <c r="O1727" s="85"/>
      <c r="P1727" s="85"/>
      <c r="Q1727" s="85"/>
      <c r="R1727" s="85"/>
      <c r="S1727" s="85"/>
      <c r="T1727" s="85"/>
      <c r="U1727" s="85"/>
      <c r="V1727" s="85"/>
      <c r="W1727" s="85"/>
      <c r="X1727" s="85"/>
      <c r="Y1727" s="85"/>
      <c r="Z1727" s="85"/>
      <c r="AA1727" s="85"/>
      <c r="AB1727" s="85"/>
      <c r="AC1727" s="85"/>
      <c r="AD1727" s="85"/>
      <c r="AE1727" s="85"/>
      <c r="AF1727" s="85"/>
      <c r="AG1727" s="85"/>
      <c r="AH1727" s="85"/>
      <c r="AI1727" s="85"/>
      <c r="AJ1727" s="85"/>
      <c r="AK1727" s="85"/>
      <c r="AL1727" s="85"/>
      <c r="AM1727" s="85"/>
      <c r="AN1727" s="85"/>
      <c r="AO1727" s="85"/>
      <c r="AP1727" s="85"/>
      <c r="AQ1727" s="85"/>
      <c r="AR1727" s="85"/>
      <c r="AS1727" s="85"/>
      <c r="AT1727" s="85"/>
      <c r="AU1727" s="85"/>
      <c r="AV1727" s="85"/>
      <c r="AW1727" s="85"/>
      <c r="AX1727" s="85"/>
      <c r="AY1727" s="85"/>
      <c r="AZ1727" s="85"/>
      <c r="BA1727" s="85"/>
      <c r="BB1727" s="85"/>
      <c r="BC1727" s="85"/>
      <c r="BD1727" s="85"/>
      <c r="BE1727" s="85"/>
      <c r="BF1727" s="85"/>
      <c r="BG1727" s="85"/>
      <c r="BH1727" s="85"/>
      <c r="BI1727" s="85"/>
      <c r="BJ1727" s="85"/>
      <c r="BK1727" s="85"/>
      <c r="BL1727" s="85"/>
      <c r="BM1727" s="85"/>
      <c r="BN1727" s="85"/>
      <c r="BO1727" s="85"/>
      <c r="BP1727" s="85"/>
      <c r="BQ1727" s="85"/>
      <c r="BR1727" s="85"/>
      <c r="BS1727" s="85"/>
      <c r="BT1727" s="85"/>
      <c r="BU1727" s="85"/>
      <c r="BV1727" s="85"/>
      <c r="BW1727" s="85"/>
      <c r="BX1727" s="85"/>
      <c r="BY1727" s="85"/>
      <c r="BZ1727" s="85"/>
      <c r="CA1727" s="85"/>
      <c r="CB1727" s="85"/>
      <c r="CC1727" s="85"/>
      <c r="CD1727" s="85"/>
      <c r="CE1727" s="85"/>
      <c r="CF1727" s="85"/>
      <c r="CG1727" s="85"/>
    </row>
    <row r="1728" spans="1:85" s="9" customFormat="1" x14ac:dyDescent="0.2">
      <c r="A1728" s="85"/>
      <c r="J1728" s="85"/>
      <c r="K1728" s="85"/>
      <c r="L1728" s="85"/>
      <c r="M1728" s="85"/>
      <c r="N1728" s="85"/>
      <c r="O1728" s="85"/>
      <c r="P1728" s="85"/>
      <c r="Q1728" s="85"/>
      <c r="R1728" s="85"/>
      <c r="S1728" s="85"/>
      <c r="T1728" s="85"/>
      <c r="U1728" s="85"/>
      <c r="V1728" s="85"/>
      <c r="W1728" s="85"/>
      <c r="X1728" s="85"/>
      <c r="Y1728" s="85"/>
      <c r="Z1728" s="85"/>
      <c r="AA1728" s="85"/>
      <c r="AB1728" s="85"/>
      <c r="AC1728" s="85"/>
      <c r="AD1728" s="85"/>
      <c r="AE1728" s="85"/>
      <c r="AF1728" s="85"/>
      <c r="AG1728" s="85"/>
      <c r="AH1728" s="85"/>
      <c r="AI1728" s="85"/>
      <c r="AJ1728" s="85"/>
      <c r="AK1728" s="85"/>
      <c r="AL1728" s="85"/>
      <c r="AM1728" s="85"/>
      <c r="AN1728" s="85"/>
      <c r="AO1728" s="85"/>
      <c r="AP1728" s="85"/>
      <c r="AQ1728" s="85"/>
      <c r="AR1728" s="85"/>
      <c r="AS1728" s="85"/>
      <c r="AT1728" s="85"/>
      <c r="AU1728" s="85"/>
      <c r="AV1728" s="85"/>
      <c r="AW1728" s="85"/>
      <c r="AX1728" s="85"/>
      <c r="AY1728" s="85"/>
      <c r="AZ1728" s="85"/>
      <c r="BA1728" s="85"/>
      <c r="BB1728" s="85"/>
      <c r="BC1728" s="85"/>
      <c r="BD1728" s="85"/>
      <c r="BE1728" s="85"/>
      <c r="BF1728" s="85"/>
      <c r="BG1728" s="85"/>
      <c r="BH1728" s="85"/>
      <c r="BI1728" s="85"/>
      <c r="BJ1728" s="85"/>
      <c r="BK1728" s="85"/>
      <c r="BL1728" s="85"/>
      <c r="BM1728" s="85"/>
      <c r="BN1728" s="85"/>
      <c r="BO1728" s="85"/>
      <c r="BP1728" s="85"/>
      <c r="BQ1728" s="85"/>
      <c r="BR1728" s="85"/>
      <c r="BS1728" s="85"/>
      <c r="BT1728" s="85"/>
      <c r="BU1728" s="85"/>
      <c r="BV1728" s="85"/>
      <c r="BW1728" s="85"/>
      <c r="BX1728" s="85"/>
      <c r="BY1728" s="85"/>
      <c r="BZ1728" s="85"/>
      <c r="CA1728" s="85"/>
      <c r="CB1728" s="85"/>
      <c r="CC1728" s="85"/>
      <c r="CD1728" s="85"/>
      <c r="CE1728" s="85"/>
      <c r="CF1728" s="85"/>
      <c r="CG1728" s="85"/>
    </row>
    <row r="1729" spans="1:85" s="9" customFormat="1" x14ac:dyDescent="0.2">
      <c r="A1729" s="85"/>
      <c r="J1729" s="85"/>
      <c r="K1729" s="85"/>
      <c r="L1729" s="85"/>
      <c r="M1729" s="85"/>
      <c r="N1729" s="85"/>
      <c r="O1729" s="85"/>
      <c r="P1729" s="85"/>
      <c r="Q1729" s="85"/>
      <c r="R1729" s="85"/>
      <c r="S1729" s="85"/>
      <c r="T1729" s="85"/>
      <c r="U1729" s="85"/>
      <c r="V1729" s="85"/>
      <c r="W1729" s="85"/>
      <c r="X1729" s="85"/>
      <c r="Y1729" s="85"/>
      <c r="Z1729" s="85"/>
      <c r="AA1729" s="85"/>
      <c r="AB1729" s="85"/>
      <c r="AC1729" s="85"/>
      <c r="AD1729" s="85"/>
      <c r="AE1729" s="85"/>
      <c r="AF1729" s="85"/>
      <c r="AG1729" s="85"/>
      <c r="AH1729" s="85"/>
      <c r="AI1729" s="85"/>
      <c r="AJ1729" s="85"/>
      <c r="AK1729" s="85"/>
      <c r="AL1729" s="85"/>
      <c r="AM1729" s="85"/>
      <c r="AN1729" s="85"/>
      <c r="AO1729" s="85"/>
      <c r="AP1729" s="85"/>
      <c r="AQ1729" s="85"/>
      <c r="AR1729" s="85"/>
      <c r="AS1729" s="85"/>
      <c r="AT1729" s="85"/>
      <c r="AU1729" s="85"/>
      <c r="AV1729" s="85"/>
      <c r="AW1729" s="85"/>
      <c r="AX1729" s="85"/>
      <c r="AY1729" s="85"/>
      <c r="AZ1729" s="85"/>
      <c r="BA1729" s="85"/>
      <c r="BB1729" s="85"/>
      <c r="BC1729" s="85"/>
      <c r="BD1729" s="85"/>
      <c r="BE1729" s="85"/>
      <c r="BF1729" s="85"/>
      <c r="BG1729" s="85"/>
      <c r="BH1729" s="85"/>
      <c r="BI1729" s="85"/>
      <c r="BJ1729" s="85"/>
      <c r="BK1729" s="85"/>
      <c r="BL1729" s="85"/>
      <c r="BM1729" s="85"/>
      <c r="BN1729" s="85"/>
      <c r="BO1729" s="85"/>
      <c r="BP1729" s="85"/>
      <c r="BQ1729" s="85"/>
      <c r="BR1729" s="85"/>
      <c r="BS1729" s="85"/>
      <c r="BT1729" s="85"/>
      <c r="BU1729" s="85"/>
      <c r="BV1729" s="85"/>
      <c r="BW1729" s="85"/>
      <c r="BX1729" s="85"/>
      <c r="BY1729" s="85"/>
      <c r="BZ1729" s="85"/>
      <c r="CA1729" s="85"/>
      <c r="CB1729" s="85"/>
      <c r="CC1729" s="85"/>
      <c r="CD1729" s="85"/>
      <c r="CE1729" s="85"/>
      <c r="CF1729" s="85"/>
      <c r="CG1729" s="85"/>
    </row>
    <row r="1730" spans="1:85" s="9" customFormat="1" x14ac:dyDescent="0.2">
      <c r="A1730" s="85"/>
      <c r="J1730" s="85"/>
      <c r="K1730" s="85"/>
      <c r="L1730" s="85"/>
      <c r="M1730" s="85"/>
      <c r="N1730" s="85"/>
      <c r="O1730" s="85"/>
      <c r="P1730" s="85"/>
      <c r="Q1730" s="85"/>
      <c r="R1730" s="85"/>
      <c r="S1730" s="85"/>
      <c r="T1730" s="85"/>
      <c r="U1730" s="85"/>
      <c r="V1730" s="85"/>
      <c r="W1730" s="85"/>
      <c r="X1730" s="85"/>
      <c r="Y1730" s="85"/>
      <c r="Z1730" s="85"/>
      <c r="AA1730" s="85"/>
      <c r="AB1730" s="85"/>
      <c r="AC1730" s="85"/>
      <c r="AD1730" s="85"/>
      <c r="AE1730" s="85"/>
      <c r="AF1730" s="85"/>
      <c r="AG1730" s="85"/>
      <c r="AH1730" s="85"/>
      <c r="AI1730" s="85"/>
      <c r="AJ1730" s="85"/>
      <c r="AK1730" s="85"/>
      <c r="AL1730" s="85"/>
      <c r="AM1730" s="85"/>
      <c r="AN1730" s="85"/>
      <c r="AO1730" s="85"/>
      <c r="AP1730" s="85"/>
      <c r="AQ1730" s="85"/>
      <c r="AR1730" s="85"/>
      <c r="AS1730" s="85"/>
      <c r="AT1730" s="85"/>
      <c r="AU1730" s="85"/>
      <c r="AV1730" s="85"/>
      <c r="AW1730" s="85"/>
      <c r="AX1730" s="85"/>
      <c r="AY1730" s="85"/>
      <c r="AZ1730" s="85"/>
      <c r="BA1730" s="85"/>
      <c r="BB1730" s="85"/>
      <c r="BC1730" s="85"/>
      <c r="BD1730" s="85"/>
      <c r="BE1730" s="85"/>
      <c r="BF1730" s="85"/>
      <c r="BG1730" s="85"/>
      <c r="BH1730" s="85"/>
      <c r="BI1730" s="85"/>
      <c r="BJ1730" s="85"/>
      <c r="BK1730" s="85"/>
      <c r="BL1730" s="85"/>
      <c r="BM1730" s="85"/>
      <c r="BN1730" s="85"/>
      <c r="BO1730" s="85"/>
      <c r="BP1730" s="85"/>
      <c r="BQ1730" s="85"/>
      <c r="BR1730" s="85"/>
      <c r="BS1730" s="85"/>
      <c r="BT1730" s="85"/>
      <c r="BU1730" s="85"/>
      <c r="BV1730" s="85"/>
      <c r="BW1730" s="85"/>
      <c r="BX1730" s="85"/>
      <c r="BY1730" s="85"/>
      <c r="BZ1730" s="85"/>
      <c r="CA1730" s="85"/>
      <c r="CB1730" s="85"/>
      <c r="CC1730" s="85"/>
      <c r="CD1730" s="85"/>
      <c r="CE1730" s="85"/>
      <c r="CF1730" s="85"/>
      <c r="CG1730" s="85"/>
    </row>
    <row r="1731" spans="1:85" s="9" customFormat="1" x14ac:dyDescent="0.2">
      <c r="A1731" s="85"/>
      <c r="J1731" s="85"/>
      <c r="K1731" s="85"/>
      <c r="L1731" s="85"/>
      <c r="M1731" s="85"/>
      <c r="N1731" s="85"/>
      <c r="O1731" s="85"/>
      <c r="P1731" s="85"/>
      <c r="Q1731" s="85"/>
      <c r="R1731" s="85"/>
      <c r="S1731" s="85"/>
      <c r="T1731" s="85"/>
      <c r="U1731" s="85"/>
      <c r="V1731" s="85"/>
      <c r="W1731" s="85"/>
      <c r="X1731" s="85"/>
      <c r="Y1731" s="85"/>
      <c r="Z1731" s="85"/>
      <c r="AA1731" s="85"/>
      <c r="AB1731" s="85"/>
      <c r="AC1731" s="85"/>
      <c r="AD1731" s="85"/>
      <c r="AE1731" s="85"/>
      <c r="AF1731" s="85"/>
      <c r="AG1731" s="85"/>
      <c r="AH1731" s="85"/>
      <c r="AI1731" s="85"/>
      <c r="AJ1731" s="85"/>
      <c r="AK1731" s="85"/>
      <c r="AL1731" s="85"/>
      <c r="AM1731" s="85"/>
      <c r="AN1731" s="85"/>
      <c r="AO1731" s="85"/>
      <c r="AP1731" s="85"/>
      <c r="AQ1731" s="85"/>
      <c r="AR1731" s="85"/>
      <c r="AS1731" s="85"/>
      <c r="AT1731" s="85"/>
      <c r="AU1731" s="85"/>
      <c r="AV1731" s="85"/>
      <c r="AW1731" s="85"/>
      <c r="AX1731" s="85"/>
      <c r="AY1731" s="85"/>
      <c r="AZ1731" s="85"/>
      <c r="BA1731" s="85"/>
      <c r="BB1731" s="85"/>
      <c r="BC1731" s="85"/>
      <c r="BD1731" s="85"/>
      <c r="BE1731" s="85"/>
      <c r="BF1731" s="85"/>
      <c r="BG1731" s="85"/>
      <c r="BH1731" s="85"/>
      <c r="BI1731" s="85"/>
      <c r="BJ1731" s="85"/>
      <c r="BK1731" s="85"/>
      <c r="BL1731" s="85"/>
      <c r="BM1731" s="85"/>
      <c r="BN1731" s="85"/>
      <c r="BO1731" s="85"/>
      <c r="BP1731" s="85"/>
      <c r="BQ1731" s="85"/>
      <c r="BR1731" s="85"/>
      <c r="BS1731" s="85"/>
      <c r="BT1731" s="85"/>
      <c r="BU1731" s="85"/>
      <c r="BV1731" s="85"/>
      <c r="BW1731" s="85"/>
      <c r="BX1731" s="85"/>
      <c r="BY1731" s="85"/>
      <c r="BZ1731" s="85"/>
      <c r="CA1731" s="85"/>
      <c r="CB1731" s="85"/>
      <c r="CC1731" s="85"/>
      <c r="CD1731" s="85"/>
      <c r="CE1731" s="85"/>
      <c r="CF1731" s="85"/>
      <c r="CG1731" s="85"/>
    </row>
    <row r="1732" spans="1:85" s="9" customFormat="1" x14ac:dyDescent="0.2">
      <c r="A1732" s="85"/>
      <c r="J1732" s="85"/>
      <c r="K1732" s="85"/>
      <c r="L1732" s="85"/>
      <c r="M1732" s="85"/>
      <c r="N1732" s="85"/>
      <c r="O1732" s="85"/>
      <c r="P1732" s="85"/>
      <c r="Q1732" s="85"/>
      <c r="R1732" s="85"/>
      <c r="S1732" s="85"/>
      <c r="T1732" s="85"/>
      <c r="U1732" s="85"/>
      <c r="V1732" s="85"/>
      <c r="W1732" s="85"/>
      <c r="X1732" s="85"/>
      <c r="Y1732" s="85"/>
      <c r="Z1732" s="85"/>
      <c r="AA1732" s="85"/>
      <c r="AB1732" s="85"/>
      <c r="AC1732" s="85"/>
      <c r="AD1732" s="85"/>
      <c r="AE1732" s="85"/>
      <c r="AF1732" s="85"/>
      <c r="AG1732" s="85"/>
      <c r="AH1732" s="85"/>
      <c r="AI1732" s="85"/>
      <c r="AJ1732" s="85"/>
      <c r="AK1732" s="85"/>
      <c r="AL1732" s="85"/>
      <c r="AM1732" s="85"/>
      <c r="AN1732" s="85"/>
      <c r="AO1732" s="85"/>
      <c r="AP1732" s="85"/>
      <c r="AQ1732" s="85"/>
      <c r="AR1732" s="85"/>
      <c r="AS1732" s="85"/>
      <c r="AT1732" s="85"/>
      <c r="AU1732" s="85"/>
      <c r="AV1732" s="85"/>
      <c r="AW1732" s="85"/>
      <c r="AX1732" s="85"/>
      <c r="AY1732" s="85"/>
      <c r="AZ1732" s="85"/>
      <c r="BA1732" s="85"/>
      <c r="BB1732" s="85"/>
      <c r="BC1732" s="85"/>
      <c r="BD1732" s="85"/>
      <c r="BE1732" s="85"/>
      <c r="BF1732" s="85"/>
      <c r="BG1732" s="85"/>
      <c r="BH1732" s="85"/>
      <c r="BI1732" s="85"/>
      <c r="BJ1732" s="85"/>
      <c r="BK1732" s="85"/>
      <c r="BL1732" s="85"/>
      <c r="BM1732" s="85"/>
      <c r="BN1732" s="85"/>
      <c r="BO1732" s="85"/>
      <c r="BP1732" s="85"/>
      <c r="BQ1732" s="85"/>
      <c r="BR1732" s="85"/>
      <c r="BS1732" s="85"/>
      <c r="BT1732" s="85"/>
      <c r="BU1732" s="85"/>
      <c r="BV1732" s="85"/>
      <c r="BW1732" s="85"/>
      <c r="BX1732" s="85"/>
      <c r="BY1732" s="85"/>
      <c r="BZ1732" s="85"/>
      <c r="CA1732" s="85"/>
      <c r="CB1732" s="85"/>
      <c r="CC1732" s="85"/>
      <c r="CD1732" s="85"/>
      <c r="CE1732" s="85"/>
      <c r="CF1732" s="85"/>
      <c r="CG1732" s="85"/>
    </row>
    <row r="1733" spans="1:85" s="9" customFormat="1" x14ac:dyDescent="0.2">
      <c r="A1733" s="85"/>
      <c r="J1733" s="85"/>
      <c r="K1733" s="85"/>
      <c r="L1733" s="85"/>
      <c r="M1733" s="85"/>
      <c r="N1733" s="85"/>
      <c r="O1733" s="85"/>
      <c r="P1733" s="85"/>
      <c r="Q1733" s="85"/>
      <c r="R1733" s="85"/>
      <c r="S1733" s="85"/>
      <c r="T1733" s="85"/>
      <c r="U1733" s="85"/>
      <c r="V1733" s="85"/>
      <c r="W1733" s="85"/>
      <c r="X1733" s="85"/>
      <c r="Y1733" s="85"/>
      <c r="Z1733" s="85"/>
      <c r="AA1733" s="85"/>
      <c r="AB1733" s="85"/>
      <c r="AC1733" s="85"/>
      <c r="AD1733" s="85"/>
      <c r="AE1733" s="85"/>
      <c r="AF1733" s="85"/>
      <c r="AG1733" s="85"/>
      <c r="AH1733" s="85"/>
      <c r="AI1733" s="85"/>
      <c r="AJ1733" s="85"/>
      <c r="AK1733" s="85"/>
      <c r="AL1733" s="85"/>
      <c r="AM1733" s="85"/>
      <c r="AN1733" s="85"/>
      <c r="AO1733" s="85"/>
      <c r="AP1733" s="85"/>
      <c r="AQ1733" s="85"/>
      <c r="AR1733" s="85"/>
      <c r="AS1733" s="85"/>
      <c r="AT1733" s="85"/>
      <c r="AU1733" s="85"/>
      <c r="AV1733" s="85"/>
      <c r="AW1733" s="85"/>
      <c r="AX1733" s="85"/>
      <c r="AY1733" s="85"/>
      <c r="AZ1733" s="85"/>
      <c r="BA1733" s="85"/>
      <c r="BB1733" s="85"/>
      <c r="BC1733" s="85"/>
      <c r="BD1733" s="85"/>
      <c r="BE1733" s="85"/>
      <c r="BF1733" s="85"/>
      <c r="BG1733" s="85"/>
      <c r="BH1733" s="85"/>
      <c r="BI1733" s="85"/>
      <c r="BJ1733" s="85"/>
      <c r="BK1733" s="85"/>
      <c r="BL1733" s="85"/>
      <c r="BM1733" s="85"/>
      <c r="BN1733" s="85"/>
      <c r="BO1733" s="85"/>
      <c r="BP1733" s="85"/>
      <c r="BQ1733" s="85"/>
      <c r="BR1733" s="85"/>
      <c r="BS1733" s="85"/>
      <c r="BT1733" s="85"/>
      <c r="BU1733" s="85"/>
      <c r="BV1733" s="85"/>
      <c r="BW1733" s="85"/>
      <c r="BX1733" s="85"/>
      <c r="BY1733" s="85"/>
      <c r="BZ1733" s="85"/>
      <c r="CA1733" s="85"/>
      <c r="CB1733" s="85"/>
      <c r="CC1733" s="85"/>
      <c r="CD1733" s="85"/>
      <c r="CE1733" s="85"/>
      <c r="CF1733" s="85"/>
      <c r="CG1733" s="85"/>
    </row>
    <row r="1734" spans="1:85" s="9" customFormat="1" x14ac:dyDescent="0.2">
      <c r="A1734" s="85"/>
      <c r="J1734" s="85"/>
      <c r="K1734" s="85"/>
      <c r="L1734" s="85"/>
      <c r="M1734" s="85"/>
      <c r="N1734" s="85"/>
      <c r="O1734" s="85"/>
      <c r="P1734" s="85"/>
      <c r="Q1734" s="85"/>
      <c r="R1734" s="85"/>
      <c r="S1734" s="85"/>
      <c r="T1734" s="85"/>
      <c r="U1734" s="85"/>
      <c r="V1734" s="85"/>
      <c r="W1734" s="85"/>
      <c r="X1734" s="85"/>
      <c r="Y1734" s="85"/>
      <c r="Z1734" s="85"/>
      <c r="AA1734" s="85"/>
      <c r="AB1734" s="85"/>
      <c r="AC1734" s="85"/>
      <c r="AD1734" s="85"/>
      <c r="AE1734" s="85"/>
      <c r="AF1734" s="85"/>
      <c r="AG1734" s="85"/>
      <c r="AH1734" s="85"/>
      <c r="AI1734" s="85"/>
      <c r="AJ1734" s="85"/>
      <c r="AK1734" s="85"/>
      <c r="AL1734" s="85"/>
      <c r="AM1734" s="85"/>
      <c r="AN1734" s="85"/>
      <c r="AO1734" s="85"/>
      <c r="AP1734" s="85"/>
      <c r="AQ1734" s="85"/>
      <c r="AR1734" s="85"/>
      <c r="AS1734" s="85"/>
      <c r="AT1734" s="85"/>
      <c r="AU1734" s="85"/>
      <c r="AV1734" s="85"/>
      <c r="AW1734" s="85"/>
      <c r="AX1734" s="85"/>
      <c r="AY1734" s="85"/>
      <c r="AZ1734" s="85"/>
      <c r="BA1734" s="85"/>
      <c r="BB1734" s="85"/>
      <c r="BC1734" s="85"/>
      <c r="BD1734" s="85"/>
      <c r="BE1734" s="85"/>
      <c r="BF1734" s="85"/>
      <c r="BG1734" s="85"/>
      <c r="BH1734" s="85"/>
      <c r="BI1734" s="85"/>
      <c r="BJ1734" s="85"/>
      <c r="BK1734" s="85"/>
      <c r="BL1734" s="85"/>
      <c r="BM1734" s="85"/>
      <c r="BN1734" s="85"/>
      <c r="BO1734" s="85"/>
      <c r="BP1734" s="85"/>
      <c r="BQ1734" s="85"/>
      <c r="BR1734" s="85"/>
      <c r="BS1734" s="85"/>
      <c r="BT1734" s="85"/>
      <c r="BU1734" s="85"/>
      <c r="BV1734" s="85"/>
      <c r="BW1734" s="85"/>
      <c r="BX1734" s="85"/>
      <c r="BY1734" s="85"/>
      <c r="BZ1734" s="85"/>
      <c r="CA1734" s="85"/>
      <c r="CB1734" s="85"/>
      <c r="CC1734" s="85"/>
      <c r="CD1734" s="85"/>
      <c r="CE1734" s="85"/>
      <c r="CF1734" s="85"/>
      <c r="CG1734" s="85"/>
    </row>
    <row r="1735" spans="1:85" s="9" customFormat="1" x14ac:dyDescent="0.2">
      <c r="A1735" s="85"/>
      <c r="J1735" s="85"/>
      <c r="K1735" s="85"/>
      <c r="L1735" s="85"/>
      <c r="M1735" s="85"/>
      <c r="N1735" s="85"/>
      <c r="O1735" s="85"/>
      <c r="P1735" s="85"/>
      <c r="Q1735" s="85"/>
      <c r="R1735" s="85"/>
      <c r="S1735" s="85"/>
      <c r="T1735" s="85"/>
      <c r="U1735" s="85"/>
      <c r="V1735" s="85"/>
      <c r="W1735" s="85"/>
      <c r="X1735" s="85"/>
      <c r="Y1735" s="85"/>
      <c r="Z1735" s="85"/>
      <c r="AA1735" s="85"/>
      <c r="AB1735" s="85"/>
      <c r="AC1735" s="85"/>
      <c r="AD1735" s="85"/>
      <c r="AE1735" s="85"/>
      <c r="AF1735" s="85"/>
      <c r="AG1735" s="85"/>
      <c r="AH1735" s="85"/>
      <c r="AI1735" s="85"/>
      <c r="AJ1735" s="85"/>
      <c r="AK1735" s="85"/>
      <c r="AL1735" s="85"/>
      <c r="AM1735" s="85"/>
      <c r="AN1735" s="85"/>
      <c r="AO1735" s="85"/>
      <c r="AP1735" s="85"/>
      <c r="AQ1735" s="85"/>
      <c r="AR1735" s="85"/>
      <c r="AS1735" s="85"/>
      <c r="AT1735" s="85"/>
      <c r="AU1735" s="85"/>
      <c r="AV1735" s="85"/>
      <c r="AW1735" s="85"/>
      <c r="AX1735" s="85"/>
      <c r="AY1735" s="85"/>
      <c r="AZ1735" s="85"/>
      <c r="BA1735" s="85"/>
      <c r="BB1735" s="85"/>
      <c r="BC1735" s="85"/>
      <c r="BD1735" s="85"/>
      <c r="BE1735" s="85"/>
      <c r="BF1735" s="85"/>
      <c r="BG1735" s="85"/>
      <c r="BH1735" s="85"/>
      <c r="BI1735" s="85"/>
      <c r="BJ1735" s="85"/>
      <c r="BK1735" s="85"/>
      <c r="BL1735" s="85"/>
      <c r="BM1735" s="85"/>
      <c r="BN1735" s="85"/>
      <c r="BO1735" s="85"/>
      <c r="BP1735" s="85"/>
      <c r="BQ1735" s="85"/>
      <c r="BR1735" s="85"/>
      <c r="BS1735" s="85"/>
      <c r="BT1735" s="85"/>
      <c r="BU1735" s="85"/>
      <c r="BV1735" s="85"/>
      <c r="BW1735" s="85"/>
      <c r="BX1735" s="85"/>
      <c r="BY1735" s="85"/>
      <c r="BZ1735" s="85"/>
      <c r="CA1735" s="85"/>
      <c r="CB1735" s="85"/>
      <c r="CC1735" s="85"/>
      <c r="CD1735" s="85"/>
      <c r="CE1735" s="85"/>
      <c r="CF1735" s="85"/>
      <c r="CG1735" s="85"/>
    </row>
    <row r="1736" spans="1:85" s="9" customFormat="1" x14ac:dyDescent="0.2">
      <c r="A1736" s="85"/>
      <c r="J1736" s="85"/>
      <c r="K1736" s="85"/>
      <c r="L1736" s="85"/>
      <c r="M1736" s="85"/>
      <c r="N1736" s="85"/>
      <c r="O1736" s="85"/>
      <c r="P1736" s="85"/>
      <c r="Q1736" s="85"/>
      <c r="R1736" s="85"/>
      <c r="S1736" s="85"/>
      <c r="T1736" s="85"/>
      <c r="U1736" s="85"/>
      <c r="V1736" s="85"/>
      <c r="W1736" s="85"/>
      <c r="X1736" s="85"/>
      <c r="Y1736" s="85"/>
      <c r="Z1736" s="85"/>
      <c r="AA1736" s="85"/>
      <c r="AB1736" s="85"/>
      <c r="AC1736" s="85"/>
      <c r="AD1736" s="85"/>
      <c r="AE1736" s="85"/>
      <c r="AF1736" s="85"/>
      <c r="AG1736" s="85"/>
      <c r="AH1736" s="85"/>
      <c r="AI1736" s="85"/>
      <c r="AJ1736" s="85"/>
      <c r="AK1736" s="85"/>
      <c r="AL1736" s="85"/>
      <c r="AM1736" s="85"/>
      <c r="AN1736" s="85"/>
      <c r="AO1736" s="85"/>
      <c r="AP1736" s="85"/>
      <c r="AQ1736" s="85"/>
      <c r="AR1736" s="85"/>
      <c r="AS1736" s="85"/>
      <c r="AT1736" s="85"/>
      <c r="AU1736" s="85"/>
      <c r="AV1736" s="85"/>
      <c r="AW1736" s="85"/>
      <c r="AX1736" s="85"/>
      <c r="AY1736" s="85"/>
      <c r="AZ1736" s="85"/>
      <c r="BA1736" s="85"/>
      <c r="BB1736" s="85"/>
      <c r="BC1736" s="85"/>
      <c r="BD1736" s="85"/>
      <c r="BE1736" s="85"/>
      <c r="BF1736" s="85"/>
      <c r="BG1736" s="85"/>
      <c r="BH1736" s="85"/>
      <c r="BI1736" s="85"/>
      <c r="BJ1736" s="85"/>
      <c r="BK1736" s="85"/>
      <c r="BL1736" s="85"/>
      <c r="BM1736" s="85"/>
      <c r="BN1736" s="85"/>
      <c r="BO1736" s="85"/>
      <c r="BP1736" s="85"/>
      <c r="BQ1736" s="85"/>
      <c r="BR1736" s="85"/>
      <c r="BS1736" s="85"/>
      <c r="BT1736" s="85"/>
      <c r="BU1736" s="85"/>
      <c r="BV1736" s="85"/>
      <c r="BW1736" s="85"/>
      <c r="BX1736" s="85"/>
      <c r="BY1736" s="85"/>
      <c r="BZ1736" s="85"/>
      <c r="CA1736" s="85"/>
      <c r="CB1736" s="85"/>
      <c r="CC1736" s="85"/>
      <c r="CD1736" s="85"/>
      <c r="CE1736" s="85"/>
      <c r="CF1736" s="85"/>
      <c r="CG1736" s="85"/>
    </row>
    <row r="1737" spans="1:85" s="9" customFormat="1" x14ac:dyDescent="0.2">
      <c r="A1737" s="85"/>
      <c r="J1737" s="85"/>
      <c r="K1737" s="85"/>
      <c r="L1737" s="85"/>
      <c r="M1737" s="85"/>
      <c r="N1737" s="85"/>
      <c r="O1737" s="85"/>
      <c r="P1737" s="85"/>
      <c r="Q1737" s="85"/>
      <c r="R1737" s="85"/>
      <c r="S1737" s="85"/>
      <c r="T1737" s="85"/>
      <c r="U1737" s="85"/>
      <c r="V1737" s="85"/>
      <c r="W1737" s="85"/>
      <c r="X1737" s="85"/>
      <c r="Y1737" s="85"/>
      <c r="Z1737" s="85"/>
      <c r="AA1737" s="85"/>
      <c r="AB1737" s="85"/>
      <c r="AC1737" s="85"/>
      <c r="AD1737" s="85"/>
      <c r="AE1737" s="85"/>
      <c r="AF1737" s="85"/>
      <c r="AG1737" s="85"/>
      <c r="AH1737" s="85"/>
      <c r="AI1737" s="85"/>
      <c r="AJ1737" s="85"/>
      <c r="AK1737" s="85"/>
      <c r="AL1737" s="85"/>
      <c r="AM1737" s="85"/>
      <c r="AN1737" s="85"/>
      <c r="AO1737" s="85"/>
      <c r="AP1737" s="85"/>
      <c r="AQ1737" s="85"/>
      <c r="AR1737" s="85"/>
      <c r="AS1737" s="85"/>
      <c r="AT1737" s="85"/>
      <c r="AU1737" s="85"/>
      <c r="AV1737" s="85"/>
      <c r="AW1737" s="85"/>
      <c r="AX1737" s="85"/>
      <c r="AY1737" s="85"/>
      <c r="AZ1737" s="85"/>
      <c r="BA1737" s="85"/>
      <c r="BB1737" s="85"/>
      <c r="BC1737" s="85"/>
      <c r="BD1737" s="85"/>
      <c r="BE1737" s="85"/>
      <c r="BF1737" s="85"/>
      <c r="BG1737" s="85"/>
      <c r="BH1737" s="85"/>
      <c r="BI1737" s="85"/>
      <c r="BJ1737" s="85"/>
      <c r="BK1737" s="85"/>
      <c r="BL1737" s="85"/>
      <c r="BM1737" s="85"/>
      <c r="BN1737" s="85"/>
      <c r="BO1737" s="85"/>
      <c r="BP1737" s="85"/>
      <c r="BQ1737" s="85"/>
      <c r="BR1737" s="85"/>
      <c r="BS1737" s="85"/>
      <c r="BT1737" s="85"/>
      <c r="BU1737" s="85"/>
      <c r="BV1737" s="85"/>
      <c r="BW1737" s="85"/>
      <c r="BX1737" s="85"/>
      <c r="BY1737" s="85"/>
      <c r="BZ1737" s="85"/>
      <c r="CA1737" s="85"/>
      <c r="CB1737" s="85"/>
      <c r="CC1737" s="85"/>
      <c r="CD1737" s="85"/>
      <c r="CE1737" s="85"/>
      <c r="CF1737" s="85"/>
      <c r="CG1737" s="85"/>
    </row>
    <row r="1738" spans="1:85" s="9" customFormat="1" x14ac:dyDescent="0.2">
      <c r="A1738" s="85"/>
      <c r="J1738" s="85"/>
      <c r="K1738" s="85"/>
      <c r="L1738" s="85"/>
      <c r="M1738" s="85"/>
      <c r="N1738" s="85"/>
      <c r="O1738" s="85"/>
      <c r="P1738" s="85"/>
      <c r="Q1738" s="85"/>
      <c r="R1738" s="85"/>
      <c r="S1738" s="85"/>
      <c r="T1738" s="85"/>
      <c r="U1738" s="85"/>
      <c r="V1738" s="85"/>
      <c r="W1738" s="85"/>
      <c r="X1738" s="85"/>
      <c r="Y1738" s="85"/>
      <c r="Z1738" s="85"/>
      <c r="AA1738" s="85"/>
      <c r="AB1738" s="85"/>
      <c r="AC1738" s="85"/>
      <c r="AD1738" s="85"/>
      <c r="AE1738" s="85"/>
      <c r="AF1738" s="85"/>
      <c r="AG1738" s="85"/>
      <c r="AH1738" s="85"/>
      <c r="AI1738" s="85"/>
      <c r="AJ1738" s="85"/>
      <c r="AK1738" s="85"/>
      <c r="AL1738" s="85"/>
      <c r="AM1738" s="85"/>
      <c r="AN1738" s="85"/>
      <c r="AO1738" s="85"/>
      <c r="AP1738" s="85"/>
      <c r="AQ1738" s="85"/>
      <c r="AR1738" s="85"/>
      <c r="AS1738" s="85"/>
      <c r="AT1738" s="85"/>
      <c r="AU1738" s="85"/>
      <c r="AV1738" s="85"/>
      <c r="AW1738" s="85"/>
      <c r="AX1738" s="85"/>
      <c r="AY1738" s="85"/>
      <c r="AZ1738" s="85"/>
      <c r="BA1738" s="85"/>
      <c r="BB1738" s="85"/>
      <c r="BC1738" s="85"/>
      <c r="BD1738" s="85"/>
      <c r="BE1738" s="85"/>
      <c r="BF1738" s="85"/>
      <c r="BG1738" s="85"/>
      <c r="BH1738" s="85"/>
      <c r="BI1738" s="85"/>
      <c r="BJ1738" s="85"/>
      <c r="BK1738" s="85"/>
      <c r="BL1738" s="85"/>
      <c r="BM1738" s="85"/>
      <c r="BN1738" s="85"/>
      <c r="BO1738" s="85"/>
      <c r="BP1738" s="85"/>
      <c r="BQ1738" s="85"/>
      <c r="BR1738" s="85"/>
      <c r="BS1738" s="85"/>
      <c r="BT1738" s="85"/>
      <c r="BU1738" s="85"/>
      <c r="BV1738" s="85"/>
      <c r="BW1738" s="85"/>
      <c r="BX1738" s="85"/>
      <c r="BY1738" s="85"/>
      <c r="BZ1738" s="85"/>
      <c r="CA1738" s="85"/>
      <c r="CB1738" s="85"/>
      <c r="CC1738" s="85"/>
      <c r="CD1738" s="85"/>
      <c r="CE1738" s="85"/>
      <c r="CF1738" s="85"/>
      <c r="CG1738" s="85"/>
    </row>
    <row r="1739" spans="1:85" s="9" customFormat="1" x14ac:dyDescent="0.2">
      <c r="A1739" s="85"/>
      <c r="J1739" s="85"/>
      <c r="K1739" s="85"/>
      <c r="L1739" s="85"/>
      <c r="M1739" s="85"/>
      <c r="N1739" s="85"/>
      <c r="O1739" s="85"/>
      <c r="P1739" s="85"/>
      <c r="Q1739" s="85"/>
      <c r="R1739" s="85"/>
      <c r="S1739" s="85"/>
      <c r="T1739" s="85"/>
      <c r="U1739" s="85"/>
      <c r="V1739" s="85"/>
      <c r="W1739" s="85"/>
      <c r="X1739" s="85"/>
      <c r="Y1739" s="85"/>
      <c r="Z1739" s="85"/>
      <c r="AA1739" s="85"/>
      <c r="AB1739" s="85"/>
      <c r="AC1739" s="85"/>
      <c r="AD1739" s="85"/>
      <c r="AE1739" s="85"/>
      <c r="AF1739" s="85"/>
      <c r="AG1739" s="85"/>
      <c r="AH1739" s="85"/>
      <c r="AI1739" s="85"/>
      <c r="AJ1739" s="85"/>
      <c r="AK1739" s="85"/>
      <c r="AL1739" s="85"/>
      <c r="AM1739" s="85"/>
      <c r="AN1739" s="85"/>
      <c r="AO1739" s="85"/>
      <c r="AP1739" s="85"/>
      <c r="AQ1739" s="85"/>
      <c r="AR1739" s="85"/>
      <c r="AS1739" s="85"/>
      <c r="AT1739" s="85"/>
      <c r="AU1739" s="85"/>
      <c r="AV1739" s="85"/>
      <c r="AW1739" s="85"/>
      <c r="AX1739" s="85"/>
      <c r="AY1739" s="85"/>
      <c r="AZ1739" s="85"/>
      <c r="BA1739" s="85"/>
      <c r="BB1739" s="85"/>
      <c r="BC1739" s="85"/>
      <c r="BD1739" s="85"/>
      <c r="BE1739" s="85"/>
      <c r="BF1739" s="85"/>
      <c r="BG1739" s="85"/>
      <c r="BH1739" s="85"/>
      <c r="BI1739" s="85"/>
      <c r="BJ1739" s="85"/>
      <c r="BK1739" s="85"/>
      <c r="BL1739" s="85"/>
      <c r="BM1739" s="85"/>
      <c r="BN1739" s="85"/>
      <c r="BO1739" s="85"/>
      <c r="BP1739" s="85"/>
      <c r="BQ1739" s="85"/>
      <c r="BR1739" s="85"/>
      <c r="BS1739" s="85"/>
      <c r="BT1739" s="85"/>
      <c r="BU1739" s="85"/>
      <c r="BV1739" s="85"/>
      <c r="BW1739" s="85"/>
      <c r="BX1739" s="85"/>
      <c r="BY1739" s="85"/>
      <c r="BZ1739" s="85"/>
      <c r="CA1739" s="85"/>
      <c r="CB1739" s="85"/>
      <c r="CC1739" s="85"/>
      <c r="CD1739" s="85"/>
      <c r="CE1739" s="85"/>
      <c r="CF1739" s="85"/>
      <c r="CG1739" s="85"/>
    </row>
    <row r="1740" spans="1:85" s="9" customFormat="1" x14ac:dyDescent="0.2">
      <c r="A1740" s="85"/>
      <c r="J1740" s="85"/>
      <c r="K1740" s="85"/>
      <c r="L1740" s="85"/>
      <c r="M1740" s="85"/>
      <c r="N1740" s="85"/>
      <c r="O1740" s="85"/>
      <c r="P1740" s="85"/>
      <c r="Q1740" s="85"/>
      <c r="R1740" s="85"/>
      <c r="S1740" s="85"/>
      <c r="T1740" s="85"/>
      <c r="U1740" s="85"/>
      <c r="V1740" s="85"/>
      <c r="W1740" s="85"/>
      <c r="X1740" s="85"/>
      <c r="Y1740" s="85"/>
      <c r="Z1740" s="85"/>
      <c r="AA1740" s="85"/>
      <c r="AB1740" s="85"/>
      <c r="AC1740" s="85"/>
      <c r="AD1740" s="85"/>
      <c r="AE1740" s="85"/>
      <c r="AF1740" s="85"/>
      <c r="AG1740" s="85"/>
      <c r="AH1740" s="85"/>
      <c r="AI1740" s="85"/>
      <c r="AJ1740" s="85"/>
      <c r="AK1740" s="85"/>
      <c r="AL1740" s="85"/>
      <c r="AM1740" s="85"/>
      <c r="AN1740" s="85"/>
      <c r="AO1740" s="85"/>
      <c r="AP1740" s="85"/>
      <c r="AQ1740" s="85"/>
      <c r="AR1740" s="85"/>
      <c r="AS1740" s="85"/>
      <c r="AT1740" s="85"/>
      <c r="AU1740" s="85"/>
      <c r="AV1740" s="85"/>
      <c r="AW1740" s="85"/>
      <c r="AX1740" s="85"/>
      <c r="AY1740" s="85"/>
      <c r="AZ1740" s="85"/>
      <c r="BA1740" s="85"/>
      <c r="BB1740" s="85"/>
      <c r="BC1740" s="85"/>
      <c r="BD1740" s="85"/>
      <c r="BE1740" s="85"/>
      <c r="BF1740" s="85"/>
      <c r="BG1740" s="85"/>
      <c r="BH1740" s="85"/>
      <c r="BI1740" s="85"/>
      <c r="BJ1740" s="85"/>
      <c r="BK1740" s="85"/>
      <c r="BL1740" s="85"/>
      <c r="BM1740" s="85"/>
      <c r="BN1740" s="85"/>
      <c r="BO1740" s="85"/>
      <c r="BP1740" s="85"/>
      <c r="BQ1740" s="85"/>
      <c r="BR1740" s="85"/>
      <c r="BS1740" s="85"/>
      <c r="BT1740" s="85"/>
      <c r="BU1740" s="85"/>
      <c r="BV1740" s="85"/>
      <c r="BW1740" s="85"/>
      <c r="BX1740" s="85"/>
      <c r="BY1740" s="85"/>
      <c r="BZ1740" s="85"/>
      <c r="CA1740" s="85"/>
      <c r="CB1740" s="85"/>
      <c r="CC1740" s="85"/>
      <c r="CD1740" s="85"/>
      <c r="CE1740" s="85"/>
      <c r="CF1740" s="85"/>
      <c r="CG1740" s="85"/>
    </row>
    <row r="1741" spans="1:85" s="9" customFormat="1" x14ac:dyDescent="0.2">
      <c r="A1741" s="85"/>
      <c r="J1741" s="85"/>
      <c r="K1741" s="85"/>
      <c r="L1741" s="85"/>
      <c r="M1741" s="85"/>
      <c r="N1741" s="85"/>
      <c r="O1741" s="85"/>
      <c r="P1741" s="85"/>
      <c r="Q1741" s="85"/>
      <c r="R1741" s="85"/>
      <c r="S1741" s="85"/>
      <c r="T1741" s="85"/>
      <c r="U1741" s="85"/>
      <c r="V1741" s="85"/>
      <c r="W1741" s="85"/>
      <c r="X1741" s="85"/>
      <c r="Y1741" s="85"/>
      <c r="Z1741" s="85"/>
      <c r="AA1741" s="85"/>
      <c r="AB1741" s="85"/>
      <c r="AC1741" s="85"/>
      <c r="AD1741" s="85"/>
      <c r="AE1741" s="85"/>
      <c r="AF1741" s="85"/>
      <c r="AG1741" s="85"/>
      <c r="AH1741" s="85"/>
      <c r="AI1741" s="85"/>
      <c r="AJ1741" s="85"/>
      <c r="AK1741" s="85"/>
      <c r="AL1741" s="85"/>
      <c r="AM1741" s="85"/>
      <c r="AN1741" s="85"/>
      <c r="AO1741" s="85"/>
      <c r="AP1741" s="85"/>
      <c r="AQ1741" s="85"/>
      <c r="AR1741" s="85"/>
      <c r="AS1741" s="85"/>
      <c r="AT1741" s="85"/>
      <c r="AU1741" s="85"/>
      <c r="AV1741" s="85"/>
      <c r="AW1741" s="85"/>
      <c r="AX1741" s="85"/>
      <c r="AY1741" s="85"/>
      <c r="AZ1741" s="85"/>
      <c r="BA1741" s="85"/>
      <c r="BB1741" s="85"/>
      <c r="BC1741" s="85"/>
      <c r="BD1741" s="85"/>
      <c r="BE1741" s="85"/>
      <c r="BF1741" s="85"/>
      <c r="BG1741" s="85"/>
      <c r="BH1741" s="85"/>
      <c r="BI1741" s="85"/>
      <c r="BJ1741" s="85"/>
      <c r="BK1741" s="85"/>
      <c r="BL1741" s="85"/>
      <c r="BM1741" s="85"/>
      <c r="BN1741" s="85"/>
      <c r="BO1741" s="85"/>
      <c r="BP1741" s="85"/>
      <c r="BQ1741" s="85"/>
      <c r="BR1741" s="85"/>
      <c r="BS1741" s="85"/>
      <c r="BT1741" s="85"/>
      <c r="BU1741" s="85"/>
      <c r="BV1741" s="85"/>
      <c r="BW1741" s="85"/>
      <c r="BX1741" s="85"/>
      <c r="BY1741" s="85"/>
      <c r="BZ1741" s="85"/>
      <c r="CA1741" s="85"/>
      <c r="CB1741" s="85"/>
      <c r="CC1741" s="85"/>
      <c r="CD1741" s="85"/>
      <c r="CE1741" s="85"/>
      <c r="CF1741" s="85"/>
      <c r="CG1741" s="85"/>
    </row>
    <row r="1742" spans="1:85" s="9" customFormat="1" x14ac:dyDescent="0.2">
      <c r="A1742" s="85"/>
      <c r="J1742" s="85"/>
      <c r="K1742" s="85"/>
      <c r="L1742" s="85"/>
      <c r="M1742" s="85"/>
      <c r="N1742" s="85"/>
      <c r="O1742" s="85"/>
      <c r="P1742" s="85"/>
      <c r="Q1742" s="85"/>
      <c r="R1742" s="85"/>
      <c r="S1742" s="85"/>
      <c r="T1742" s="85"/>
      <c r="U1742" s="85"/>
      <c r="V1742" s="85"/>
      <c r="W1742" s="85"/>
      <c r="X1742" s="85"/>
      <c r="Y1742" s="85"/>
      <c r="Z1742" s="85"/>
      <c r="AA1742" s="85"/>
      <c r="AB1742" s="85"/>
      <c r="AC1742" s="85"/>
      <c r="AD1742" s="85"/>
      <c r="AE1742" s="85"/>
      <c r="AF1742" s="85"/>
      <c r="AG1742" s="85"/>
      <c r="AH1742" s="85"/>
      <c r="AI1742" s="85"/>
      <c r="AJ1742" s="85"/>
      <c r="AK1742" s="85"/>
      <c r="AL1742" s="85"/>
      <c r="AM1742" s="85"/>
      <c r="AN1742" s="85"/>
      <c r="AO1742" s="85"/>
      <c r="AP1742" s="85"/>
      <c r="AQ1742" s="85"/>
      <c r="AR1742" s="85"/>
      <c r="AS1742" s="85"/>
      <c r="AT1742" s="85"/>
      <c r="AU1742" s="85"/>
      <c r="AV1742" s="85"/>
      <c r="AW1742" s="85"/>
      <c r="AX1742" s="85"/>
      <c r="AY1742" s="85"/>
      <c r="AZ1742" s="85"/>
      <c r="BA1742" s="85"/>
      <c r="BB1742" s="85"/>
      <c r="BC1742" s="85"/>
      <c r="BD1742" s="85"/>
      <c r="BE1742" s="85"/>
      <c r="BF1742" s="85"/>
      <c r="BG1742" s="85"/>
      <c r="BH1742" s="85"/>
      <c r="BI1742" s="85"/>
      <c r="BJ1742" s="85"/>
      <c r="BK1742" s="85"/>
      <c r="BL1742" s="85"/>
      <c r="BM1742" s="85"/>
      <c r="BN1742" s="85"/>
      <c r="BO1742" s="85"/>
      <c r="BP1742" s="85"/>
      <c r="BQ1742" s="85"/>
      <c r="BR1742" s="85"/>
      <c r="BS1742" s="85"/>
      <c r="BT1742" s="85"/>
      <c r="BU1742" s="85"/>
      <c r="BV1742" s="85"/>
      <c r="BW1742" s="85"/>
      <c r="BX1742" s="85"/>
      <c r="BY1742" s="85"/>
      <c r="BZ1742" s="85"/>
      <c r="CA1742" s="85"/>
      <c r="CB1742" s="85"/>
      <c r="CC1742" s="85"/>
      <c r="CD1742" s="85"/>
      <c r="CE1742" s="85"/>
      <c r="CF1742" s="85"/>
      <c r="CG1742" s="85"/>
    </row>
    <row r="1743" spans="1:85" s="9" customFormat="1" x14ac:dyDescent="0.2">
      <c r="A1743" s="85"/>
      <c r="J1743" s="85"/>
      <c r="K1743" s="85"/>
      <c r="L1743" s="85"/>
      <c r="M1743" s="85"/>
      <c r="N1743" s="85"/>
      <c r="O1743" s="85"/>
      <c r="P1743" s="85"/>
      <c r="Q1743" s="85"/>
      <c r="R1743" s="85"/>
      <c r="S1743" s="85"/>
      <c r="T1743" s="85"/>
      <c r="U1743" s="85"/>
      <c r="V1743" s="85"/>
      <c r="W1743" s="85"/>
      <c r="X1743" s="85"/>
      <c r="Y1743" s="85"/>
      <c r="Z1743" s="85"/>
      <c r="AA1743" s="85"/>
      <c r="AB1743" s="85"/>
      <c r="AC1743" s="85"/>
      <c r="AD1743" s="85"/>
      <c r="AE1743" s="85"/>
      <c r="AF1743" s="85"/>
      <c r="AG1743" s="85"/>
      <c r="AH1743" s="85"/>
      <c r="AI1743" s="85"/>
      <c r="AJ1743" s="85"/>
      <c r="AK1743" s="85"/>
      <c r="AL1743" s="85"/>
      <c r="AM1743" s="85"/>
      <c r="AN1743" s="85"/>
      <c r="AO1743" s="85"/>
      <c r="AP1743" s="85"/>
      <c r="AQ1743" s="85"/>
      <c r="AR1743" s="85"/>
      <c r="AS1743" s="85"/>
      <c r="AT1743" s="85"/>
      <c r="AU1743" s="85"/>
      <c r="AV1743" s="85"/>
      <c r="AW1743" s="85"/>
      <c r="AX1743" s="85"/>
      <c r="AY1743" s="85"/>
      <c r="AZ1743" s="85"/>
      <c r="BA1743" s="85"/>
      <c r="BB1743" s="85"/>
      <c r="BC1743" s="85"/>
      <c r="BD1743" s="85"/>
      <c r="BE1743" s="85"/>
      <c r="BF1743" s="85"/>
      <c r="BG1743" s="85"/>
      <c r="BH1743" s="85"/>
      <c r="BI1743" s="85"/>
      <c r="BJ1743" s="85"/>
      <c r="BK1743" s="85"/>
      <c r="BL1743" s="85"/>
      <c r="BM1743" s="85"/>
      <c r="BN1743" s="85"/>
      <c r="BO1743" s="85"/>
      <c r="BP1743" s="85"/>
      <c r="BQ1743" s="85"/>
      <c r="BR1743" s="85"/>
      <c r="BS1743" s="85"/>
      <c r="BT1743" s="85"/>
      <c r="BU1743" s="85"/>
      <c r="BV1743" s="85"/>
      <c r="BW1743" s="85"/>
      <c r="BX1743" s="85"/>
      <c r="BY1743" s="85"/>
      <c r="BZ1743" s="85"/>
      <c r="CA1743" s="85"/>
      <c r="CB1743" s="85"/>
      <c r="CC1743" s="85"/>
      <c r="CD1743" s="85"/>
      <c r="CE1743" s="85"/>
      <c r="CF1743" s="85"/>
      <c r="CG1743" s="85"/>
    </row>
    <row r="1744" spans="1:85" s="9" customFormat="1" x14ac:dyDescent="0.2">
      <c r="A1744" s="85"/>
      <c r="J1744" s="85"/>
      <c r="K1744" s="85"/>
      <c r="L1744" s="85"/>
      <c r="M1744" s="85"/>
      <c r="N1744" s="85"/>
      <c r="O1744" s="85"/>
      <c r="P1744" s="85"/>
      <c r="Q1744" s="85"/>
      <c r="R1744" s="85"/>
      <c r="S1744" s="85"/>
      <c r="T1744" s="85"/>
      <c r="U1744" s="85"/>
      <c r="V1744" s="85"/>
      <c r="W1744" s="85"/>
      <c r="X1744" s="85"/>
      <c r="Y1744" s="85"/>
      <c r="Z1744" s="85"/>
      <c r="AA1744" s="85"/>
      <c r="AB1744" s="85"/>
      <c r="AC1744" s="85"/>
      <c r="AD1744" s="85"/>
      <c r="AE1744" s="85"/>
      <c r="AF1744" s="85"/>
      <c r="AG1744" s="85"/>
      <c r="AH1744" s="85"/>
      <c r="AI1744" s="85"/>
      <c r="AJ1744" s="85"/>
      <c r="AK1744" s="85"/>
      <c r="AL1744" s="85"/>
      <c r="AM1744" s="85"/>
      <c r="AN1744" s="85"/>
      <c r="AO1744" s="85"/>
      <c r="AP1744" s="85"/>
      <c r="AQ1744" s="85"/>
      <c r="AR1744" s="85"/>
      <c r="AS1744" s="85"/>
      <c r="AT1744" s="85"/>
      <c r="AU1744" s="85"/>
      <c r="AV1744" s="85"/>
      <c r="AW1744" s="85"/>
      <c r="AX1744" s="85"/>
      <c r="AY1744" s="85"/>
      <c r="AZ1744" s="85"/>
      <c r="BA1744" s="85"/>
      <c r="BB1744" s="85"/>
      <c r="BC1744" s="85"/>
      <c r="BD1744" s="85"/>
      <c r="BE1744" s="85"/>
      <c r="BF1744" s="85"/>
      <c r="BG1744" s="85"/>
      <c r="BH1744" s="85"/>
      <c r="BI1744" s="85"/>
      <c r="BJ1744" s="85"/>
      <c r="BK1744" s="85"/>
      <c r="BL1744" s="85"/>
      <c r="BM1744" s="85"/>
      <c r="BN1744" s="85"/>
      <c r="BO1744" s="85"/>
      <c r="BP1744" s="85"/>
      <c r="BQ1744" s="85"/>
      <c r="BR1744" s="85"/>
      <c r="BS1744" s="85"/>
      <c r="BT1744" s="85"/>
      <c r="BU1744" s="85"/>
      <c r="BV1744" s="85"/>
      <c r="BW1744" s="85"/>
      <c r="BX1744" s="85"/>
      <c r="BY1744" s="85"/>
      <c r="BZ1744" s="85"/>
      <c r="CA1744" s="85"/>
      <c r="CB1744" s="85"/>
      <c r="CC1744" s="85"/>
      <c r="CD1744" s="85"/>
      <c r="CE1744" s="85"/>
      <c r="CF1744" s="85"/>
      <c r="CG1744" s="85"/>
    </row>
    <row r="1745" spans="1:85" s="9" customFormat="1" x14ac:dyDescent="0.2">
      <c r="A1745" s="85"/>
      <c r="J1745" s="85"/>
      <c r="K1745" s="85"/>
      <c r="L1745" s="85"/>
      <c r="M1745" s="85"/>
      <c r="N1745" s="85"/>
      <c r="O1745" s="85"/>
      <c r="P1745" s="85"/>
      <c r="Q1745" s="85"/>
      <c r="R1745" s="85"/>
      <c r="S1745" s="85"/>
      <c r="T1745" s="85"/>
      <c r="U1745" s="85"/>
      <c r="V1745" s="85"/>
      <c r="W1745" s="85"/>
      <c r="X1745" s="85"/>
      <c r="Y1745" s="85"/>
      <c r="Z1745" s="85"/>
      <c r="AA1745" s="85"/>
      <c r="AB1745" s="85"/>
      <c r="AC1745" s="85"/>
      <c r="AD1745" s="85"/>
      <c r="AE1745" s="85"/>
      <c r="AF1745" s="85"/>
      <c r="AG1745" s="85"/>
      <c r="AH1745" s="85"/>
      <c r="AI1745" s="85"/>
      <c r="AJ1745" s="85"/>
      <c r="AK1745" s="85"/>
      <c r="AL1745" s="85"/>
      <c r="AM1745" s="85"/>
      <c r="AN1745" s="85"/>
      <c r="AO1745" s="85"/>
      <c r="AP1745" s="85"/>
      <c r="AQ1745" s="85"/>
      <c r="AR1745" s="85"/>
      <c r="AS1745" s="85"/>
      <c r="AT1745" s="85"/>
      <c r="AU1745" s="85"/>
      <c r="AV1745" s="85"/>
      <c r="AW1745" s="85"/>
      <c r="AX1745" s="85"/>
      <c r="AY1745" s="85"/>
      <c r="AZ1745" s="85"/>
      <c r="BA1745" s="85"/>
      <c r="BB1745" s="85"/>
      <c r="BC1745" s="85"/>
      <c r="BD1745" s="85"/>
      <c r="BE1745" s="85"/>
      <c r="BF1745" s="85"/>
      <c r="BG1745" s="85"/>
      <c r="BH1745" s="85"/>
      <c r="BI1745" s="85"/>
      <c r="BJ1745" s="85"/>
      <c r="BK1745" s="85"/>
      <c r="BL1745" s="85"/>
      <c r="BM1745" s="85"/>
      <c r="BN1745" s="85"/>
      <c r="BO1745" s="85"/>
      <c r="BP1745" s="85"/>
      <c r="BQ1745" s="85"/>
      <c r="BR1745" s="85"/>
      <c r="BS1745" s="85"/>
      <c r="BT1745" s="85"/>
      <c r="BU1745" s="85"/>
      <c r="BV1745" s="85"/>
      <c r="BW1745" s="85"/>
      <c r="BX1745" s="85"/>
      <c r="BY1745" s="85"/>
      <c r="BZ1745" s="85"/>
      <c r="CA1745" s="85"/>
      <c r="CB1745" s="85"/>
      <c r="CC1745" s="85"/>
      <c r="CD1745" s="85"/>
      <c r="CE1745" s="85"/>
      <c r="CF1745" s="85"/>
      <c r="CG1745" s="85"/>
    </row>
    <row r="1746" spans="1:85" s="9" customFormat="1" x14ac:dyDescent="0.2">
      <c r="A1746" s="85"/>
      <c r="J1746" s="85"/>
      <c r="K1746" s="85"/>
      <c r="L1746" s="85"/>
      <c r="M1746" s="85"/>
      <c r="N1746" s="85"/>
      <c r="O1746" s="85"/>
      <c r="P1746" s="85"/>
      <c r="Q1746" s="85"/>
      <c r="R1746" s="85"/>
      <c r="S1746" s="85"/>
      <c r="T1746" s="85"/>
      <c r="U1746" s="85"/>
      <c r="V1746" s="85"/>
      <c r="W1746" s="85"/>
      <c r="X1746" s="85"/>
      <c r="Y1746" s="85"/>
      <c r="Z1746" s="85"/>
      <c r="AA1746" s="85"/>
      <c r="AB1746" s="85"/>
      <c r="AC1746" s="85"/>
      <c r="AD1746" s="85"/>
      <c r="AE1746" s="85"/>
      <c r="AF1746" s="85"/>
      <c r="AG1746" s="85"/>
      <c r="AH1746" s="85"/>
      <c r="AI1746" s="85"/>
      <c r="AJ1746" s="85"/>
      <c r="AK1746" s="85"/>
      <c r="AL1746" s="85"/>
      <c r="AM1746" s="85"/>
      <c r="AN1746" s="85"/>
      <c r="AO1746" s="85"/>
      <c r="AP1746" s="85"/>
      <c r="AQ1746" s="85"/>
      <c r="AR1746" s="85"/>
      <c r="AS1746" s="85"/>
      <c r="AT1746" s="85"/>
      <c r="AU1746" s="85"/>
      <c r="AV1746" s="85"/>
      <c r="AW1746" s="85"/>
      <c r="AX1746" s="85"/>
      <c r="AY1746" s="85"/>
      <c r="AZ1746" s="85"/>
      <c r="BA1746" s="85"/>
      <c r="BB1746" s="85"/>
      <c r="BC1746" s="85"/>
      <c r="BD1746" s="85"/>
      <c r="BE1746" s="85"/>
      <c r="BF1746" s="85"/>
      <c r="BG1746" s="85"/>
      <c r="BH1746" s="85"/>
      <c r="BI1746" s="85"/>
      <c r="BJ1746" s="85"/>
      <c r="BK1746" s="85"/>
      <c r="BL1746" s="85"/>
      <c r="BM1746" s="85"/>
      <c r="BN1746" s="85"/>
      <c r="BO1746" s="85"/>
      <c r="BP1746" s="85"/>
      <c r="BQ1746" s="85"/>
      <c r="BR1746" s="85"/>
      <c r="BS1746" s="85"/>
      <c r="BT1746" s="85"/>
      <c r="BU1746" s="85"/>
      <c r="BV1746" s="85"/>
      <c r="BW1746" s="85"/>
      <c r="BX1746" s="85"/>
      <c r="BY1746" s="85"/>
      <c r="BZ1746" s="85"/>
      <c r="CA1746" s="85"/>
      <c r="CB1746" s="85"/>
      <c r="CC1746" s="85"/>
      <c r="CD1746" s="85"/>
      <c r="CE1746" s="85"/>
      <c r="CF1746" s="85"/>
      <c r="CG1746" s="85"/>
    </row>
    <row r="1747" spans="1:85" s="9" customFormat="1" x14ac:dyDescent="0.2">
      <c r="A1747" s="85"/>
      <c r="J1747" s="85"/>
      <c r="K1747" s="85"/>
      <c r="L1747" s="85"/>
      <c r="M1747" s="85"/>
      <c r="N1747" s="85"/>
      <c r="O1747" s="85"/>
      <c r="P1747" s="85"/>
      <c r="Q1747" s="85"/>
      <c r="R1747" s="85"/>
      <c r="S1747" s="85"/>
      <c r="T1747" s="85"/>
      <c r="U1747" s="85"/>
      <c r="V1747" s="85"/>
      <c r="W1747" s="85"/>
      <c r="X1747" s="85"/>
      <c r="Y1747" s="85"/>
      <c r="Z1747" s="85"/>
      <c r="AA1747" s="85"/>
      <c r="AB1747" s="85"/>
      <c r="AC1747" s="85"/>
      <c r="AD1747" s="85"/>
      <c r="AE1747" s="85"/>
      <c r="AF1747" s="85"/>
      <c r="AG1747" s="85"/>
      <c r="AH1747" s="85"/>
      <c r="AI1747" s="85"/>
      <c r="AJ1747" s="85"/>
      <c r="AK1747" s="85"/>
      <c r="AL1747" s="85"/>
      <c r="AM1747" s="85"/>
      <c r="AN1747" s="85"/>
      <c r="AO1747" s="85"/>
      <c r="AP1747" s="85"/>
      <c r="AQ1747" s="85"/>
      <c r="AR1747" s="85"/>
      <c r="AS1747" s="85"/>
      <c r="AT1747" s="85"/>
      <c r="AU1747" s="85"/>
      <c r="AV1747" s="85"/>
      <c r="AW1747" s="85"/>
      <c r="AX1747" s="85"/>
      <c r="AY1747" s="85"/>
      <c r="AZ1747" s="85"/>
      <c r="BA1747" s="85"/>
      <c r="BB1747" s="85"/>
      <c r="BC1747" s="85"/>
      <c r="BD1747" s="85"/>
      <c r="BE1747" s="85"/>
      <c r="BF1747" s="85"/>
      <c r="BG1747" s="85"/>
      <c r="BH1747" s="85"/>
      <c r="BI1747" s="85"/>
      <c r="BJ1747" s="85"/>
      <c r="BK1747" s="85"/>
      <c r="BL1747" s="85"/>
      <c r="BM1747" s="85"/>
      <c r="BN1747" s="85"/>
      <c r="BO1747" s="85"/>
      <c r="BP1747" s="85"/>
      <c r="BQ1747" s="85"/>
      <c r="BR1747" s="85"/>
      <c r="BS1747" s="85"/>
      <c r="BT1747" s="85"/>
      <c r="BU1747" s="85"/>
      <c r="BV1747" s="85"/>
      <c r="BW1747" s="85"/>
      <c r="BX1747" s="85"/>
      <c r="BY1747" s="85"/>
      <c r="BZ1747" s="85"/>
      <c r="CA1747" s="85"/>
      <c r="CB1747" s="85"/>
      <c r="CC1747" s="85"/>
      <c r="CD1747" s="85"/>
      <c r="CE1747" s="85"/>
      <c r="CF1747" s="85"/>
      <c r="CG1747" s="85"/>
    </row>
    <row r="1748" spans="1:85" s="9" customFormat="1" x14ac:dyDescent="0.2">
      <c r="A1748" s="85"/>
      <c r="J1748" s="85"/>
      <c r="K1748" s="85"/>
      <c r="L1748" s="85"/>
      <c r="M1748" s="85"/>
      <c r="N1748" s="85"/>
      <c r="O1748" s="85"/>
      <c r="P1748" s="85"/>
      <c r="Q1748" s="85"/>
      <c r="R1748" s="85"/>
      <c r="S1748" s="85"/>
      <c r="T1748" s="85"/>
      <c r="U1748" s="85"/>
      <c r="V1748" s="85"/>
      <c r="W1748" s="85"/>
      <c r="X1748" s="85"/>
      <c r="Y1748" s="85"/>
      <c r="Z1748" s="85"/>
      <c r="AA1748" s="85"/>
      <c r="AB1748" s="85"/>
      <c r="AC1748" s="85"/>
      <c r="AD1748" s="85"/>
      <c r="AE1748" s="85"/>
      <c r="AF1748" s="85"/>
      <c r="AG1748" s="85"/>
      <c r="AH1748" s="85"/>
      <c r="AI1748" s="85"/>
      <c r="AJ1748" s="85"/>
      <c r="AK1748" s="85"/>
      <c r="AL1748" s="85"/>
      <c r="AM1748" s="85"/>
      <c r="AN1748" s="85"/>
      <c r="AO1748" s="85"/>
      <c r="AP1748" s="85"/>
      <c r="AQ1748" s="85"/>
      <c r="AR1748" s="85"/>
      <c r="AS1748" s="85"/>
      <c r="AT1748" s="85"/>
      <c r="AU1748" s="85"/>
      <c r="AV1748" s="85"/>
      <c r="AW1748" s="85"/>
      <c r="AX1748" s="85"/>
      <c r="AY1748" s="85"/>
      <c r="AZ1748" s="85"/>
      <c r="BA1748" s="85"/>
      <c r="BB1748" s="85"/>
      <c r="BC1748" s="85"/>
      <c r="BD1748" s="85"/>
      <c r="BE1748" s="85"/>
      <c r="BF1748" s="85"/>
      <c r="BG1748" s="85"/>
      <c r="BH1748" s="85"/>
      <c r="BI1748" s="85"/>
      <c r="BJ1748" s="85"/>
      <c r="BK1748" s="85"/>
      <c r="BL1748" s="85"/>
      <c r="BM1748" s="85"/>
      <c r="BN1748" s="85"/>
      <c r="BO1748" s="85"/>
      <c r="BP1748" s="85"/>
      <c r="BQ1748" s="85"/>
      <c r="BR1748" s="85"/>
      <c r="BS1748" s="85"/>
      <c r="BT1748" s="85"/>
      <c r="BU1748" s="85"/>
      <c r="BV1748" s="85"/>
      <c r="BW1748" s="85"/>
      <c r="BX1748" s="85"/>
      <c r="BY1748" s="85"/>
      <c r="BZ1748" s="85"/>
      <c r="CA1748" s="85"/>
      <c r="CB1748" s="85"/>
      <c r="CC1748" s="85"/>
      <c r="CD1748" s="85"/>
      <c r="CE1748" s="85"/>
      <c r="CF1748" s="85"/>
      <c r="CG1748" s="85"/>
    </row>
    <row r="1749" spans="1:85" s="9" customFormat="1" x14ac:dyDescent="0.2">
      <c r="A1749" s="85"/>
      <c r="J1749" s="85"/>
      <c r="K1749" s="85"/>
      <c r="L1749" s="85"/>
      <c r="M1749" s="85"/>
      <c r="N1749" s="85"/>
      <c r="O1749" s="85"/>
      <c r="P1749" s="85"/>
      <c r="Q1749" s="85"/>
      <c r="R1749" s="85"/>
      <c r="S1749" s="85"/>
      <c r="T1749" s="85"/>
      <c r="U1749" s="85"/>
      <c r="V1749" s="85"/>
      <c r="W1749" s="85"/>
      <c r="X1749" s="85"/>
      <c r="Y1749" s="85"/>
      <c r="Z1749" s="85"/>
      <c r="AA1749" s="85"/>
      <c r="AB1749" s="85"/>
      <c r="AC1749" s="85"/>
      <c r="AD1749" s="85"/>
      <c r="AE1749" s="85"/>
      <c r="AF1749" s="85"/>
      <c r="AG1749" s="85"/>
      <c r="AH1749" s="85"/>
      <c r="AI1749" s="85"/>
      <c r="AJ1749" s="85"/>
      <c r="AK1749" s="85"/>
      <c r="AL1749" s="85"/>
      <c r="AM1749" s="85"/>
      <c r="AN1749" s="85"/>
      <c r="AO1749" s="85"/>
      <c r="AP1749" s="85"/>
      <c r="AQ1749" s="85"/>
      <c r="AR1749" s="85"/>
      <c r="AS1749" s="85"/>
      <c r="AT1749" s="85"/>
      <c r="AU1749" s="85"/>
      <c r="AV1749" s="85"/>
      <c r="AW1749" s="85"/>
      <c r="AX1749" s="85"/>
      <c r="AY1749" s="85"/>
      <c r="AZ1749" s="85"/>
      <c r="BA1749" s="85"/>
      <c r="BB1749" s="85"/>
      <c r="BC1749" s="85"/>
      <c r="BD1749" s="85"/>
      <c r="BE1749" s="85"/>
      <c r="BF1749" s="85"/>
      <c r="BG1749" s="85"/>
      <c r="BH1749" s="85"/>
      <c r="BI1749" s="85"/>
      <c r="BJ1749" s="85"/>
      <c r="BK1749" s="85"/>
      <c r="BL1749" s="85"/>
      <c r="BM1749" s="85"/>
      <c r="BN1749" s="85"/>
      <c r="BO1749" s="85"/>
      <c r="BP1749" s="85"/>
      <c r="BQ1749" s="85"/>
      <c r="BR1749" s="85"/>
      <c r="BS1749" s="85"/>
      <c r="BT1749" s="85"/>
      <c r="BU1749" s="85"/>
      <c r="BV1749" s="85"/>
      <c r="BW1749" s="85"/>
      <c r="BX1749" s="85"/>
      <c r="BY1749" s="85"/>
      <c r="BZ1749" s="85"/>
      <c r="CA1749" s="85"/>
      <c r="CB1749" s="85"/>
      <c r="CC1749" s="85"/>
      <c r="CD1749" s="85"/>
      <c r="CE1749" s="85"/>
      <c r="CF1749" s="85"/>
      <c r="CG1749" s="85"/>
    </row>
    <row r="1750" spans="1:85" s="9" customFormat="1" x14ac:dyDescent="0.2">
      <c r="A1750" s="85"/>
      <c r="J1750" s="85"/>
      <c r="K1750" s="85"/>
      <c r="L1750" s="85"/>
      <c r="M1750" s="85"/>
      <c r="N1750" s="85"/>
      <c r="O1750" s="85"/>
      <c r="P1750" s="85"/>
      <c r="Q1750" s="85"/>
      <c r="R1750" s="85"/>
      <c r="S1750" s="85"/>
      <c r="T1750" s="85"/>
      <c r="U1750" s="85"/>
      <c r="V1750" s="85"/>
      <c r="W1750" s="85"/>
      <c r="X1750" s="85"/>
      <c r="Y1750" s="85"/>
      <c r="Z1750" s="85"/>
      <c r="AA1750" s="85"/>
      <c r="AB1750" s="85"/>
      <c r="AC1750" s="85"/>
      <c r="AD1750" s="85"/>
      <c r="AE1750" s="85"/>
      <c r="AF1750" s="85"/>
      <c r="AG1750" s="85"/>
      <c r="AH1750" s="85"/>
      <c r="AI1750" s="85"/>
      <c r="AJ1750" s="85"/>
      <c r="AK1750" s="85"/>
      <c r="AL1750" s="85"/>
      <c r="AM1750" s="85"/>
      <c r="AN1750" s="85"/>
      <c r="AO1750" s="85"/>
      <c r="AP1750" s="85"/>
      <c r="AQ1750" s="85"/>
      <c r="AR1750" s="85"/>
      <c r="AS1750" s="85"/>
      <c r="AT1750" s="85"/>
      <c r="AU1750" s="85"/>
      <c r="AV1750" s="85"/>
      <c r="AW1750" s="85"/>
      <c r="AX1750" s="85"/>
      <c r="AY1750" s="85"/>
      <c r="AZ1750" s="85"/>
      <c r="BA1750" s="85"/>
      <c r="BB1750" s="85"/>
      <c r="BC1750" s="85"/>
      <c r="BD1750" s="85"/>
      <c r="BE1750" s="85"/>
      <c r="BF1750" s="85"/>
      <c r="BG1750" s="85"/>
      <c r="BH1750" s="85"/>
      <c r="BI1750" s="85"/>
      <c r="BJ1750" s="85"/>
      <c r="BK1750" s="85"/>
      <c r="BL1750" s="85"/>
      <c r="BM1750" s="85"/>
      <c r="BN1750" s="85"/>
      <c r="BO1750" s="85"/>
      <c r="BP1750" s="85"/>
      <c r="BQ1750" s="85"/>
      <c r="BR1750" s="85"/>
      <c r="BS1750" s="85"/>
      <c r="BT1750" s="85"/>
      <c r="BU1750" s="85"/>
      <c r="BV1750" s="85"/>
      <c r="BW1750" s="85"/>
      <c r="BX1750" s="85"/>
      <c r="BY1750" s="85"/>
      <c r="BZ1750" s="85"/>
      <c r="CA1750" s="85"/>
      <c r="CB1750" s="85"/>
      <c r="CC1750" s="85"/>
      <c r="CD1750" s="85"/>
      <c r="CE1750" s="85"/>
      <c r="CF1750" s="85"/>
      <c r="CG1750" s="85"/>
    </row>
    <row r="1751" spans="1:85" s="9" customFormat="1" x14ac:dyDescent="0.2">
      <c r="A1751" s="85"/>
      <c r="J1751" s="85"/>
      <c r="K1751" s="85"/>
      <c r="L1751" s="85"/>
      <c r="M1751" s="85"/>
      <c r="N1751" s="85"/>
      <c r="O1751" s="85"/>
      <c r="P1751" s="85"/>
      <c r="Q1751" s="85"/>
      <c r="R1751" s="85"/>
      <c r="S1751" s="85"/>
      <c r="T1751" s="85"/>
      <c r="U1751" s="85"/>
      <c r="V1751" s="85"/>
      <c r="W1751" s="85"/>
      <c r="X1751" s="85"/>
      <c r="Y1751" s="85"/>
      <c r="Z1751" s="85"/>
      <c r="AA1751" s="85"/>
      <c r="AB1751" s="85"/>
      <c r="AC1751" s="85"/>
      <c r="AD1751" s="85"/>
      <c r="AE1751" s="85"/>
      <c r="AF1751" s="85"/>
      <c r="AG1751" s="85"/>
      <c r="AH1751" s="85"/>
      <c r="AI1751" s="85"/>
      <c r="AJ1751" s="85"/>
      <c r="AK1751" s="85"/>
      <c r="AL1751" s="85"/>
      <c r="AM1751" s="85"/>
      <c r="AN1751" s="85"/>
      <c r="AO1751" s="85"/>
      <c r="AP1751" s="85"/>
      <c r="AQ1751" s="85"/>
      <c r="AR1751" s="85"/>
      <c r="AS1751" s="85"/>
      <c r="AT1751" s="85"/>
      <c r="AU1751" s="85"/>
      <c r="AV1751" s="85"/>
      <c r="AW1751" s="85"/>
      <c r="AX1751" s="85"/>
      <c r="AY1751" s="85"/>
      <c r="AZ1751" s="85"/>
      <c r="BA1751" s="85"/>
      <c r="BB1751" s="85"/>
      <c r="BC1751" s="85"/>
      <c r="BD1751" s="85"/>
      <c r="BE1751" s="85"/>
      <c r="BF1751" s="85"/>
      <c r="BG1751" s="85"/>
      <c r="BH1751" s="85"/>
      <c r="BI1751" s="85"/>
      <c r="BJ1751" s="85"/>
      <c r="BK1751" s="85"/>
      <c r="BL1751" s="85"/>
      <c r="BM1751" s="85"/>
      <c r="BN1751" s="85"/>
      <c r="BO1751" s="85"/>
      <c r="BP1751" s="85"/>
      <c r="BQ1751" s="85"/>
      <c r="BR1751" s="85"/>
      <c r="BS1751" s="85"/>
      <c r="BT1751" s="85"/>
      <c r="BU1751" s="85"/>
      <c r="BV1751" s="85"/>
      <c r="BW1751" s="85"/>
      <c r="BX1751" s="85"/>
      <c r="BY1751" s="85"/>
      <c r="BZ1751" s="85"/>
      <c r="CA1751" s="85"/>
      <c r="CB1751" s="85"/>
      <c r="CC1751" s="85"/>
      <c r="CD1751" s="85"/>
      <c r="CE1751" s="85"/>
      <c r="CF1751" s="85"/>
      <c r="CG1751" s="85"/>
    </row>
    <row r="1752" spans="1:85" s="9" customFormat="1" x14ac:dyDescent="0.2">
      <c r="A1752" s="85"/>
      <c r="J1752" s="85"/>
      <c r="K1752" s="85"/>
      <c r="L1752" s="85"/>
      <c r="M1752" s="85"/>
      <c r="N1752" s="85"/>
      <c r="O1752" s="85"/>
      <c r="P1752" s="85"/>
      <c r="Q1752" s="85"/>
      <c r="R1752" s="85"/>
      <c r="S1752" s="85"/>
      <c r="T1752" s="85"/>
      <c r="U1752" s="85"/>
      <c r="V1752" s="85"/>
      <c r="W1752" s="85"/>
      <c r="X1752" s="85"/>
      <c r="Y1752" s="85"/>
      <c r="Z1752" s="85"/>
      <c r="AA1752" s="85"/>
      <c r="AB1752" s="85"/>
      <c r="AC1752" s="85"/>
      <c r="AD1752" s="85"/>
      <c r="AE1752" s="85"/>
      <c r="AF1752" s="85"/>
      <c r="AG1752" s="85"/>
      <c r="AH1752" s="85"/>
      <c r="AI1752" s="85"/>
      <c r="AJ1752" s="85"/>
      <c r="AK1752" s="85"/>
      <c r="AL1752" s="85"/>
      <c r="AM1752" s="85"/>
      <c r="AN1752" s="85"/>
      <c r="AO1752" s="85"/>
      <c r="AP1752" s="85"/>
      <c r="AQ1752" s="85"/>
      <c r="AR1752" s="85"/>
      <c r="AS1752" s="85"/>
      <c r="AT1752" s="85"/>
      <c r="AU1752" s="85"/>
      <c r="AV1752" s="85"/>
      <c r="AW1752" s="85"/>
      <c r="AX1752" s="85"/>
      <c r="AY1752" s="85"/>
      <c r="AZ1752" s="85"/>
      <c r="BA1752" s="85"/>
      <c r="BB1752" s="85"/>
      <c r="BC1752" s="85"/>
      <c r="BD1752" s="85"/>
      <c r="BE1752" s="85"/>
      <c r="BF1752" s="85"/>
      <c r="BG1752" s="85"/>
      <c r="BH1752" s="85"/>
      <c r="BI1752" s="85"/>
      <c r="BJ1752" s="85"/>
      <c r="BK1752" s="85"/>
      <c r="BL1752" s="85"/>
      <c r="BM1752" s="85"/>
      <c r="BN1752" s="85"/>
      <c r="BO1752" s="85"/>
      <c r="BP1752" s="85"/>
      <c r="BQ1752" s="85"/>
      <c r="BR1752" s="85"/>
      <c r="BS1752" s="85"/>
      <c r="BT1752" s="85"/>
      <c r="BU1752" s="85"/>
      <c r="BV1752" s="85"/>
      <c r="BW1752" s="85"/>
      <c r="BX1752" s="85"/>
      <c r="BY1752" s="85"/>
      <c r="BZ1752" s="85"/>
      <c r="CA1752" s="85"/>
      <c r="CB1752" s="85"/>
      <c r="CC1752" s="85"/>
      <c r="CD1752" s="85"/>
      <c r="CE1752" s="85"/>
      <c r="CF1752" s="85"/>
      <c r="CG1752" s="85"/>
    </row>
    <row r="1753" spans="1:85" s="9" customFormat="1" x14ac:dyDescent="0.2">
      <c r="A1753" s="85"/>
      <c r="J1753" s="85"/>
      <c r="K1753" s="85"/>
      <c r="L1753" s="85"/>
      <c r="M1753" s="85"/>
      <c r="N1753" s="85"/>
      <c r="O1753" s="85"/>
      <c r="P1753" s="85"/>
      <c r="Q1753" s="85"/>
      <c r="R1753" s="85"/>
      <c r="S1753" s="85"/>
      <c r="T1753" s="85"/>
      <c r="U1753" s="85"/>
      <c r="V1753" s="85"/>
      <c r="W1753" s="85"/>
      <c r="X1753" s="85"/>
      <c r="Y1753" s="85"/>
      <c r="Z1753" s="85"/>
      <c r="AA1753" s="85"/>
      <c r="AB1753" s="85"/>
      <c r="AC1753" s="85"/>
      <c r="AD1753" s="85"/>
      <c r="AE1753" s="85"/>
      <c r="AF1753" s="85"/>
      <c r="AG1753" s="85"/>
      <c r="AH1753" s="85"/>
      <c r="AI1753" s="85"/>
      <c r="AJ1753" s="85"/>
      <c r="AK1753" s="85"/>
      <c r="AL1753" s="85"/>
      <c r="AM1753" s="85"/>
      <c r="AN1753" s="85"/>
      <c r="AO1753" s="85"/>
      <c r="AP1753" s="85"/>
      <c r="AQ1753" s="85"/>
      <c r="AR1753" s="85"/>
      <c r="AS1753" s="85"/>
      <c r="AT1753" s="85"/>
      <c r="AU1753" s="85"/>
      <c r="AV1753" s="85"/>
      <c r="AW1753" s="85"/>
      <c r="AX1753" s="85"/>
      <c r="AY1753" s="85"/>
      <c r="AZ1753" s="85"/>
      <c r="BA1753" s="85"/>
      <c r="BB1753" s="85"/>
      <c r="BC1753" s="85"/>
      <c r="BD1753" s="85"/>
      <c r="BE1753" s="85"/>
      <c r="BF1753" s="85"/>
      <c r="BG1753" s="85"/>
      <c r="BH1753" s="85"/>
      <c r="BI1753" s="85"/>
      <c r="BJ1753" s="85"/>
      <c r="BK1753" s="85"/>
      <c r="BL1753" s="85"/>
      <c r="BM1753" s="85"/>
      <c r="BN1753" s="85"/>
      <c r="BO1753" s="85"/>
      <c r="BP1753" s="85"/>
      <c r="BQ1753" s="85"/>
      <c r="BR1753" s="85"/>
      <c r="BS1753" s="85"/>
      <c r="BT1753" s="85"/>
      <c r="BU1753" s="85"/>
      <c r="BV1753" s="85"/>
      <c r="BW1753" s="85"/>
      <c r="BX1753" s="85"/>
      <c r="BY1753" s="85"/>
      <c r="BZ1753" s="85"/>
      <c r="CA1753" s="85"/>
      <c r="CB1753" s="85"/>
      <c r="CC1753" s="85"/>
      <c r="CD1753" s="85"/>
      <c r="CE1753" s="85"/>
      <c r="CF1753" s="85"/>
      <c r="CG1753" s="85"/>
    </row>
    <row r="1754" spans="1:85" s="9" customFormat="1" x14ac:dyDescent="0.2">
      <c r="A1754" s="85"/>
      <c r="J1754" s="85"/>
      <c r="K1754" s="85"/>
      <c r="L1754" s="85"/>
      <c r="M1754" s="85"/>
      <c r="N1754" s="85"/>
      <c r="O1754" s="85"/>
      <c r="P1754" s="85"/>
      <c r="Q1754" s="85"/>
      <c r="R1754" s="85"/>
      <c r="S1754" s="85"/>
      <c r="T1754" s="85"/>
      <c r="U1754" s="85"/>
      <c r="V1754" s="85"/>
      <c r="W1754" s="85"/>
      <c r="X1754" s="85"/>
      <c r="Y1754" s="85"/>
      <c r="Z1754" s="85"/>
      <c r="AA1754" s="85"/>
      <c r="AB1754" s="85"/>
      <c r="AC1754" s="85"/>
      <c r="AD1754" s="85"/>
      <c r="AE1754" s="85"/>
      <c r="AF1754" s="85"/>
      <c r="AG1754" s="85"/>
      <c r="AH1754" s="85"/>
      <c r="AI1754" s="85"/>
      <c r="AJ1754" s="85"/>
      <c r="AK1754" s="85"/>
      <c r="AL1754" s="85"/>
      <c r="AM1754" s="85"/>
      <c r="AN1754" s="85"/>
      <c r="AO1754" s="85"/>
      <c r="AP1754" s="85"/>
      <c r="AQ1754" s="85"/>
      <c r="AR1754" s="85"/>
      <c r="AS1754" s="85"/>
      <c r="AT1754" s="85"/>
      <c r="AU1754" s="85"/>
      <c r="AV1754" s="85"/>
      <c r="AW1754" s="85"/>
      <c r="AX1754" s="85"/>
      <c r="AY1754" s="85"/>
      <c r="AZ1754" s="85"/>
      <c r="BA1754" s="85"/>
      <c r="BB1754" s="85"/>
      <c r="BC1754" s="85"/>
      <c r="BD1754" s="85"/>
      <c r="BE1754" s="85"/>
      <c r="BF1754" s="85"/>
      <c r="BG1754" s="85"/>
      <c r="BH1754" s="85"/>
      <c r="BI1754" s="85"/>
      <c r="BJ1754" s="85"/>
      <c r="BK1754" s="85"/>
      <c r="BL1754" s="85"/>
      <c r="BM1754" s="85"/>
      <c r="BN1754" s="85"/>
      <c r="BO1754" s="85"/>
      <c r="BP1754" s="85"/>
      <c r="BQ1754" s="85"/>
      <c r="BR1754" s="85"/>
      <c r="BS1754" s="85"/>
      <c r="BT1754" s="85"/>
      <c r="BU1754" s="85"/>
      <c r="BV1754" s="85"/>
      <c r="BW1754" s="85"/>
      <c r="BX1754" s="85"/>
      <c r="BY1754" s="85"/>
      <c r="BZ1754" s="85"/>
      <c r="CA1754" s="85"/>
      <c r="CB1754" s="85"/>
      <c r="CC1754" s="85"/>
      <c r="CD1754" s="85"/>
      <c r="CE1754" s="85"/>
      <c r="CF1754" s="85"/>
      <c r="CG1754" s="85"/>
    </row>
    <row r="1755" spans="1:85" s="9" customFormat="1" x14ac:dyDescent="0.2">
      <c r="A1755" s="85"/>
      <c r="J1755" s="85"/>
      <c r="K1755" s="85"/>
      <c r="L1755" s="85"/>
      <c r="M1755" s="85"/>
      <c r="N1755" s="85"/>
      <c r="O1755" s="85"/>
      <c r="P1755" s="85"/>
      <c r="Q1755" s="85"/>
      <c r="R1755" s="85"/>
      <c r="S1755" s="85"/>
      <c r="T1755" s="85"/>
      <c r="U1755" s="85"/>
      <c r="V1755" s="85"/>
      <c r="W1755" s="85"/>
      <c r="X1755" s="85"/>
      <c r="Y1755" s="85"/>
      <c r="Z1755" s="85"/>
      <c r="AA1755" s="85"/>
      <c r="AB1755" s="85"/>
      <c r="AC1755" s="85"/>
      <c r="AD1755" s="85"/>
      <c r="AE1755" s="85"/>
      <c r="AF1755" s="85"/>
      <c r="AG1755" s="85"/>
      <c r="AH1755" s="85"/>
      <c r="AI1755" s="85"/>
      <c r="AJ1755" s="85"/>
      <c r="AK1755" s="85"/>
      <c r="AL1755" s="85"/>
      <c r="AM1755" s="85"/>
      <c r="AN1755" s="85"/>
      <c r="AO1755" s="85"/>
      <c r="AP1755" s="85"/>
      <c r="AQ1755" s="85"/>
      <c r="AR1755" s="85"/>
      <c r="AS1755" s="85"/>
      <c r="AT1755" s="85"/>
      <c r="AU1755" s="85"/>
      <c r="AV1755" s="85"/>
      <c r="AW1755" s="85"/>
      <c r="AX1755" s="85"/>
      <c r="AY1755" s="85"/>
      <c r="AZ1755" s="85"/>
      <c r="BA1755" s="85"/>
      <c r="BB1755" s="85"/>
      <c r="BC1755" s="85"/>
      <c r="BD1755" s="85"/>
      <c r="BE1755" s="85"/>
      <c r="BF1755" s="85"/>
      <c r="BG1755" s="85"/>
      <c r="BH1755" s="85"/>
      <c r="BI1755" s="85"/>
      <c r="BJ1755" s="85"/>
      <c r="BK1755" s="85"/>
      <c r="BL1755" s="85"/>
      <c r="BM1755" s="85"/>
      <c r="BN1755" s="85"/>
      <c r="BO1755" s="85"/>
      <c r="BP1755" s="85"/>
      <c r="BQ1755" s="85"/>
      <c r="BR1755" s="85"/>
      <c r="BS1755" s="85"/>
      <c r="BT1755" s="85"/>
      <c r="BU1755" s="85"/>
      <c r="BV1755" s="85"/>
      <c r="BW1755" s="85"/>
      <c r="BX1755" s="85"/>
      <c r="BY1755" s="85"/>
      <c r="BZ1755" s="85"/>
      <c r="CA1755" s="85"/>
      <c r="CB1755" s="85"/>
      <c r="CC1755" s="85"/>
      <c r="CD1755" s="85"/>
      <c r="CE1755" s="85"/>
      <c r="CF1755" s="85"/>
      <c r="CG1755" s="85"/>
    </row>
    <row r="1756" spans="1:85" s="9" customFormat="1" x14ac:dyDescent="0.2">
      <c r="A1756" s="85"/>
      <c r="J1756" s="85"/>
      <c r="K1756" s="85"/>
      <c r="L1756" s="85"/>
      <c r="M1756" s="85"/>
      <c r="N1756" s="85"/>
      <c r="O1756" s="85"/>
      <c r="P1756" s="85"/>
      <c r="Q1756" s="85"/>
      <c r="R1756" s="85"/>
      <c r="S1756" s="85"/>
      <c r="T1756" s="85"/>
      <c r="U1756" s="85"/>
      <c r="V1756" s="85"/>
      <c r="W1756" s="85"/>
      <c r="X1756" s="85"/>
      <c r="Y1756" s="85"/>
      <c r="Z1756" s="85"/>
      <c r="AA1756" s="85"/>
      <c r="AB1756" s="85"/>
      <c r="AC1756" s="85"/>
      <c r="AD1756" s="85"/>
      <c r="AE1756" s="85"/>
      <c r="AF1756" s="85"/>
      <c r="AG1756" s="85"/>
      <c r="AH1756" s="85"/>
      <c r="AI1756" s="85"/>
      <c r="AJ1756" s="85"/>
      <c r="AK1756" s="85"/>
      <c r="AL1756" s="85"/>
      <c r="AM1756" s="85"/>
      <c r="AN1756" s="85"/>
      <c r="AO1756" s="85"/>
      <c r="AP1756" s="85"/>
      <c r="AQ1756" s="85"/>
      <c r="AR1756" s="85"/>
      <c r="AS1756" s="85"/>
      <c r="AT1756" s="85"/>
      <c r="AU1756" s="85"/>
      <c r="AV1756" s="85"/>
      <c r="AW1756" s="85"/>
      <c r="AX1756" s="85"/>
      <c r="AY1756" s="85"/>
      <c r="AZ1756" s="85"/>
      <c r="BA1756" s="85"/>
      <c r="BB1756" s="85"/>
      <c r="BC1756" s="85"/>
      <c r="BD1756" s="85"/>
      <c r="BE1756" s="85"/>
      <c r="BF1756" s="85"/>
      <c r="BG1756" s="85"/>
      <c r="BH1756" s="85"/>
      <c r="BI1756" s="85"/>
      <c r="BJ1756" s="85"/>
      <c r="BK1756" s="85"/>
      <c r="BL1756" s="85"/>
      <c r="BM1756" s="85"/>
      <c r="BN1756" s="85"/>
      <c r="BO1756" s="85"/>
      <c r="BP1756" s="85"/>
      <c r="BQ1756" s="85"/>
      <c r="BR1756" s="85"/>
      <c r="BS1756" s="85"/>
      <c r="BT1756" s="85"/>
      <c r="BU1756" s="85"/>
      <c r="BV1756" s="85"/>
      <c r="BW1756" s="85"/>
      <c r="BX1756" s="85"/>
      <c r="BY1756" s="85"/>
      <c r="BZ1756" s="85"/>
      <c r="CA1756" s="85"/>
      <c r="CB1756" s="85"/>
      <c r="CC1756" s="85"/>
      <c r="CD1756" s="85"/>
      <c r="CE1756" s="85"/>
      <c r="CF1756" s="85"/>
      <c r="CG1756" s="85"/>
    </row>
    <row r="1757" spans="1:85" s="9" customFormat="1" x14ac:dyDescent="0.2">
      <c r="A1757" s="85"/>
      <c r="J1757" s="85"/>
      <c r="K1757" s="85"/>
      <c r="L1757" s="85"/>
      <c r="M1757" s="85"/>
      <c r="N1757" s="85"/>
      <c r="O1757" s="85"/>
      <c r="P1757" s="85"/>
      <c r="Q1757" s="85"/>
      <c r="R1757" s="85"/>
      <c r="S1757" s="85"/>
      <c r="T1757" s="85"/>
      <c r="U1757" s="85"/>
      <c r="V1757" s="85"/>
      <c r="W1757" s="85"/>
      <c r="X1757" s="85"/>
      <c r="Y1757" s="85"/>
      <c r="Z1757" s="85"/>
      <c r="AA1757" s="85"/>
      <c r="AB1757" s="85"/>
      <c r="AC1757" s="85"/>
      <c r="AD1757" s="85"/>
      <c r="AE1757" s="85"/>
      <c r="AF1757" s="85"/>
      <c r="AG1757" s="85"/>
      <c r="AH1757" s="85"/>
      <c r="AI1757" s="85"/>
      <c r="AJ1757" s="85"/>
      <c r="AK1757" s="85"/>
      <c r="AL1757" s="85"/>
      <c r="AM1757" s="85"/>
      <c r="AN1757" s="85"/>
      <c r="AO1757" s="85"/>
      <c r="AP1757" s="85"/>
      <c r="AQ1757" s="85"/>
      <c r="AR1757" s="85"/>
      <c r="AS1757" s="85"/>
      <c r="AT1757" s="85"/>
      <c r="AU1757" s="85"/>
      <c r="AV1757" s="85"/>
      <c r="AW1757" s="85"/>
      <c r="AX1757" s="85"/>
      <c r="AY1757" s="85"/>
      <c r="AZ1757" s="85"/>
      <c r="BA1757" s="85"/>
      <c r="BB1757" s="85"/>
      <c r="BC1757" s="85"/>
      <c r="BD1757" s="85"/>
      <c r="BE1757" s="85"/>
      <c r="BF1757" s="85"/>
      <c r="BG1757" s="85"/>
      <c r="BH1757" s="85"/>
      <c r="BI1757" s="85"/>
      <c r="BJ1757" s="85"/>
      <c r="BK1757" s="85"/>
      <c r="BL1757" s="85"/>
      <c r="BM1757" s="85"/>
      <c r="BN1757" s="85"/>
      <c r="BO1757" s="85"/>
      <c r="BP1757" s="85"/>
      <c r="BQ1757" s="85"/>
      <c r="BR1757" s="85"/>
      <c r="BS1757" s="85"/>
      <c r="BT1757" s="85"/>
      <c r="BU1757" s="85"/>
      <c r="BV1757" s="85"/>
      <c r="BW1757" s="85"/>
      <c r="BX1757" s="85"/>
      <c r="BY1757" s="85"/>
      <c r="BZ1757" s="85"/>
      <c r="CA1757" s="85"/>
      <c r="CB1757" s="85"/>
      <c r="CC1757" s="85"/>
      <c r="CD1757" s="85"/>
      <c r="CE1757" s="85"/>
      <c r="CF1757" s="85"/>
      <c r="CG1757" s="85"/>
    </row>
    <row r="1758" spans="1:85" s="9" customFormat="1" x14ac:dyDescent="0.2">
      <c r="A1758" s="85"/>
      <c r="J1758" s="85"/>
      <c r="K1758" s="85"/>
      <c r="L1758" s="85"/>
      <c r="M1758" s="85"/>
      <c r="N1758" s="85"/>
      <c r="O1758" s="85"/>
      <c r="P1758" s="85"/>
      <c r="Q1758" s="85"/>
      <c r="R1758" s="85"/>
      <c r="S1758" s="85"/>
      <c r="T1758" s="85"/>
      <c r="U1758" s="85"/>
      <c r="V1758" s="85"/>
      <c r="W1758" s="85"/>
      <c r="X1758" s="85"/>
      <c r="Y1758" s="85"/>
      <c r="Z1758" s="85"/>
      <c r="AA1758" s="85"/>
      <c r="AB1758" s="85"/>
      <c r="AC1758" s="85"/>
      <c r="AD1758" s="85"/>
      <c r="AE1758" s="85"/>
      <c r="AF1758" s="85"/>
      <c r="AG1758" s="85"/>
      <c r="AH1758" s="85"/>
      <c r="AI1758" s="85"/>
      <c r="AJ1758" s="85"/>
      <c r="AK1758" s="85"/>
      <c r="AL1758" s="85"/>
      <c r="AM1758" s="85"/>
      <c r="AN1758" s="85"/>
      <c r="AO1758" s="85"/>
      <c r="AP1758" s="85"/>
      <c r="AQ1758" s="85"/>
      <c r="AR1758" s="85"/>
      <c r="AS1758" s="85"/>
      <c r="AT1758" s="85"/>
      <c r="AU1758" s="85"/>
      <c r="AV1758" s="85"/>
      <c r="AW1758" s="85"/>
      <c r="AX1758" s="85"/>
      <c r="AY1758" s="85"/>
      <c r="AZ1758" s="85"/>
      <c r="BA1758" s="85"/>
      <c r="BB1758" s="85"/>
      <c r="BC1758" s="85"/>
      <c r="BD1758" s="85"/>
      <c r="BE1758" s="85"/>
      <c r="BF1758" s="85"/>
      <c r="BG1758" s="85"/>
      <c r="BH1758" s="85"/>
      <c r="BI1758" s="85"/>
      <c r="BJ1758" s="85"/>
      <c r="BK1758" s="85"/>
      <c r="BL1758" s="85"/>
      <c r="BM1758" s="85"/>
      <c r="BN1758" s="85"/>
      <c r="BO1758" s="85"/>
      <c r="BP1758" s="85"/>
      <c r="BQ1758" s="85"/>
      <c r="BR1758" s="85"/>
      <c r="BS1758" s="85"/>
      <c r="BT1758" s="85"/>
      <c r="BU1758" s="85"/>
      <c r="BV1758" s="85"/>
      <c r="BW1758" s="85"/>
      <c r="BX1758" s="85"/>
      <c r="BY1758" s="85"/>
      <c r="BZ1758" s="85"/>
      <c r="CA1758" s="85"/>
      <c r="CB1758" s="85"/>
      <c r="CC1758" s="85"/>
      <c r="CD1758" s="85"/>
      <c r="CE1758" s="85"/>
      <c r="CF1758" s="85"/>
      <c r="CG1758" s="85"/>
    </row>
    <row r="1759" spans="1:85" s="9" customFormat="1" x14ac:dyDescent="0.2">
      <c r="A1759" s="85"/>
      <c r="J1759" s="85"/>
      <c r="K1759" s="85"/>
      <c r="L1759" s="85"/>
      <c r="M1759" s="85"/>
      <c r="N1759" s="85"/>
      <c r="O1759" s="85"/>
      <c r="P1759" s="85"/>
      <c r="Q1759" s="85"/>
      <c r="R1759" s="85"/>
      <c r="S1759" s="85"/>
      <c r="T1759" s="85"/>
      <c r="U1759" s="85"/>
      <c r="V1759" s="85"/>
      <c r="W1759" s="85"/>
      <c r="X1759" s="85"/>
      <c r="Y1759" s="85"/>
      <c r="Z1759" s="85"/>
      <c r="AA1759" s="85"/>
      <c r="AB1759" s="85"/>
      <c r="AC1759" s="85"/>
      <c r="AD1759" s="85"/>
      <c r="AE1759" s="85"/>
      <c r="AF1759" s="85"/>
      <c r="AG1759" s="85"/>
      <c r="AH1759" s="85"/>
      <c r="AI1759" s="85"/>
      <c r="AJ1759" s="85"/>
      <c r="AK1759" s="85"/>
      <c r="AL1759" s="85"/>
      <c r="AM1759" s="85"/>
      <c r="AN1759" s="85"/>
      <c r="AO1759" s="85"/>
      <c r="AP1759" s="85"/>
      <c r="AQ1759" s="85"/>
      <c r="AR1759" s="85"/>
      <c r="AS1759" s="85"/>
      <c r="AT1759" s="85"/>
      <c r="AU1759" s="85"/>
      <c r="AV1759" s="85"/>
      <c r="AW1759" s="85"/>
      <c r="AX1759" s="85"/>
      <c r="AY1759" s="85"/>
      <c r="AZ1759" s="85"/>
      <c r="BA1759" s="85"/>
      <c r="BB1759" s="85"/>
      <c r="BC1759" s="85"/>
      <c r="BD1759" s="85"/>
      <c r="BE1759" s="85"/>
      <c r="BF1759" s="85"/>
      <c r="BG1759" s="85"/>
      <c r="BH1759" s="85"/>
      <c r="BI1759" s="85"/>
      <c r="BJ1759" s="85"/>
      <c r="BK1759" s="85"/>
      <c r="BL1759" s="85"/>
      <c r="BM1759" s="85"/>
      <c r="BN1759" s="85"/>
      <c r="BO1759" s="85"/>
      <c r="BP1759" s="85"/>
      <c r="BQ1759" s="85"/>
      <c r="BR1759" s="85"/>
      <c r="BS1759" s="85"/>
      <c r="BT1759" s="85"/>
      <c r="BU1759" s="85"/>
      <c r="BV1759" s="85"/>
      <c r="BW1759" s="85"/>
      <c r="BX1759" s="85"/>
      <c r="BY1759" s="85"/>
      <c r="BZ1759" s="85"/>
      <c r="CA1759" s="85"/>
      <c r="CB1759" s="85"/>
      <c r="CC1759" s="85"/>
      <c r="CD1759" s="85"/>
      <c r="CE1759" s="85"/>
      <c r="CF1759" s="85"/>
      <c r="CG1759" s="85"/>
    </row>
    <row r="1760" spans="1:85" s="9" customFormat="1" x14ac:dyDescent="0.2">
      <c r="A1760" s="85"/>
      <c r="J1760" s="85"/>
      <c r="K1760" s="85"/>
      <c r="L1760" s="85"/>
      <c r="M1760" s="85"/>
      <c r="N1760" s="85"/>
      <c r="O1760" s="85"/>
      <c r="P1760" s="85"/>
      <c r="Q1760" s="85"/>
      <c r="R1760" s="85"/>
      <c r="S1760" s="85"/>
      <c r="T1760" s="85"/>
      <c r="U1760" s="85"/>
      <c r="V1760" s="85"/>
      <c r="W1760" s="85"/>
      <c r="X1760" s="85"/>
      <c r="Y1760" s="85"/>
      <c r="Z1760" s="85"/>
      <c r="AA1760" s="85"/>
      <c r="AB1760" s="85"/>
      <c r="AC1760" s="85"/>
      <c r="AD1760" s="85"/>
      <c r="AE1760" s="85"/>
      <c r="AF1760" s="85"/>
      <c r="AG1760" s="85"/>
      <c r="AH1760" s="85"/>
      <c r="AI1760" s="85"/>
      <c r="AJ1760" s="85"/>
      <c r="AK1760" s="85"/>
      <c r="AL1760" s="85"/>
      <c r="AM1760" s="85"/>
      <c r="AN1760" s="85"/>
      <c r="AO1760" s="85"/>
      <c r="AP1760" s="85"/>
      <c r="AQ1760" s="85"/>
      <c r="AR1760" s="85"/>
      <c r="AS1760" s="85"/>
      <c r="AT1760" s="85"/>
      <c r="AU1760" s="85"/>
      <c r="AV1760" s="85"/>
      <c r="AW1760" s="85"/>
      <c r="AX1760" s="85"/>
      <c r="AY1760" s="85"/>
      <c r="AZ1760" s="85"/>
      <c r="BA1760" s="85"/>
      <c r="BB1760" s="85"/>
      <c r="BC1760" s="85"/>
      <c r="BD1760" s="85"/>
      <c r="BE1760" s="85"/>
      <c r="BF1760" s="85"/>
      <c r="BG1760" s="85"/>
      <c r="BH1760" s="85"/>
      <c r="BI1760" s="85"/>
      <c r="BJ1760" s="85"/>
      <c r="BK1760" s="85"/>
      <c r="BL1760" s="85"/>
      <c r="BM1760" s="85"/>
      <c r="BN1760" s="85"/>
      <c r="BO1760" s="85"/>
      <c r="BP1760" s="85"/>
      <c r="BQ1760" s="85"/>
      <c r="BR1760" s="85"/>
      <c r="BS1760" s="85"/>
      <c r="BT1760" s="85"/>
      <c r="BU1760" s="85"/>
      <c r="BV1760" s="85"/>
      <c r="BW1760" s="85"/>
      <c r="BX1760" s="85"/>
      <c r="BY1760" s="85"/>
      <c r="BZ1760" s="85"/>
      <c r="CA1760" s="85"/>
      <c r="CB1760" s="85"/>
      <c r="CC1760" s="85"/>
      <c r="CD1760" s="85"/>
      <c r="CE1760" s="85"/>
      <c r="CF1760" s="85"/>
      <c r="CG1760" s="85"/>
    </row>
    <row r="1761" spans="1:85" s="9" customFormat="1" x14ac:dyDescent="0.2">
      <c r="A1761" s="85"/>
      <c r="J1761" s="85"/>
      <c r="K1761" s="85"/>
      <c r="L1761" s="85"/>
      <c r="M1761" s="85"/>
      <c r="N1761" s="85"/>
      <c r="O1761" s="85"/>
      <c r="P1761" s="85"/>
      <c r="Q1761" s="85"/>
      <c r="R1761" s="85"/>
      <c r="S1761" s="85"/>
      <c r="T1761" s="85"/>
      <c r="U1761" s="85"/>
      <c r="V1761" s="85"/>
      <c r="W1761" s="85"/>
      <c r="X1761" s="85"/>
      <c r="Y1761" s="85"/>
      <c r="Z1761" s="85"/>
      <c r="AA1761" s="85"/>
      <c r="AB1761" s="85"/>
      <c r="AC1761" s="85"/>
      <c r="AD1761" s="85"/>
      <c r="AE1761" s="85"/>
      <c r="AF1761" s="85"/>
      <c r="AG1761" s="85"/>
      <c r="AH1761" s="85"/>
      <c r="AI1761" s="85"/>
      <c r="AJ1761" s="85"/>
      <c r="AK1761" s="85"/>
      <c r="AL1761" s="85"/>
      <c r="AM1761" s="85"/>
      <c r="AN1761" s="85"/>
      <c r="AO1761" s="85"/>
      <c r="AP1761" s="85"/>
      <c r="AQ1761" s="85"/>
      <c r="AR1761" s="85"/>
      <c r="AS1761" s="85"/>
      <c r="AT1761" s="85"/>
      <c r="AU1761" s="85"/>
      <c r="AV1761" s="85"/>
      <c r="AW1761" s="85"/>
      <c r="AX1761" s="85"/>
      <c r="AY1761" s="85"/>
      <c r="AZ1761" s="85"/>
      <c r="BA1761" s="85"/>
      <c r="BB1761" s="85"/>
      <c r="BC1761" s="85"/>
      <c r="BD1761" s="85"/>
      <c r="BE1761" s="85"/>
      <c r="BF1761" s="85"/>
      <c r="BG1761" s="85"/>
      <c r="BH1761" s="85"/>
      <c r="BI1761" s="85"/>
      <c r="BJ1761" s="85"/>
      <c r="BK1761" s="85"/>
      <c r="BL1761" s="85"/>
      <c r="BM1761" s="85"/>
      <c r="BN1761" s="85"/>
      <c r="BO1761" s="85"/>
      <c r="BP1761" s="85"/>
      <c r="BQ1761" s="85"/>
      <c r="BR1761" s="85"/>
      <c r="BS1761" s="85"/>
      <c r="BT1761" s="85"/>
      <c r="BU1761" s="85"/>
      <c r="BV1761" s="85"/>
      <c r="BW1761" s="85"/>
      <c r="BX1761" s="85"/>
      <c r="BY1761" s="85"/>
      <c r="BZ1761" s="85"/>
      <c r="CA1761" s="85"/>
      <c r="CB1761" s="85"/>
      <c r="CC1761" s="85"/>
      <c r="CD1761" s="85"/>
      <c r="CE1761" s="85"/>
      <c r="CF1761" s="85"/>
      <c r="CG1761" s="85"/>
    </row>
    <row r="1762" spans="1:85" s="9" customFormat="1" x14ac:dyDescent="0.2">
      <c r="A1762" s="85"/>
      <c r="J1762" s="85"/>
      <c r="K1762" s="85"/>
      <c r="L1762" s="85"/>
      <c r="M1762" s="85"/>
      <c r="N1762" s="85"/>
      <c r="O1762" s="85"/>
      <c r="P1762" s="85"/>
      <c r="Q1762" s="85"/>
      <c r="R1762" s="85"/>
      <c r="S1762" s="85"/>
      <c r="T1762" s="85"/>
      <c r="U1762" s="85"/>
      <c r="V1762" s="85"/>
      <c r="W1762" s="85"/>
      <c r="X1762" s="85"/>
      <c r="Y1762" s="85"/>
      <c r="Z1762" s="85"/>
      <c r="AA1762" s="85"/>
      <c r="AB1762" s="85"/>
      <c r="AC1762" s="85"/>
      <c r="AD1762" s="85"/>
      <c r="AE1762" s="85"/>
      <c r="AF1762" s="85"/>
      <c r="AG1762" s="85"/>
      <c r="AH1762" s="85"/>
      <c r="AI1762" s="85"/>
      <c r="AJ1762" s="85"/>
      <c r="AK1762" s="85"/>
      <c r="AL1762" s="85"/>
      <c r="AM1762" s="85"/>
      <c r="AN1762" s="85"/>
      <c r="AO1762" s="85"/>
      <c r="AP1762" s="85"/>
      <c r="AQ1762" s="85"/>
      <c r="AR1762" s="85"/>
      <c r="AS1762" s="85"/>
      <c r="AT1762" s="85"/>
      <c r="AU1762" s="85"/>
      <c r="AV1762" s="85"/>
      <c r="AW1762" s="85"/>
      <c r="AX1762" s="85"/>
      <c r="AY1762" s="85"/>
      <c r="AZ1762" s="85"/>
      <c r="BA1762" s="85"/>
      <c r="BB1762" s="85"/>
      <c r="BC1762" s="85"/>
      <c r="BD1762" s="85"/>
      <c r="BE1762" s="85"/>
      <c r="BF1762" s="85"/>
      <c r="BG1762" s="85"/>
      <c r="BH1762" s="85"/>
      <c r="BI1762" s="85"/>
      <c r="BJ1762" s="85"/>
      <c r="BK1762" s="85"/>
      <c r="BL1762" s="85"/>
      <c r="BM1762" s="85"/>
      <c r="BN1762" s="85"/>
      <c r="BO1762" s="85"/>
      <c r="BP1762" s="85"/>
      <c r="BQ1762" s="85"/>
      <c r="BR1762" s="85"/>
      <c r="BS1762" s="85"/>
      <c r="BT1762" s="85"/>
      <c r="BU1762" s="85"/>
      <c r="BV1762" s="85"/>
      <c r="BW1762" s="85"/>
      <c r="BX1762" s="85"/>
      <c r="BY1762" s="85"/>
      <c r="BZ1762" s="85"/>
      <c r="CA1762" s="85"/>
      <c r="CB1762" s="85"/>
      <c r="CC1762" s="85"/>
      <c r="CD1762" s="85"/>
      <c r="CE1762" s="85"/>
      <c r="CF1762" s="85"/>
      <c r="CG1762" s="85"/>
    </row>
    <row r="1763" spans="1:85" s="9" customFormat="1" x14ac:dyDescent="0.2">
      <c r="A1763" s="85"/>
      <c r="J1763" s="85"/>
      <c r="K1763" s="85"/>
      <c r="L1763" s="85"/>
      <c r="M1763" s="85"/>
      <c r="N1763" s="85"/>
      <c r="O1763" s="85"/>
      <c r="P1763" s="85"/>
      <c r="Q1763" s="85"/>
      <c r="R1763" s="85"/>
      <c r="S1763" s="85"/>
      <c r="T1763" s="85"/>
      <c r="U1763" s="85"/>
      <c r="V1763" s="85"/>
      <c r="W1763" s="85"/>
      <c r="X1763" s="85"/>
      <c r="Y1763" s="85"/>
      <c r="Z1763" s="85"/>
      <c r="AA1763" s="85"/>
      <c r="AB1763" s="85"/>
      <c r="AC1763" s="85"/>
      <c r="AD1763" s="85"/>
      <c r="AE1763" s="85"/>
      <c r="AF1763" s="85"/>
      <c r="AG1763" s="85"/>
      <c r="AH1763" s="85"/>
      <c r="AI1763" s="85"/>
      <c r="AJ1763" s="85"/>
      <c r="AK1763" s="85"/>
      <c r="AL1763" s="85"/>
      <c r="AM1763" s="85"/>
      <c r="AN1763" s="85"/>
      <c r="AO1763" s="85"/>
      <c r="AP1763" s="85"/>
      <c r="AQ1763" s="85"/>
      <c r="AR1763" s="85"/>
      <c r="AS1763" s="85"/>
      <c r="AT1763" s="85"/>
      <c r="AU1763" s="85"/>
      <c r="AV1763" s="85"/>
      <c r="AW1763" s="85"/>
      <c r="AX1763" s="85"/>
      <c r="AY1763" s="85"/>
      <c r="AZ1763" s="85"/>
      <c r="BA1763" s="85"/>
      <c r="BB1763" s="85"/>
      <c r="BC1763" s="85"/>
      <c r="BD1763" s="85"/>
      <c r="BE1763" s="85"/>
      <c r="BF1763" s="85"/>
      <c r="BG1763" s="85"/>
      <c r="BH1763" s="85"/>
      <c r="BI1763" s="85"/>
      <c r="BJ1763" s="85"/>
      <c r="BK1763" s="85"/>
      <c r="BL1763" s="85"/>
      <c r="BM1763" s="85"/>
      <c r="BN1763" s="85"/>
      <c r="BO1763" s="85"/>
      <c r="BP1763" s="85"/>
      <c r="BQ1763" s="85"/>
      <c r="BR1763" s="85"/>
      <c r="BS1763" s="85"/>
      <c r="BT1763" s="85"/>
      <c r="BU1763" s="85"/>
      <c r="BV1763" s="85"/>
      <c r="BW1763" s="85"/>
      <c r="BX1763" s="85"/>
      <c r="BY1763" s="85"/>
      <c r="BZ1763" s="85"/>
      <c r="CA1763" s="85"/>
      <c r="CB1763" s="85"/>
      <c r="CC1763" s="85"/>
      <c r="CD1763" s="85"/>
      <c r="CE1763" s="85"/>
      <c r="CF1763" s="85"/>
      <c r="CG1763" s="85"/>
    </row>
    <row r="1764" spans="1:85" s="9" customFormat="1" x14ac:dyDescent="0.2">
      <c r="A1764" s="85"/>
      <c r="J1764" s="85"/>
      <c r="K1764" s="85"/>
      <c r="L1764" s="85"/>
      <c r="M1764" s="85"/>
      <c r="N1764" s="85"/>
      <c r="O1764" s="85"/>
      <c r="P1764" s="85"/>
      <c r="Q1764" s="85"/>
      <c r="R1764" s="85"/>
      <c r="S1764" s="85"/>
      <c r="T1764" s="85"/>
      <c r="U1764" s="85"/>
      <c r="V1764" s="85"/>
      <c r="W1764" s="85"/>
      <c r="X1764" s="85"/>
      <c r="Y1764" s="85"/>
      <c r="Z1764" s="85"/>
      <c r="AA1764" s="85"/>
      <c r="AB1764" s="85"/>
      <c r="AC1764" s="85"/>
      <c r="AD1764" s="85"/>
      <c r="AE1764" s="85"/>
      <c r="AF1764" s="85"/>
      <c r="AG1764" s="85"/>
      <c r="AH1764" s="85"/>
      <c r="AI1764" s="85"/>
      <c r="AJ1764" s="85"/>
      <c r="AK1764" s="85"/>
      <c r="AL1764" s="85"/>
      <c r="AM1764" s="85"/>
      <c r="AN1764" s="85"/>
      <c r="AO1764" s="85"/>
      <c r="AP1764" s="85"/>
      <c r="AQ1764" s="85"/>
      <c r="AR1764" s="85"/>
      <c r="AS1764" s="85"/>
      <c r="AT1764" s="85"/>
      <c r="AU1764" s="85"/>
      <c r="AV1764" s="85"/>
      <c r="AW1764" s="85"/>
      <c r="AX1764" s="85"/>
      <c r="AY1764" s="85"/>
      <c r="AZ1764" s="85"/>
      <c r="BA1764" s="85"/>
      <c r="BB1764" s="85"/>
      <c r="BC1764" s="85"/>
      <c r="BD1764" s="85"/>
      <c r="BE1764" s="85"/>
      <c r="BF1764" s="85"/>
      <c r="BG1764" s="85"/>
      <c r="BH1764" s="85"/>
      <c r="BI1764" s="85"/>
      <c r="BJ1764" s="85"/>
      <c r="BK1764" s="85"/>
      <c r="BL1764" s="85"/>
      <c r="BM1764" s="85"/>
      <c r="BN1764" s="85"/>
      <c r="BO1764" s="85"/>
      <c r="BP1764" s="85"/>
      <c r="BQ1764" s="85"/>
      <c r="BR1764" s="85"/>
      <c r="BS1764" s="85"/>
      <c r="BT1764" s="85"/>
      <c r="BU1764" s="85"/>
      <c r="BV1764" s="85"/>
      <c r="BW1764" s="85"/>
      <c r="BX1764" s="85"/>
      <c r="BY1764" s="85"/>
      <c r="BZ1764" s="85"/>
      <c r="CA1764" s="85"/>
      <c r="CB1764" s="85"/>
      <c r="CC1764" s="85"/>
      <c r="CD1764" s="85"/>
      <c r="CE1764" s="85"/>
      <c r="CF1764" s="85"/>
      <c r="CG1764" s="85"/>
    </row>
    <row r="1765" spans="1:85" s="9" customFormat="1" x14ac:dyDescent="0.2">
      <c r="A1765" s="85"/>
      <c r="J1765" s="85"/>
      <c r="K1765" s="85"/>
      <c r="L1765" s="85"/>
      <c r="M1765" s="85"/>
      <c r="N1765" s="85"/>
      <c r="O1765" s="85"/>
      <c r="P1765" s="85"/>
      <c r="Q1765" s="85"/>
      <c r="R1765" s="85"/>
      <c r="S1765" s="85"/>
      <c r="T1765" s="85"/>
      <c r="U1765" s="85"/>
      <c r="V1765" s="85"/>
      <c r="W1765" s="85"/>
      <c r="X1765" s="85"/>
      <c r="Y1765" s="85"/>
      <c r="Z1765" s="85"/>
      <c r="AA1765" s="85"/>
      <c r="AB1765" s="85"/>
      <c r="AC1765" s="85"/>
      <c r="AD1765" s="85"/>
      <c r="AE1765" s="85"/>
      <c r="AF1765" s="85"/>
      <c r="AG1765" s="85"/>
      <c r="AH1765" s="85"/>
      <c r="AI1765" s="85"/>
      <c r="AJ1765" s="85"/>
      <c r="AK1765" s="85"/>
      <c r="AL1765" s="85"/>
      <c r="AM1765" s="85"/>
      <c r="AN1765" s="85"/>
      <c r="AO1765" s="85"/>
      <c r="AP1765" s="85"/>
      <c r="AQ1765" s="85"/>
      <c r="AR1765" s="85"/>
      <c r="AS1765" s="85"/>
      <c r="AT1765" s="85"/>
      <c r="AU1765" s="85"/>
      <c r="AV1765" s="85"/>
      <c r="AW1765" s="85"/>
      <c r="AX1765" s="85"/>
      <c r="AY1765" s="85"/>
      <c r="AZ1765" s="85"/>
      <c r="BA1765" s="85"/>
      <c r="BB1765" s="85"/>
      <c r="BC1765" s="85"/>
      <c r="BD1765" s="85"/>
      <c r="BE1765" s="85"/>
      <c r="BF1765" s="85"/>
      <c r="BG1765" s="85"/>
      <c r="BH1765" s="85"/>
      <c r="BI1765" s="85"/>
      <c r="BJ1765" s="85"/>
      <c r="BK1765" s="85"/>
      <c r="BL1765" s="85"/>
      <c r="BM1765" s="85"/>
      <c r="BN1765" s="85"/>
      <c r="BO1765" s="85"/>
      <c r="BP1765" s="85"/>
      <c r="BQ1765" s="85"/>
      <c r="BR1765" s="85"/>
      <c r="BS1765" s="85"/>
      <c r="BT1765" s="85"/>
      <c r="BU1765" s="85"/>
      <c r="BV1765" s="85"/>
      <c r="BW1765" s="85"/>
      <c r="BX1765" s="85"/>
      <c r="BY1765" s="85"/>
      <c r="BZ1765" s="85"/>
      <c r="CA1765" s="85"/>
      <c r="CB1765" s="85"/>
      <c r="CC1765" s="85"/>
      <c r="CD1765" s="85"/>
      <c r="CE1765" s="85"/>
      <c r="CF1765" s="85"/>
      <c r="CG1765" s="85"/>
    </row>
    <row r="1766" spans="1:85" s="9" customFormat="1" x14ac:dyDescent="0.2">
      <c r="A1766" s="85"/>
      <c r="J1766" s="85"/>
      <c r="K1766" s="85"/>
      <c r="L1766" s="85"/>
      <c r="M1766" s="85"/>
      <c r="N1766" s="85"/>
      <c r="O1766" s="85"/>
      <c r="P1766" s="85"/>
      <c r="Q1766" s="85"/>
      <c r="R1766" s="85"/>
      <c r="S1766" s="85"/>
      <c r="T1766" s="85"/>
      <c r="U1766" s="85"/>
      <c r="V1766" s="85"/>
      <c r="W1766" s="85"/>
      <c r="X1766" s="85"/>
      <c r="Y1766" s="85"/>
      <c r="Z1766" s="85"/>
      <c r="AA1766" s="85"/>
      <c r="AB1766" s="85"/>
      <c r="AC1766" s="85"/>
      <c r="AD1766" s="85"/>
      <c r="AE1766" s="85"/>
      <c r="AF1766" s="85"/>
      <c r="AG1766" s="85"/>
      <c r="AH1766" s="85"/>
      <c r="AI1766" s="85"/>
      <c r="AJ1766" s="85"/>
      <c r="AK1766" s="85"/>
      <c r="AL1766" s="85"/>
      <c r="AM1766" s="85"/>
      <c r="AN1766" s="85"/>
      <c r="AO1766" s="85"/>
      <c r="AP1766" s="85"/>
      <c r="AQ1766" s="85"/>
      <c r="AR1766" s="85"/>
      <c r="AS1766" s="85"/>
      <c r="AT1766" s="85"/>
      <c r="AU1766" s="85"/>
      <c r="AV1766" s="85"/>
      <c r="AW1766" s="85"/>
      <c r="AX1766" s="85"/>
      <c r="AY1766" s="85"/>
      <c r="AZ1766" s="85"/>
      <c r="BA1766" s="85"/>
      <c r="BB1766" s="85"/>
      <c r="BC1766" s="85"/>
      <c r="BD1766" s="85"/>
      <c r="BE1766" s="85"/>
      <c r="BF1766" s="85"/>
      <c r="BG1766" s="85"/>
      <c r="BH1766" s="85"/>
      <c r="BI1766" s="85"/>
      <c r="BJ1766" s="85"/>
      <c r="BK1766" s="85"/>
      <c r="BL1766" s="85"/>
      <c r="BM1766" s="85"/>
      <c r="BN1766" s="85"/>
      <c r="BO1766" s="85"/>
      <c r="BP1766" s="85"/>
      <c r="BQ1766" s="85"/>
      <c r="BR1766" s="85"/>
      <c r="BS1766" s="85"/>
      <c r="BT1766" s="85"/>
      <c r="BU1766" s="85"/>
      <c r="BV1766" s="85"/>
      <c r="BW1766" s="85"/>
      <c r="BX1766" s="85"/>
      <c r="BY1766" s="85"/>
      <c r="BZ1766" s="85"/>
      <c r="CA1766" s="85"/>
      <c r="CB1766" s="85"/>
      <c r="CC1766" s="85"/>
      <c r="CD1766" s="85"/>
      <c r="CE1766" s="85"/>
      <c r="CF1766" s="85"/>
      <c r="CG1766" s="85"/>
    </row>
    <row r="1767" spans="1:85" s="9" customFormat="1" x14ac:dyDescent="0.2">
      <c r="A1767" s="85"/>
      <c r="J1767" s="85"/>
      <c r="K1767" s="85"/>
      <c r="L1767" s="85"/>
      <c r="M1767" s="85"/>
      <c r="N1767" s="85"/>
      <c r="O1767" s="85"/>
      <c r="P1767" s="85"/>
      <c r="Q1767" s="85"/>
      <c r="R1767" s="85"/>
      <c r="S1767" s="85"/>
      <c r="T1767" s="85"/>
      <c r="U1767" s="85"/>
      <c r="V1767" s="85"/>
      <c r="W1767" s="85"/>
      <c r="X1767" s="85"/>
      <c r="Y1767" s="85"/>
      <c r="Z1767" s="85"/>
      <c r="AA1767" s="85"/>
      <c r="AB1767" s="85"/>
      <c r="AC1767" s="85"/>
      <c r="AD1767" s="85"/>
      <c r="AE1767" s="85"/>
      <c r="AF1767" s="85"/>
      <c r="AG1767" s="85"/>
      <c r="AH1767" s="85"/>
      <c r="AI1767" s="85"/>
      <c r="AJ1767" s="85"/>
      <c r="AK1767" s="85"/>
      <c r="AL1767" s="85"/>
      <c r="AM1767" s="85"/>
      <c r="AN1767" s="85"/>
      <c r="AO1767" s="85"/>
      <c r="AP1767" s="85"/>
      <c r="AQ1767" s="85"/>
      <c r="AR1767" s="85"/>
      <c r="AS1767" s="85"/>
      <c r="AT1767" s="85"/>
      <c r="AU1767" s="85"/>
      <c r="AV1767" s="85"/>
      <c r="AW1767" s="85"/>
      <c r="AX1767" s="85"/>
      <c r="AY1767" s="85"/>
      <c r="AZ1767" s="85"/>
      <c r="BA1767" s="85"/>
      <c r="BB1767" s="85"/>
      <c r="BC1767" s="85"/>
      <c r="BD1767" s="85"/>
      <c r="BE1767" s="85"/>
      <c r="BF1767" s="85"/>
      <c r="BG1767" s="85"/>
      <c r="BH1767" s="85"/>
      <c r="BI1767" s="85"/>
      <c r="BJ1767" s="85"/>
      <c r="BK1767" s="85"/>
      <c r="BL1767" s="85"/>
      <c r="BM1767" s="85"/>
      <c r="BN1767" s="85"/>
      <c r="BO1767" s="85"/>
      <c r="BP1767" s="85"/>
      <c r="BQ1767" s="85"/>
      <c r="BR1767" s="85"/>
      <c r="BS1767" s="85"/>
      <c r="BT1767" s="85"/>
      <c r="BU1767" s="85"/>
      <c r="BV1767" s="85"/>
      <c r="BW1767" s="85"/>
      <c r="BX1767" s="85"/>
      <c r="BY1767" s="85"/>
      <c r="BZ1767" s="85"/>
      <c r="CA1767" s="85"/>
      <c r="CB1767" s="85"/>
      <c r="CC1767" s="85"/>
      <c r="CD1767" s="85"/>
      <c r="CE1767" s="85"/>
      <c r="CF1767" s="85"/>
      <c r="CG1767" s="85"/>
    </row>
    <row r="1768" spans="1:85" s="9" customFormat="1" x14ac:dyDescent="0.2">
      <c r="A1768" s="85"/>
      <c r="J1768" s="85"/>
      <c r="K1768" s="85"/>
      <c r="L1768" s="85"/>
      <c r="M1768" s="85"/>
      <c r="N1768" s="85"/>
      <c r="O1768" s="85"/>
      <c r="P1768" s="85"/>
      <c r="Q1768" s="85"/>
      <c r="R1768" s="85"/>
      <c r="S1768" s="85"/>
      <c r="T1768" s="85"/>
      <c r="U1768" s="85"/>
      <c r="V1768" s="85"/>
      <c r="W1768" s="85"/>
      <c r="X1768" s="85"/>
      <c r="Y1768" s="85"/>
      <c r="Z1768" s="85"/>
      <c r="AA1768" s="85"/>
      <c r="AB1768" s="85"/>
      <c r="AC1768" s="85"/>
      <c r="AD1768" s="85"/>
      <c r="AE1768" s="85"/>
      <c r="AF1768" s="85"/>
      <c r="AG1768" s="85"/>
      <c r="AH1768" s="85"/>
      <c r="AI1768" s="85"/>
      <c r="AJ1768" s="85"/>
      <c r="AK1768" s="85"/>
      <c r="AL1768" s="85"/>
      <c r="AM1768" s="85"/>
      <c r="AN1768" s="85"/>
      <c r="AO1768" s="85"/>
      <c r="AP1768" s="85"/>
      <c r="AQ1768" s="85"/>
      <c r="AR1768" s="85"/>
      <c r="AS1768" s="85"/>
      <c r="AT1768" s="85"/>
      <c r="AU1768" s="85"/>
      <c r="AV1768" s="85"/>
      <c r="AW1768" s="85"/>
      <c r="AX1768" s="85"/>
      <c r="AY1768" s="85"/>
      <c r="AZ1768" s="85"/>
      <c r="BA1768" s="85"/>
      <c r="BB1768" s="85"/>
      <c r="BC1768" s="85"/>
      <c r="BD1768" s="85"/>
      <c r="BE1768" s="85"/>
      <c r="BF1768" s="85"/>
      <c r="BG1768" s="85"/>
      <c r="BH1768" s="85"/>
      <c r="BI1768" s="85"/>
      <c r="BJ1768" s="85"/>
      <c r="BK1768" s="85"/>
      <c r="BL1768" s="85"/>
      <c r="BM1768" s="85"/>
      <c r="BN1768" s="85"/>
      <c r="BO1768" s="85"/>
      <c r="BP1768" s="85"/>
      <c r="BQ1768" s="85"/>
      <c r="BR1768" s="85"/>
      <c r="BS1768" s="85"/>
      <c r="BT1768" s="85"/>
      <c r="BU1768" s="85"/>
      <c r="BV1768" s="85"/>
      <c r="BW1768" s="85"/>
      <c r="BX1768" s="85"/>
      <c r="BY1768" s="85"/>
      <c r="BZ1768" s="85"/>
      <c r="CA1768" s="85"/>
      <c r="CB1768" s="85"/>
      <c r="CC1768" s="85"/>
      <c r="CD1768" s="85"/>
      <c r="CE1768" s="85"/>
      <c r="CF1768" s="85"/>
      <c r="CG1768" s="85"/>
    </row>
    <row r="1769" spans="1:85" s="9" customFormat="1" x14ac:dyDescent="0.2">
      <c r="A1769" s="85"/>
      <c r="J1769" s="85"/>
      <c r="K1769" s="85"/>
      <c r="L1769" s="85"/>
      <c r="M1769" s="85"/>
      <c r="N1769" s="85"/>
      <c r="O1769" s="85"/>
      <c r="P1769" s="85"/>
      <c r="Q1769" s="85"/>
      <c r="R1769" s="85"/>
      <c r="S1769" s="85"/>
      <c r="T1769" s="85"/>
      <c r="U1769" s="85"/>
      <c r="V1769" s="85"/>
      <c r="W1769" s="85"/>
      <c r="X1769" s="85"/>
      <c r="Y1769" s="85"/>
      <c r="Z1769" s="85"/>
      <c r="AA1769" s="85"/>
      <c r="AB1769" s="85"/>
      <c r="AC1769" s="85"/>
      <c r="AD1769" s="85"/>
      <c r="AE1769" s="85"/>
      <c r="AF1769" s="85"/>
      <c r="AG1769" s="85"/>
      <c r="AH1769" s="85"/>
      <c r="AI1769" s="85"/>
      <c r="AJ1769" s="85"/>
      <c r="AK1769" s="85"/>
      <c r="AL1769" s="85"/>
      <c r="AM1769" s="85"/>
      <c r="AN1769" s="85"/>
      <c r="AO1769" s="85"/>
      <c r="AP1769" s="85"/>
      <c r="AQ1769" s="85"/>
      <c r="AR1769" s="85"/>
      <c r="AS1769" s="85"/>
      <c r="AT1769" s="85"/>
      <c r="AU1769" s="85"/>
      <c r="AV1769" s="85"/>
      <c r="AW1769" s="85"/>
      <c r="AX1769" s="85"/>
      <c r="AY1769" s="85"/>
      <c r="AZ1769" s="85"/>
      <c r="BA1769" s="85"/>
      <c r="BB1769" s="85"/>
      <c r="BC1769" s="85"/>
      <c r="BD1769" s="85"/>
      <c r="BE1769" s="85"/>
      <c r="BF1769" s="85"/>
      <c r="BG1769" s="85"/>
      <c r="BH1769" s="85"/>
      <c r="BI1769" s="85"/>
      <c r="BJ1769" s="85"/>
      <c r="BK1769" s="85"/>
      <c r="BL1769" s="85"/>
      <c r="BM1769" s="85"/>
      <c r="BN1769" s="85"/>
      <c r="BO1769" s="85"/>
      <c r="BP1769" s="85"/>
      <c r="BQ1769" s="85"/>
      <c r="BR1769" s="85"/>
      <c r="BS1769" s="85"/>
      <c r="BT1769" s="85"/>
      <c r="BU1769" s="85"/>
      <c r="BV1769" s="85"/>
      <c r="BW1769" s="85"/>
      <c r="BX1769" s="85"/>
      <c r="BY1769" s="85"/>
      <c r="BZ1769" s="85"/>
      <c r="CA1769" s="85"/>
      <c r="CB1769" s="85"/>
      <c r="CC1769" s="85"/>
      <c r="CD1769" s="85"/>
      <c r="CE1769" s="85"/>
      <c r="CF1769" s="85"/>
      <c r="CG1769" s="85"/>
    </row>
    <row r="1770" spans="1:85" s="9" customFormat="1" x14ac:dyDescent="0.2">
      <c r="A1770" s="85"/>
      <c r="J1770" s="85"/>
      <c r="K1770" s="85"/>
      <c r="L1770" s="85"/>
      <c r="M1770" s="85"/>
      <c r="N1770" s="85"/>
      <c r="O1770" s="85"/>
      <c r="P1770" s="85"/>
      <c r="Q1770" s="85"/>
      <c r="R1770" s="85"/>
      <c r="S1770" s="85"/>
      <c r="T1770" s="85"/>
      <c r="U1770" s="85"/>
      <c r="V1770" s="85"/>
      <c r="W1770" s="85"/>
      <c r="X1770" s="85"/>
      <c r="Y1770" s="85"/>
      <c r="Z1770" s="85"/>
      <c r="AA1770" s="85"/>
      <c r="AB1770" s="85"/>
      <c r="AC1770" s="85"/>
      <c r="AD1770" s="85"/>
      <c r="AE1770" s="85"/>
      <c r="AF1770" s="85"/>
      <c r="AG1770" s="85"/>
      <c r="AH1770" s="85"/>
      <c r="AI1770" s="85"/>
      <c r="AJ1770" s="85"/>
      <c r="AK1770" s="85"/>
      <c r="AL1770" s="85"/>
      <c r="AM1770" s="85"/>
      <c r="AN1770" s="85"/>
      <c r="AO1770" s="85"/>
      <c r="AP1770" s="85"/>
      <c r="AQ1770" s="85"/>
      <c r="AR1770" s="85"/>
      <c r="AS1770" s="85"/>
      <c r="AT1770" s="85"/>
      <c r="AU1770" s="85"/>
      <c r="AV1770" s="85"/>
      <c r="AW1770" s="85"/>
      <c r="AX1770" s="85"/>
      <c r="AY1770" s="85"/>
      <c r="AZ1770" s="85"/>
      <c r="BA1770" s="85"/>
      <c r="BB1770" s="85"/>
      <c r="BC1770" s="85"/>
      <c r="BD1770" s="85"/>
      <c r="BE1770" s="85"/>
      <c r="BF1770" s="85"/>
      <c r="BG1770" s="85"/>
      <c r="BH1770" s="85"/>
      <c r="BI1770" s="85"/>
      <c r="BJ1770" s="85"/>
      <c r="BK1770" s="85"/>
      <c r="BL1770" s="85"/>
      <c r="BM1770" s="85"/>
      <c r="BN1770" s="85"/>
      <c r="BO1770" s="85"/>
      <c r="BP1770" s="85"/>
      <c r="BQ1770" s="85"/>
      <c r="BR1770" s="85"/>
      <c r="BS1770" s="85"/>
      <c r="BT1770" s="85"/>
      <c r="BU1770" s="85"/>
      <c r="BV1770" s="85"/>
      <c r="BW1770" s="85"/>
      <c r="BX1770" s="85"/>
      <c r="BY1770" s="85"/>
      <c r="BZ1770" s="85"/>
      <c r="CA1770" s="85"/>
      <c r="CB1770" s="85"/>
      <c r="CC1770" s="85"/>
      <c r="CD1770" s="85"/>
      <c r="CE1770" s="85"/>
      <c r="CF1770" s="85"/>
      <c r="CG1770" s="85"/>
    </row>
    <row r="1771" spans="1:85" s="9" customFormat="1" x14ac:dyDescent="0.2">
      <c r="A1771" s="85"/>
      <c r="J1771" s="85"/>
      <c r="K1771" s="85"/>
      <c r="L1771" s="85"/>
      <c r="M1771" s="85"/>
      <c r="N1771" s="85"/>
      <c r="O1771" s="85"/>
      <c r="P1771" s="85"/>
      <c r="Q1771" s="85"/>
      <c r="R1771" s="85"/>
      <c r="S1771" s="85"/>
      <c r="T1771" s="85"/>
      <c r="U1771" s="85"/>
      <c r="V1771" s="85"/>
      <c r="W1771" s="85"/>
      <c r="X1771" s="85"/>
      <c r="Y1771" s="85"/>
      <c r="Z1771" s="85"/>
      <c r="AA1771" s="85"/>
      <c r="AB1771" s="85"/>
      <c r="AC1771" s="85"/>
      <c r="AD1771" s="85"/>
      <c r="AE1771" s="85"/>
      <c r="AF1771" s="85"/>
      <c r="AG1771" s="85"/>
      <c r="AH1771" s="85"/>
      <c r="AI1771" s="85"/>
      <c r="AJ1771" s="85"/>
      <c r="AK1771" s="85"/>
      <c r="AL1771" s="85"/>
      <c r="AM1771" s="85"/>
      <c r="AN1771" s="85"/>
      <c r="AO1771" s="85"/>
      <c r="AP1771" s="85"/>
      <c r="AQ1771" s="85"/>
      <c r="AR1771" s="85"/>
      <c r="AS1771" s="85"/>
      <c r="AT1771" s="85"/>
      <c r="AU1771" s="85"/>
      <c r="AV1771" s="85"/>
      <c r="AW1771" s="85"/>
      <c r="AX1771" s="85"/>
      <c r="AY1771" s="85"/>
      <c r="AZ1771" s="85"/>
      <c r="BA1771" s="85"/>
      <c r="BB1771" s="85"/>
      <c r="BC1771" s="85"/>
      <c r="BD1771" s="85"/>
      <c r="BE1771" s="85"/>
      <c r="BF1771" s="85"/>
      <c r="BG1771" s="85"/>
      <c r="BH1771" s="85"/>
      <c r="BI1771" s="85"/>
      <c r="BJ1771" s="85"/>
      <c r="BK1771" s="85"/>
      <c r="BL1771" s="85"/>
      <c r="BM1771" s="85"/>
      <c r="BN1771" s="85"/>
      <c r="BO1771" s="85"/>
      <c r="BP1771" s="85"/>
      <c r="BQ1771" s="85"/>
      <c r="BR1771" s="85"/>
      <c r="BS1771" s="85"/>
      <c r="BT1771" s="85"/>
      <c r="BU1771" s="85"/>
      <c r="BV1771" s="85"/>
      <c r="BW1771" s="85"/>
      <c r="BX1771" s="85"/>
      <c r="BY1771" s="85"/>
      <c r="BZ1771" s="85"/>
      <c r="CA1771" s="85"/>
      <c r="CB1771" s="85"/>
      <c r="CC1771" s="85"/>
      <c r="CD1771" s="85"/>
      <c r="CE1771" s="85"/>
      <c r="CF1771" s="85"/>
      <c r="CG1771" s="85"/>
    </row>
    <row r="1772" spans="1:85" s="9" customFormat="1" x14ac:dyDescent="0.2">
      <c r="A1772" s="85"/>
      <c r="J1772" s="85"/>
      <c r="K1772" s="85"/>
      <c r="L1772" s="85"/>
      <c r="M1772" s="85"/>
      <c r="N1772" s="85"/>
      <c r="O1772" s="85"/>
      <c r="P1772" s="85"/>
      <c r="Q1772" s="85"/>
      <c r="R1772" s="85"/>
      <c r="S1772" s="85"/>
      <c r="T1772" s="85"/>
      <c r="U1772" s="85"/>
      <c r="V1772" s="85"/>
      <c r="W1772" s="85"/>
      <c r="X1772" s="85"/>
      <c r="Y1772" s="85"/>
      <c r="Z1772" s="85"/>
      <c r="AA1772" s="85"/>
      <c r="AB1772" s="85"/>
      <c r="AC1772" s="85"/>
      <c r="AD1772" s="85"/>
      <c r="AE1772" s="85"/>
      <c r="AF1772" s="85"/>
      <c r="AG1772" s="85"/>
      <c r="AH1772" s="85"/>
      <c r="AI1772" s="85"/>
      <c r="AJ1772" s="85"/>
      <c r="AK1772" s="85"/>
      <c r="AL1772" s="85"/>
      <c r="AM1772" s="85"/>
      <c r="AN1772" s="85"/>
      <c r="AO1772" s="85"/>
      <c r="AP1772" s="85"/>
      <c r="AQ1772" s="85"/>
      <c r="AR1772" s="85"/>
      <c r="AS1772" s="85"/>
      <c r="AT1772" s="85"/>
      <c r="AU1772" s="85"/>
      <c r="AV1772" s="85"/>
      <c r="AW1772" s="85"/>
      <c r="AX1772" s="85"/>
      <c r="AY1772" s="85"/>
      <c r="AZ1772" s="85"/>
      <c r="BA1772" s="85"/>
      <c r="BB1772" s="85"/>
      <c r="BC1772" s="85"/>
      <c r="BD1772" s="85"/>
      <c r="BE1772" s="85"/>
      <c r="BF1772" s="85"/>
      <c r="BG1772" s="85"/>
      <c r="BH1772" s="85"/>
      <c r="BI1772" s="85"/>
      <c r="BJ1772" s="85"/>
      <c r="BK1772" s="85"/>
      <c r="BL1772" s="85"/>
      <c r="BM1772" s="85"/>
      <c r="BN1772" s="85"/>
      <c r="BO1772" s="85"/>
      <c r="BP1772" s="85"/>
      <c r="BQ1772" s="85"/>
      <c r="BR1772" s="85"/>
      <c r="BS1772" s="85"/>
      <c r="BT1772" s="85"/>
      <c r="BU1772" s="85"/>
      <c r="BV1772" s="85"/>
      <c r="BW1772" s="85"/>
      <c r="BX1772" s="85"/>
      <c r="BY1772" s="85"/>
      <c r="BZ1772" s="85"/>
      <c r="CA1772" s="85"/>
      <c r="CB1772" s="85"/>
      <c r="CC1772" s="85"/>
      <c r="CD1772" s="85"/>
      <c r="CE1772" s="85"/>
      <c r="CF1772" s="85"/>
      <c r="CG1772" s="85"/>
    </row>
    <row r="1773" spans="1:85" s="9" customFormat="1" x14ac:dyDescent="0.2">
      <c r="A1773" s="85"/>
      <c r="J1773" s="85"/>
      <c r="K1773" s="85"/>
      <c r="L1773" s="85"/>
      <c r="M1773" s="85"/>
      <c r="N1773" s="85"/>
      <c r="O1773" s="85"/>
      <c r="P1773" s="85"/>
      <c r="Q1773" s="85"/>
      <c r="R1773" s="85"/>
      <c r="S1773" s="85"/>
      <c r="T1773" s="85"/>
      <c r="U1773" s="85"/>
      <c r="V1773" s="85"/>
      <c r="W1773" s="85"/>
      <c r="X1773" s="85"/>
      <c r="Y1773" s="85"/>
      <c r="Z1773" s="85"/>
      <c r="AA1773" s="85"/>
      <c r="AB1773" s="85"/>
      <c r="AC1773" s="85"/>
      <c r="AD1773" s="85"/>
      <c r="AE1773" s="85"/>
      <c r="AF1773" s="85"/>
      <c r="AG1773" s="85"/>
      <c r="AH1773" s="85"/>
      <c r="AI1773" s="85"/>
      <c r="AJ1773" s="85"/>
      <c r="AK1773" s="85"/>
      <c r="AL1773" s="85"/>
      <c r="AM1773" s="85"/>
      <c r="AN1773" s="85"/>
      <c r="AO1773" s="85"/>
      <c r="AP1773" s="85"/>
      <c r="AQ1773" s="85"/>
      <c r="AR1773" s="85"/>
      <c r="AS1773" s="85"/>
      <c r="AT1773" s="85"/>
      <c r="AU1773" s="85"/>
      <c r="AV1773" s="85"/>
      <c r="AW1773" s="85"/>
      <c r="AX1773" s="85"/>
      <c r="AY1773" s="85"/>
      <c r="AZ1773" s="85"/>
      <c r="BA1773" s="85"/>
      <c r="BB1773" s="85"/>
      <c r="BC1773" s="85"/>
      <c r="BD1773" s="85"/>
      <c r="BE1773" s="85"/>
      <c r="BF1773" s="85"/>
      <c r="BG1773" s="85"/>
      <c r="BH1773" s="85"/>
      <c r="BI1773" s="85"/>
      <c r="BJ1773" s="85"/>
      <c r="BK1773" s="85"/>
      <c r="BL1773" s="85"/>
      <c r="BM1773" s="85"/>
      <c r="BN1773" s="85"/>
      <c r="BO1773" s="85"/>
      <c r="BP1773" s="85"/>
      <c r="BQ1773" s="85"/>
      <c r="BR1773" s="85"/>
      <c r="BS1773" s="85"/>
      <c r="BT1773" s="85"/>
      <c r="BU1773" s="85"/>
      <c r="BV1773" s="85"/>
      <c r="BW1773" s="85"/>
      <c r="BX1773" s="85"/>
      <c r="BY1773" s="85"/>
      <c r="BZ1773" s="85"/>
      <c r="CA1773" s="85"/>
      <c r="CB1773" s="85"/>
      <c r="CC1773" s="85"/>
      <c r="CD1773" s="85"/>
      <c r="CE1773" s="85"/>
      <c r="CF1773" s="85"/>
      <c r="CG1773" s="85"/>
    </row>
    <row r="1774" spans="1:85" s="9" customFormat="1" x14ac:dyDescent="0.2">
      <c r="A1774" s="85"/>
      <c r="J1774" s="85"/>
      <c r="K1774" s="85"/>
      <c r="L1774" s="85"/>
      <c r="M1774" s="85"/>
      <c r="N1774" s="85"/>
      <c r="O1774" s="85"/>
      <c r="P1774" s="85"/>
      <c r="Q1774" s="85"/>
      <c r="R1774" s="85"/>
      <c r="S1774" s="85"/>
      <c r="T1774" s="85"/>
      <c r="U1774" s="85"/>
      <c r="V1774" s="85"/>
      <c r="W1774" s="85"/>
      <c r="X1774" s="85"/>
      <c r="Y1774" s="85"/>
      <c r="Z1774" s="85"/>
      <c r="AA1774" s="85"/>
      <c r="AB1774" s="85"/>
      <c r="AC1774" s="85"/>
      <c r="AD1774" s="85"/>
      <c r="AE1774" s="85"/>
      <c r="AF1774" s="85"/>
      <c r="AG1774" s="85"/>
      <c r="AH1774" s="85"/>
      <c r="AI1774" s="85"/>
      <c r="AJ1774" s="85"/>
      <c r="AK1774" s="85"/>
      <c r="AL1774" s="85"/>
      <c r="AM1774" s="85"/>
      <c r="AN1774" s="85"/>
      <c r="AO1774" s="85"/>
      <c r="AP1774" s="85"/>
      <c r="AQ1774" s="85"/>
      <c r="AR1774" s="85"/>
      <c r="AS1774" s="85"/>
      <c r="AT1774" s="85"/>
      <c r="AU1774" s="85"/>
      <c r="AV1774" s="85"/>
      <c r="AW1774" s="85"/>
      <c r="AX1774" s="85"/>
      <c r="AY1774" s="85"/>
      <c r="AZ1774" s="85"/>
      <c r="BA1774" s="85"/>
      <c r="BB1774" s="85"/>
      <c r="BC1774" s="85"/>
      <c r="BD1774" s="85"/>
      <c r="BE1774" s="85"/>
      <c r="BF1774" s="85"/>
      <c r="BG1774" s="85"/>
      <c r="BH1774" s="85"/>
      <c r="BI1774" s="85"/>
      <c r="BJ1774" s="85"/>
      <c r="BK1774" s="85"/>
      <c r="BL1774" s="85"/>
      <c r="BM1774" s="85"/>
      <c r="BN1774" s="85"/>
      <c r="BO1774" s="85"/>
      <c r="BP1774" s="85"/>
      <c r="BQ1774" s="85"/>
      <c r="BR1774" s="85"/>
      <c r="BS1774" s="85"/>
      <c r="BT1774" s="85"/>
      <c r="BU1774" s="85"/>
      <c r="BV1774" s="85"/>
      <c r="BW1774" s="85"/>
      <c r="BX1774" s="85"/>
      <c r="BY1774" s="85"/>
      <c r="BZ1774" s="85"/>
      <c r="CA1774" s="85"/>
      <c r="CB1774" s="85"/>
      <c r="CC1774" s="85"/>
      <c r="CD1774" s="85"/>
      <c r="CE1774" s="85"/>
      <c r="CF1774" s="85"/>
      <c r="CG1774" s="85"/>
    </row>
    <row r="1775" spans="1:85" s="9" customFormat="1" x14ac:dyDescent="0.2">
      <c r="A1775" s="85"/>
      <c r="J1775" s="85"/>
      <c r="K1775" s="85"/>
      <c r="L1775" s="85"/>
      <c r="M1775" s="85"/>
      <c r="N1775" s="85"/>
      <c r="O1775" s="85"/>
      <c r="P1775" s="85"/>
      <c r="Q1775" s="85"/>
      <c r="R1775" s="85"/>
      <c r="S1775" s="85"/>
      <c r="T1775" s="85"/>
      <c r="U1775" s="85"/>
      <c r="V1775" s="85"/>
      <c r="W1775" s="85"/>
      <c r="X1775" s="85"/>
      <c r="Y1775" s="85"/>
      <c r="Z1775" s="85"/>
      <c r="AA1775" s="85"/>
      <c r="AB1775" s="85"/>
      <c r="AC1775" s="85"/>
      <c r="AD1775" s="85"/>
      <c r="AE1775" s="85"/>
      <c r="AF1775" s="85"/>
      <c r="AG1775" s="85"/>
      <c r="AH1775" s="85"/>
      <c r="AI1775" s="85"/>
      <c r="AJ1775" s="85"/>
      <c r="AK1775" s="85"/>
      <c r="AL1775" s="85"/>
      <c r="AM1775" s="85"/>
      <c r="AN1775" s="85"/>
      <c r="AO1775" s="85"/>
      <c r="AP1775" s="85"/>
      <c r="AQ1775" s="85"/>
      <c r="AR1775" s="85"/>
      <c r="AS1775" s="85"/>
      <c r="AT1775" s="85"/>
      <c r="AU1775" s="85"/>
      <c r="AV1775" s="85"/>
      <c r="AW1775" s="85"/>
      <c r="AX1775" s="85"/>
      <c r="AY1775" s="85"/>
      <c r="AZ1775" s="85"/>
      <c r="BA1775" s="85"/>
      <c r="BB1775" s="85"/>
      <c r="BC1775" s="85"/>
      <c r="BD1775" s="85"/>
      <c r="BE1775" s="85"/>
      <c r="BF1775" s="85"/>
      <c r="BG1775" s="85"/>
      <c r="BH1775" s="85"/>
      <c r="BI1775" s="85"/>
      <c r="BJ1775" s="85"/>
      <c r="BK1775" s="85"/>
      <c r="BL1775" s="85"/>
      <c r="BM1775" s="85"/>
      <c r="BN1775" s="85"/>
      <c r="BO1775" s="85"/>
      <c r="BP1775" s="85"/>
      <c r="BQ1775" s="85"/>
      <c r="BR1775" s="85"/>
      <c r="BS1775" s="85"/>
      <c r="BT1775" s="85"/>
      <c r="BU1775" s="85"/>
      <c r="BV1775" s="85"/>
      <c r="BW1775" s="85"/>
      <c r="BX1775" s="85"/>
      <c r="BY1775" s="85"/>
      <c r="BZ1775" s="85"/>
      <c r="CA1775" s="85"/>
      <c r="CB1775" s="85"/>
      <c r="CC1775" s="85"/>
      <c r="CD1775" s="85"/>
      <c r="CE1775" s="85"/>
      <c r="CF1775" s="85"/>
      <c r="CG1775" s="85"/>
    </row>
    <row r="1776" spans="1:85" s="9" customFormat="1" x14ac:dyDescent="0.2">
      <c r="A1776" s="85"/>
      <c r="J1776" s="85"/>
      <c r="K1776" s="85"/>
      <c r="L1776" s="85"/>
      <c r="M1776" s="85"/>
      <c r="N1776" s="85"/>
      <c r="O1776" s="85"/>
      <c r="P1776" s="85"/>
      <c r="Q1776" s="85"/>
      <c r="R1776" s="85"/>
      <c r="S1776" s="85"/>
      <c r="T1776" s="85"/>
      <c r="U1776" s="85"/>
      <c r="V1776" s="85"/>
      <c r="W1776" s="85"/>
      <c r="X1776" s="85"/>
      <c r="Y1776" s="85"/>
      <c r="Z1776" s="85"/>
      <c r="AA1776" s="85"/>
      <c r="AB1776" s="85"/>
      <c r="AC1776" s="85"/>
      <c r="AD1776" s="85"/>
      <c r="AE1776" s="85"/>
      <c r="AF1776" s="85"/>
      <c r="AG1776" s="85"/>
      <c r="AH1776" s="85"/>
      <c r="AI1776" s="85"/>
      <c r="AJ1776" s="85"/>
      <c r="AK1776" s="85"/>
      <c r="AL1776" s="85"/>
      <c r="AM1776" s="85"/>
      <c r="AN1776" s="85"/>
      <c r="AO1776" s="85"/>
      <c r="AP1776" s="85"/>
      <c r="AQ1776" s="85"/>
      <c r="AR1776" s="85"/>
      <c r="AS1776" s="85"/>
      <c r="AT1776" s="85"/>
      <c r="AU1776" s="85"/>
      <c r="AV1776" s="85"/>
      <c r="AW1776" s="85"/>
      <c r="AX1776" s="85"/>
      <c r="AY1776" s="85"/>
      <c r="AZ1776" s="85"/>
      <c r="BA1776" s="85"/>
      <c r="BB1776" s="85"/>
      <c r="BC1776" s="85"/>
      <c r="BD1776" s="85"/>
      <c r="BE1776" s="85"/>
      <c r="BF1776" s="85"/>
      <c r="BG1776" s="85"/>
      <c r="BH1776" s="85"/>
      <c r="BI1776" s="85"/>
      <c r="BJ1776" s="85"/>
      <c r="BK1776" s="85"/>
      <c r="BL1776" s="85"/>
      <c r="BM1776" s="85"/>
      <c r="BN1776" s="85"/>
      <c r="BO1776" s="85"/>
      <c r="BP1776" s="85"/>
      <c r="BQ1776" s="85"/>
      <c r="BR1776" s="85"/>
      <c r="BS1776" s="85"/>
      <c r="BT1776" s="85"/>
      <c r="BU1776" s="85"/>
      <c r="BV1776" s="85"/>
      <c r="BW1776" s="85"/>
      <c r="BX1776" s="85"/>
      <c r="BY1776" s="85"/>
      <c r="BZ1776" s="85"/>
      <c r="CA1776" s="85"/>
      <c r="CB1776" s="85"/>
      <c r="CC1776" s="85"/>
      <c r="CD1776" s="85"/>
      <c r="CE1776" s="85"/>
      <c r="CF1776" s="85"/>
      <c r="CG1776" s="85"/>
    </row>
    <row r="1777" spans="1:85" s="9" customFormat="1" x14ac:dyDescent="0.2">
      <c r="A1777" s="85"/>
      <c r="J1777" s="85"/>
      <c r="K1777" s="85"/>
      <c r="L1777" s="85"/>
      <c r="M1777" s="85"/>
      <c r="N1777" s="85"/>
      <c r="O1777" s="85"/>
      <c r="P1777" s="85"/>
      <c r="Q1777" s="85"/>
      <c r="R1777" s="85"/>
      <c r="S1777" s="85"/>
      <c r="T1777" s="85"/>
      <c r="U1777" s="85"/>
      <c r="V1777" s="85"/>
      <c r="W1777" s="85"/>
      <c r="X1777" s="85"/>
      <c r="Y1777" s="85"/>
      <c r="Z1777" s="85"/>
      <c r="AA1777" s="85"/>
      <c r="AB1777" s="85"/>
      <c r="AC1777" s="85"/>
      <c r="AD1777" s="85"/>
      <c r="AE1777" s="85"/>
      <c r="AF1777" s="85"/>
      <c r="AG1777" s="85"/>
      <c r="AH1777" s="85"/>
      <c r="AI1777" s="85"/>
      <c r="AJ1777" s="85"/>
      <c r="AK1777" s="85"/>
      <c r="AL1777" s="85"/>
      <c r="AM1777" s="85"/>
      <c r="AN1777" s="85"/>
      <c r="AO1777" s="85"/>
      <c r="AP1777" s="85"/>
      <c r="AQ1777" s="85"/>
      <c r="AR1777" s="85"/>
      <c r="AS1777" s="85"/>
      <c r="AT1777" s="85"/>
      <c r="AU1777" s="85"/>
      <c r="AV1777" s="85"/>
      <c r="AW1777" s="85"/>
      <c r="AX1777" s="85"/>
      <c r="AY1777" s="85"/>
      <c r="AZ1777" s="85"/>
      <c r="BA1777" s="85"/>
      <c r="BB1777" s="85"/>
      <c r="BC1777" s="85"/>
      <c r="BD1777" s="85"/>
      <c r="BE1777" s="85"/>
      <c r="BF1777" s="85"/>
      <c r="BG1777" s="85"/>
      <c r="BH1777" s="85"/>
      <c r="BI1777" s="85"/>
      <c r="BJ1777" s="85"/>
      <c r="BK1777" s="85"/>
      <c r="BL1777" s="85"/>
      <c r="BM1777" s="85"/>
      <c r="BN1777" s="85"/>
      <c r="BO1777" s="85"/>
      <c r="BP1777" s="85"/>
      <c r="BQ1777" s="85"/>
      <c r="BR1777" s="85"/>
      <c r="BS1777" s="85"/>
      <c r="BT1777" s="85"/>
      <c r="BU1777" s="85"/>
      <c r="BV1777" s="85"/>
      <c r="BW1777" s="85"/>
      <c r="BX1777" s="85"/>
      <c r="BY1777" s="85"/>
      <c r="BZ1777" s="85"/>
      <c r="CA1777" s="85"/>
      <c r="CB1777" s="85"/>
      <c r="CC1777" s="85"/>
      <c r="CD1777" s="85"/>
      <c r="CE1777" s="85"/>
      <c r="CF1777" s="85"/>
      <c r="CG1777" s="85"/>
    </row>
    <row r="1778" spans="1:85" s="9" customFormat="1" x14ac:dyDescent="0.2">
      <c r="A1778" s="85"/>
      <c r="J1778" s="85"/>
      <c r="K1778" s="85"/>
      <c r="L1778" s="85"/>
      <c r="M1778" s="85"/>
      <c r="N1778" s="85"/>
      <c r="O1778" s="85"/>
      <c r="P1778" s="85"/>
      <c r="Q1778" s="85"/>
      <c r="R1778" s="85"/>
      <c r="S1778" s="85"/>
      <c r="T1778" s="85"/>
      <c r="U1778" s="85"/>
      <c r="V1778" s="85"/>
      <c r="W1778" s="85"/>
      <c r="X1778" s="85"/>
      <c r="Y1778" s="85"/>
      <c r="Z1778" s="85"/>
      <c r="AA1778" s="85"/>
      <c r="AB1778" s="85"/>
      <c r="AC1778" s="85"/>
      <c r="AD1778" s="85"/>
      <c r="AE1778" s="85"/>
      <c r="AF1778" s="85"/>
      <c r="AG1778" s="85"/>
      <c r="AH1778" s="85"/>
      <c r="AI1778" s="85"/>
      <c r="AJ1778" s="85"/>
      <c r="AK1778" s="85"/>
      <c r="AL1778" s="85"/>
      <c r="AM1778" s="85"/>
      <c r="AN1778" s="85"/>
      <c r="AO1778" s="85"/>
      <c r="AP1778" s="85"/>
      <c r="AQ1778" s="85"/>
      <c r="AR1778" s="85"/>
      <c r="AS1778" s="85"/>
      <c r="AT1778" s="85"/>
      <c r="AU1778" s="85"/>
      <c r="AV1778" s="85"/>
      <c r="AW1778" s="85"/>
      <c r="AX1778" s="85"/>
      <c r="AY1778" s="85"/>
      <c r="AZ1778" s="85"/>
      <c r="BA1778" s="85"/>
      <c r="BB1778" s="85"/>
      <c r="BC1778" s="85"/>
      <c r="BD1778" s="85"/>
      <c r="BE1778" s="85"/>
      <c r="BF1778" s="85"/>
      <c r="BG1778" s="85"/>
      <c r="BH1778" s="85"/>
      <c r="BI1778" s="85"/>
      <c r="BJ1778" s="85"/>
      <c r="BK1778" s="85"/>
      <c r="BL1778" s="85"/>
      <c r="BM1778" s="85"/>
      <c r="BN1778" s="85"/>
      <c r="BO1778" s="85"/>
      <c r="BP1778" s="85"/>
      <c r="BQ1778" s="85"/>
      <c r="BR1778" s="85"/>
      <c r="BS1778" s="85"/>
      <c r="BT1778" s="85"/>
      <c r="BU1778" s="85"/>
      <c r="BV1778" s="85"/>
      <c r="BW1778" s="85"/>
      <c r="BX1778" s="85"/>
      <c r="BY1778" s="85"/>
      <c r="BZ1778" s="85"/>
      <c r="CA1778" s="85"/>
      <c r="CB1778" s="85"/>
      <c r="CC1778" s="85"/>
      <c r="CD1778" s="85"/>
      <c r="CE1778" s="85"/>
      <c r="CF1778" s="85"/>
      <c r="CG1778" s="85"/>
    </row>
    <row r="1779" spans="1:85" s="9" customFormat="1" x14ac:dyDescent="0.2">
      <c r="A1779" s="85"/>
      <c r="J1779" s="85"/>
      <c r="K1779" s="85"/>
      <c r="L1779" s="85"/>
      <c r="M1779" s="85"/>
      <c r="N1779" s="85"/>
      <c r="O1779" s="85"/>
      <c r="P1779" s="85"/>
      <c r="Q1779" s="85"/>
      <c r="R1779" s="85"/>
      <c r="S1779" s="85"/>
      <c r="T1779" s="85"/>
      <c r="U1779" s="85"/>
      <c r="V1779" s="85"/>
      <c r="W1779" s="85"/>
      <c r="X1779" s="85"/>
      <c r="Y1779" s="85"/>
      <c r="Z1779" s="85"/>
      <c r="AA1779" s="85"/>
      <c r="AB1779" s="85"/>
      <c r="AC1779" s="85"/>
      <c r="AD1779" s="85"/>
      <c r="AE1779" s="85"/>
      <c r="AF1779" s="85"/>
      <c r="AG1779" s="85"/>
      <c r="AH1779" s="85"/>
      <c r="AI1779" s="85"/>
      <c r="AJ1779" s="85"/>
      <c r="AK1779" s="85"/>
      <c r="AL1779" s="85"/>
      <c r="AM1779" s="85"/>
      <c r="AN1779" s="85"/>
      <c r="AO1779" s="85"/>
      <c r="AP1779" s="85"/>
      <c r="AQ1779" s="85"/>
      <c r="AR1779" s="85"/>
      <c r="AS1779" s="85"/>
      <c r="AT1779" s="85"/>
      <c r="AU1779" s="85"/>
      <c r="AV1779" s="85"/>
      <c r="AW1779" s="85"/>
      <c r="AX1779" s="85"/>
      <c r="AY1779" s="85"/>
      <c r="AZ1779" s="85"/>
      <c r="BA1779" s="85"/>
      <c r="BB1779" s="85"/>
      <c r="BC1779" s="85"/>
      <c r="BD1779" s="85"/>
      <c r="BE1779" s="85"/>
      <c r="BF1779" s="85"/>
      <c r="BG1779" s="85"/>
      <c r="BH1779" s="85"/>
      <c r="BI1779" s="85"/>
      <c r="BJ1779" s="85"/>
      <c r="BK1779" s="85"/>
      <c r="BL1779" s="85"/>
      <c r="BM1779" s="85"/>
      <c r="BN1779" s="85"/>
      <c r="BO1779" s="85"/>
      <c r="BP1779" s="85"/>
      <c r="BQ1779" s="85"/>
      <c r="BR1779" s="85"/>
      <c r="BS1779" s="85"/>
      <c r="BT1779" s="85"/>
      <c r="BU1779" s="85"/>
      <c r="BV1779" s="85"/>
      <c r="BW1779" s="85"/>
      <c r="BX1779" s="85"/>
      <c r="BY1779" s="85"/>
      <c r="BZ1779" s="85"/>
      <c r="CA1779" s="85"/>
      <c r="CB1779" s="85"/>
      <c r="CC1779" s="85"/>
      <c r="CD1779" s="85"/>
      <c r="CE1779" s="85"/>
      <c r="CF1779" s="85"/>
      <c r="CG1779" s="85"/>
    </row>
    <row r="1780" spans="1:85" s="9" customFormat="1" x14ac:dyDescent="0.2">
      <c r="A1780" s="85"/>
      <c r="J1780" s="85"/>
      <c r="K1780" s="85"/>
      <c r="L1780" s="85"/>
      <c r="M1780" s="85"/>
      <c r="N1780" s="85"/>
      <c r="O1780" s="85"/>
      <c r="P1780" s="85"/>
      <c r="Q1780" s="85"/>
      <c r="R1780" s="85"/>
      <c r="S1780" s="85"/>
      <c r="T1780" s="85"/>
      <c r="U1780" s="85"/>
      <c r="V1780" s="85"/>
      <c r="W1780" s="85"/>
      <c r="X1780" s="85"/>
      <c r="Y1780" s="85"/>
      <c r="Z1780" s="85"/>
      <c r="AA1780" s="85"/>
      <c r="AB1780" s="85"/>
      <c r="AC1780" s="85"/>
      <c r="AD1780" s="85"/>
      <c r="AE1780" s="85"/>
      <c r="AF1780" s="85"/>
      <c r="AG1780" s="85"/>
      <c r="AH1780" s="85"/>
      <c r="AI1780" s="85"/>
      <c r="AJ1780" s="85"/>
      <c r="AK1780" s="85"/>
      <c r="AL1780" s="85"/>
      <c r="AM1780" s="85"/>
      <c r="AN1780" s="85"/>
      <c r="AO1780" s="85"/>
      <c r="AP1780" s="85"/>
      <c r="AQ1780" s="85"/>
      <c r="AR1780" s="85"/>
      <c r="AS1780" s="85"/>
      <c r="AT1780" s="85"/>
      <c r="AU1780" s="85"/>
      <c r="AV1780" s="85"/>
      <c r="AW1780" s="85"/>
      <c r="AX1780" s="85"/>
      <c r="AY1780" s="85"/>
      <c r="AZ1780" s="85"/>
      <c r="BA1780" s="85"/>
      <c r="BB1780" s="85"/>
      <c r="BC1780" s="85"/>
      <c r="BD1780" s="85"/>
      <c r="BE1780" s="85"/>
      <c r="BF1780" s="85"/>
      <c r="BG1780" s="85"/>
      <c r="BH1780" s="85"/>
      <c r="BI1780" s="85"/>
      <c r="BJ1780" s="85"/>
      <c r="BK1780" s="85"/>
      <c r="BL1780" s="85"/>
      <c r="BM1780" s="85"/>
      <c r="BN1780" s="85"/>
      <c r="BO1780" s="85"/>
      <c r="BP1780" s="85"/>
      <c r="BQ1780" s="85"/>
      <c r="BR1780" s="85"/>
      <c r="BS1780" s="85"/>
      <c r="BT1780" s="85"/>
      <c r="BU1780" s="85"/>
      <c r="BV1780" s="85"/>
      <c r="BW1780" s="85"/>
      <c r="BX1780" s="85"/>
      <c r="BY1780" s="85"/>
      <c r="BZ1780" s="85"/>
      <c r="CA1780" s="85"/>
      <c r="CB1780" s="85"/>
      <c r="CC1780" s="85"/>
      <c r="CD1780" s="85"/>
      <c r="CE1780" s="85"/>
      <c r="CF1780" s="85"/>
      <c r="CG1780" s="85"/>
    </row>
    <row r="1781" spans="1:85" s="9" customFormat="1" x14ac:dyDescent="0.2">
      <c r="A1781" s="85"/>
      <c r="J1781" s="85"/>
      <c r="K1781" s="85"/>
      <c r="L1781" s="85"/>
      <c r="M1781" s="85"/>
      <c r="N1781" s="85"/>
      <c r="O1781" s="85"/>
      <c r="P1781" s="85"/>
      <c r="Q1781" s="85"/>
      <c r="R1781" s="85"/>
      <c r="S1781" s="85"/>
      <c r="T1781" s="85"/>
      <c r="U1781" s="85"/>
      <c r="V1781" s="85"/>
      <c r="W1781" s="85"/>
      <c r="X1781" s="85"/>
      <c r="Y1781" s="85"/>
      <c r="Z1781" s="85"/>
      <c r="AA1781" s="85"/>
      <c r="AB1781" s="85"/>
      <c r="AC1781" s="85"/>
      <c r="AD1781" s="85"/>
      <c r="AE1781" s="85"/>
      <c r="AF1781" s="85"/>
      <c r="AG1781" s="85"/>
      <c r="AH1781" s="85"/>
      <c r="AI1781" s="85"/>
      <c r="AJ1781" s="85"/>
      <c r="AK1781" s="85"/>
      <c r="AL1781" s="85"/>
      <c r="AM1781" s="85"/>
      <c r="AN1781" s="85"/>
      <c r="AO1781" s="85"/>
      <c r="AP1781" s="85"/>
      <c r="AQ1781" s="85"/>
      <c r="AR1781" s="85"/>
      <c r="AS1781" s="85"/>
      <c r="AT1781" s="85"/>
      <c r="AU1781" s="85"/>
      <c r="AV1781" s="85"/>
      <c r="AW1781" s="85"/>
      <c r="AX1781" s="85"/>
      <c r="AY1781" s="85"/>
      <c r="AZ1781" s="85"/>
      <c r="BA1781" s="85"/>
      <c r="BB1781" s="85"/>
      <c r="BC1781" s="85"/>
      <c r="BD1781" s="85"/>
      <c r="BE1781" s="85"/>
      <c r="BF1781" s="85"/>
      <c r="BG1781" s="85"/>
      <c r="BH1781" s="85"/>
      <c r="BI1781" s="85"/>
      <c r="BJ1781" s="85"/>
      <c r="BK1781" s="85"/>
      <c r="BL1781" s="85"/>
      <c r="BM1781" s="85"/>
      <c r="BN1781" s="85"/>
      <c r="BO1781" s="85"/>
      <c r="BP1781" s="85"/>
      <c r="BQ1781" s="85"/>
      <c r="BR1781" s="85"/>
      <c r="BS1781" s="85"/>
      <c r="BT1781" s="85"/>
      <c r="BU1781" s="85"/>
      <c r="BV1781" s="85"/>
      <c r="BW1781" s="85"/>
      <c r="BX1781" s="85"/>
      <c r="BY1781" s="85"/>
      <c r="BZ1781" s="85"/>
      <c r="CA1781" s="85"/>
      <c r="CB1781" s="85"/>
      <c r="CC1781" s="85"/>
      <c r="CD1781" s="85"/>
      <c r="CE1781" s="85"/>
      <c r="CF1781" s="85"/>
      <c r="CG1781" s="85"/>
    </row>
    <row r="1782" spans="1:85" s="9" customFormat="1" x14ac:dyDescent="0.2">
      <c r="A1782" s="85"/>
      <c r="J1782" s="85"/>
      <c r="K1782" s="85"/>
      <c r="L1782" s="85"/>
      <c r="M1782" s="85"/>
      <c r="N1782" s="85"/>
      <c r="O1782" s="85"/>
      <c r="P1782" s="85"/>
      <c r="Q1782" s="85"/>
      <c r="R1782" s="85"/>
      <c r="S1782" s="85"/>
      <c r="T1782" s="85"/>
      <c r="U1782" s="85"/>
      <c r="V1782" s="85"/>
      <c r="W1782" s="85"/>
      <c r="X1782" s="85"/>
      <c r="Y1782" s="85"/>
      <c r="Z1782" s="85"/>
      <c r="AA1782" s="85"/>
      <c r="AB1782" s="85"/>
      <c r="AC1782" s="85"/>
      <c r="AD1782" s="85"/>
      <c r="AE1782" s="85"/>
      <c r="AF1782" s="85"/>
      <c r="AG1782" s="85"/>
      <c r="AH1782" s="85"/>
      <c r="AI1782" s="85"/>
      <c r="AJ1782" s="85"/>
      <c r="AK1782" s="85"/>
      <c r="AL1782" s="85"/>
      <c r="AM1782" s="85"/>
      <c r="AN1782" s="85"/>
      <c r="AO1782" s="85"/>
      <c r="AP1782" s="85"/>
      <c r="AQ1782" s="85"/>
      <c r="AR1782" s="85"/>
      <c r="AS1782" s="85"/>
      <c r="AT1782" s="85"/>
      <c r="AU1782" s="85"/>
      <c r="AV1782" s="85"/>
      <c r="AW1782" s="85"/>
      <c r="AX1782" s="85"/>
      <c r="AY1782" s="85"/>
      <c r="AZ1782" s="85"/>
      <c r="BA1782" s="85"/>
      <c r="BB1782" s="85"/>
      <c r="BC1782" s="85"/>
      <c r="BD1782" s="85"/>
      <c r="BE1782" s="85"/>
      <c r="BF1782" s="85"/>
      <c r="BG1782" s="85"/>
      <c r="BH1782" s="85"/>
      <c r="BI1782" s="85"/>
      <c r="BJ1782" s="85"/>
      <c r="BK1782" s="85"/>
      <c r="BL1782" s="85"/>
      <c r="BM1782" s="85"/>
      <c r="BN1782" s="85"/>
      <c r="BO1782" s="85"/>
      <c r="BP1782" s="85"/>
      <c r="BQ1782" s="85"/>
      <c r="BR1782" s="85"/>
      <c r="BS1782" s="85"/>
      <c r="BT1782" s="85"/>
      <c r="BU1782" s="85"/>
      <c r="BV1782" s="85"/>
      <c r="BW1782" s="85"/>
      <c r="BX1782" s="85"/>
      <c r="BY1782" s="85"/>
      <c r="BZ1782" s="85"/>
      <c r="CA1782" s="85"/>
      <c r="CB1782" s="85"/>
      <c r="CC1782" s="85"/>
      <c r="CD1782" s="85"/>
      <c r="CE1782" s="85"/>
      <c r="CF1782" s="85"/>
      <c r="CG1782" s="85"/>
    </row>
    <row r="1783" spans="1:85" s="9" customFormat="1" x14ac:dyDescent="0.2">
      <c r="A1783" s="85"/>
      <c r="J1783" s="85"/>
      <c r="K1783" s="85"/>
      <c r="L1783" s="85"/>
      <c r="M1783" s="85"/>
      <c r="N1783" s="85"/>
      <c r="O1783" s="85"/>
      <c r="P1783" s="85"/>
      <c r="Q1783" s="85"/>
      <c r="R1783" s="85"/>
      <c r="S1783" s="85"/>
      <c r="T1783" s="85"/>
      <c r="U1783" s="85"/>
      <c r="V1783" s="85"/>
      <c r="W1783" s="85"/>
      <c r="X1783" s="85"/>
      <c r="Y1783" s="85"/>
      <c r="Z1783" s="85"/>
      <c r="AA1783" s="85"/>
      <c r="AB1783" s="85"/>
      <c r="AC1783" s="85"/>
      <c r="AD1783" s="85"/>
      <c r="AE1783" s="85"/>
      <c r="AF1783" s="85"/>
      <c r="AG1783" s="85"/>
      <c r="AH1783" s="85"/>
      <c r="AI1783" s="85"/>
      <c r="AJ1783" s="85"/>
      <c r="AK1783" s="85"/>
      <c r="AL1783" s="85"/>
      <c r="AM1783" s="85"/>
      <c r="AN1783" s="85"/>
      <c r="AO1783" s="85"/>
      <c r="AP1783" s="85"/>
      <c r="AQ1783" s="85"/>
      <c r="AR1783" s="85"/>
      <c r="AS1783" s="85"/>
      <c r="AT1783" s="85"/>
      <c r="AU1783" s="85"/>
      <c r="AV1783" s="85"/>
      <c r="AW1783" s="85"/>
      <c r="AX1783" s="85"/>
      <c r="AY1783" s="85"/>
      <c r="AZ1783" s="85"/>
      <c r="BA1783" s="85"/>
      <c r="BB1783" s="85"/>
      <c r="BC1783" s="85"/>
      <c r="BD1783" s="85"/>
      <c r="BE1783" s="85"/>
      <c r="BF1783" s="85"/>
      <c r="BG1783" s="85"/>
      <c r="BH1783" s="85"/>
      <c r="BI1783" s="85"/>
      <c r="BJ1783" s="85"/>
      <c r="BK1783" s="85"/>
      <c r="BL1783" s="85"/>
      <c r="BM1783" s="85"/>
      <c r="BN1783" s="85"/>
      <c r="BO1783" s="85"/>
      <c r="BP1783" s="85"/>
      <c r="BQ1783" s="85"/>
      <c r="BR1783" s="85"/>
      <c r="BS1783" s="85"/>
      <c r="BT1783" s="85"/>
      <c r="BU1783" s="85"/>
      <c r="BV1783" s="85"/>
      <c r="BW1783" s="85"/>
      <c r="BX1783" s="85"/>
      <c r="BY1783" s="85"/>
      <c r="BZ1783" s="85"/>
      <c r="CA1783" s="85"/>
      <c r="CB1783" s="85"/>
      <c r="CC1783" s="85"/>
      <c r="CD1783" s="85"/>
      <c r="CE1783" s="85"/>
      <c r="CF1783" s="85"/>
      <c r="CG1783" s="85"/>
    </row>
    <row r="1784" spans="1:85" s="9" customFormat="1" x14ac:dyDescent="0.2">
      <c r="A1784" s="85"/>
      <c r="J1784" s="85"/>
      <c r="K1784" s="85"/>
      <c r="L1784" s="85"/>
      <c r="M1784" s="85"/>
      <c r="N1784" s="85"/>
      <c r="O1784" s="85"/>
      <c r="P1784" s="85"/>
      <c r="Q1784" s="85"/>
      <c r="R1784" s="85"/>
      <c r="S1784" s="85"/>
      <c r="T1784" s="85"/>
      <c r="U1784" s="85"/>
      <c r="V1784" s="85"/>
      <c r="W1784" s="85"/>
      <c r="X1784" s="85"/>
      <c r="Y1784" s="85"/>
      <c r="Z1784" s="85"/>
      <c r="AA1784" s="85"/>
      <c r="AB1784" s="85"/>
      <c r="AC1784" s="85"/>
      <c r="AD1784" s="85"/>
      <c r="AE1784" s="85"/>
      <c r="AF1784" s="85"/>
      <c r="AG1784" s="85"/>
      <c r="AH1784" s="85"/>
      <c r="AI1784" s="85"/>
      <c r="AJ1784" s="85"/>
      <c r="AK1784" s="85"/>
      <c r="AL1784" s="85"/>
      <c r="AM1784" s="85"/>
      <c r="AN1784" s="85"/>
      <c r="AO1784" s="85"/>
      <c r="AP1784" s="85"/>
      <c r="AQ1784" s="85"/>
      <c r="AR1784" s="85"/>
      <c r="AS1784" s="85"/>
      <c r="AT1784" s="85"/>
      <c r="AU1784" s="85"/>
      <c r="AV1784" s="85"/>
      <c r="AW1784" s="85"/>
      <c r="AX1784" s="85"/>
      <c r="AY1784" s="85"/>
      <c r="AZ1784" s="85"/>
      <c r="BA1784" s="85"/>
      <c r="BB1784" s="85"/>
      <c r="BC1784" s="85"/>
      <c r="BD1784" s="85"/>
      <c r="BE1784" s="85"/>
      <c r="BF1784" s="85"/>
      <c r="BG1784" s="85"/>
      <c r="BH1784" s="85"/>
      <c r="BI1784" s="85"/>
      <c r="BJ1784" s="85"/>
      <c r="BK1784" s="85"/>
      <c r="BL1784" s="85"/>
      <c r="BM1784" s="85"/>
      <c r="BN1784" s="85"/>
      <c r="BO1784" s="85"/>
      <c r="BP1784" s="85"/>
      <c r="BQ1784" s="85"/>
      <c r="BR1784" s="85"/>
      <c r="BS1784" s="85"/>
      <c r="BT1784" s="85"/>
      <c r="BU1784" s="85"/>
      <c r="BV1784" s="85"/>
      <c r="BW1784" s="85"/>
      <c r="BX1784" s="85"/>
      <c r="BY1784" s="85"/>
      <c r="BZ1784" s="85"/>
      <c r="CA1784" s="85"/>
      <c r="CB1784" s="85"/>
      <c r="CC1784" s="85"/>
      <c r="CD1784" s="85"/>
      <c r="CE1784" s="85"/>
      <c r="CF1784" s="85"/>
      <c r="CG1784" s="85"/>
    </row>
    <row r="1785" spans="1:85" s="9" customFormat="1" x14ac:dyDescent="0.2">
      <c r="A1785" s="85"/>
      <c r="J1785" s="85"/>
      <c r="K1785" s="85"/>
      <c r="L1785" s="85"/>
      <c r="M1785" s="85"/>
      <c r="N1785" s="85"/>
      <c r="O1785" s="85"/>
      <c r="P1785" s="85"/>
      <c r="Q1785" s="85"/>
      <c r="R1785" s="85"/>
      <c r="S1785" s="85"/>
      <c r="T1785" s="85"/>
      <c r="U1785" s="85"/>
      <c r="V1785" s="85"/>
      <c r="W1785" s="85"/>
      <c r="X1785" s="85"/>
      <c r="Y1785" s="85"/>
      <c r="Z1785" s="85"/>
      <c r="AA1785" s="85"/>
      <c r="AB1785" s="85"/>
      <c r="AC1785" s="85"/>
      <c r="AD1785" s="85"/>
      <c r="AE1785" s="85"/>
      <c r="AF1785" s="85"/>
      <c r="AG1785" s="85"/>
      <c r="AH1785" s="85"/>
      <c r="AI1785" s="85"/>
      <c r="AJ1785" s="85"/>
      <c r="AK1785" s="85"/>
      <c r="AL1785" s="85"/>
      <c r="AM1785" s="85"/>
      <c r="AN1785" s="85"/>
      <c r="AO1785" s="85"/>
      <c r="AP1785" s="85"/>
      <c r="AQ1785" s="85"/>
      <c r="AR1785" s="85"/>
      <c r="AS1785" s="85"/>
      <c r="AT1785" s="85"/>
      <c r="AU1785" s="85"/>
      <c r="AV1785" s="85"/>
      <c r="AW1785" s="85"/>
      <c r="AX1785" s="85"/>
      <c r="AY1785" s="85"/>
      <c r="AZ1785" s="85"/>
      <c r="BA1785" s="85"/>
      <c r="BB1785" s="85"/>
      <c r="BC1785" s="85"/>
      <c r="BD1785" s="85"/>
      <c r="BE1785" s="85"/>
      <c r="BF1785" s="85"/>
      <c r="BG1785" s="85"/>
      <c r="BH1785" s="85"/>
      <c r="BI1785" s="85"/>
      <c r="BJ1785" s="85"/>
      <c r="BK1785" s="85"/>
      <c r="BL1785" s="85"/>
      <c r="BM1785" s="85"/>
      <c r="BN1785" s="85"/>
      <c r="BO1785" s="85"/>
      <c r="BP1785" s="85"/>
      <c r="BQ1785" s="85"/>
      <c r="BR1785" s="85"/>
      <c r="BS1785" s="85"/>
      <c r="BT1785" s="85"/>
      <c r="BU1785" s="85"/>
      <c r="BV1785" s="85"/>
      <c r="BW1785" s="85"/>
      <c r="BX1785" s="85"/>
      <c r="BY1785" s="85"/>
      <c r="BZ1785" s="85"/>
      <c r="CA1785" s="85"/>
      <c r="CB1785" s="85"/>
      <c r="CC1785" s="85"/>
      <c r="CD1785" s="85"/>
      <c r="CE1785" s="85"/>
      <c r="CF1785" s="85"/>
      <c r="CG1785" s="85"/>
    </row>
    <row r="1786" spans="1:85" s="9" customFormat="1" x14ac:dyDescent="0.2">
      <c r="A1786" s="85"/>
      <c r="J1786" s="85"/>
      <c r="K1786" s="85"/>
      <c r="L1786" s="85"/>
      <c r="M1786" s="85"/>
      <c r="N1786" s="85"/>
      <c r="O1786" s="85"/>
      <c r="P1786" s="85"/>
      <c r="Q1786" s="85"/>
      <c r="R1786" s="85"/>
      <c r="S1786" s="85"/>
      <c r="T1786" s="85"/>
      <c r="U1786" s="85"/>
      <c r="V1786" s="85"/>
      <c r="W1786" s="85"/>
      <c r="X1786" s="85"/>
      <c r="Y1786" s="85"/>
      <c r="Z1786" s="85"/>
      <c r="AA1786" s="85"/>
      <c r="AB1786" s="85"/>
      <c r="AC1786" s="85"/>
      <c r="AD1786" s="85"/>
      <c r="AE1786" s="85"/>
      <c r="AF1786" s="85"/>
      <c r="AG1786" s="85"/>
      <c r="AH1786" s="85"/>
      <c r="AI1786" s="85"/>
      <c r="AJ1786" s="85"/>
      <c r="AK1786" s="85"/>
      <c r="AL1786" s="85"/>
      <c r="AM1786" s="85"/>
      <c r="AN1786" s="85"/>
      <c r="AO1786" s="85"/>
      <c r="AP1786" s="85"/>
      <c r="AQ1786" s="85"/>
      <c r="AR1786" s="85"/>
      <c r="AS1786" s="85"/>
      <c r="AT1786" s="85"/>
      <c r="AU1786" s="85"/>
      <c r="AV1786" s="85"/>
      <c r="AW1786" s="85"/>
      <c r="AX1786" s="85"/>
      <c r="AY1786" s="85"/>
      <c r="AZ1786" s="85"/>
      <c r="BA1786" s="85"/>
      <c r="BB1786" s="85"/>
      <c r="BC1786" s="85"/>
      <c r="BD1786" s="85"/>
      <c r="BE1786" s="85"/>
      <c r="BF1786" s="85"/>
      <c r="BG1786" s="85"/>
      <c r="BH1786" s="85"/>
      <c r="BI1786" s="85"/>
      <c r="BJ1786" s="85"/>
      <c r="BK1786" s="85"/>
      <c r="BL1786" s="85"/>
      <c r="BM1786" s="85"/>
      <c r="BN1786" s="85"/>
      <c r="BO1786" s="85"/>
      <c r="BP1786" s="85"/>
      <c r="BQ1786" s="85"/>
      <c r="BR1786" s="85"/>
      <c r="BS1786" s="85"/>
      <c r="BT1786" s="85"/>
      <c r="BU1786" s="85"/>
      <c r="BV1786" s="85"/>
      <c r="BW1786" s="85"/>
      <c r="BX1786" s="85"/>
      <c r="BY1786" s="85"/>
      <c r="BZ1786" s="85"/>
      <c r="CA1786" s="85"/>
      <c r="CB1786" s="85"/>
      <c r="CC1786" s="85"/>
      <c r="CD1786" s="85"/>
      <c r="CE1786" s="85"/>
      <c r="CF1786" s="85"/>
      <c r="CG1786" s="85"/>
    </row>
    <row r="1787" spans="1:85" s="9" customFormat="1" x14ac:dyDescent="0.2">
      <c r="A1787" s="85"/>
      <c r="J1787" s="85"/>
      <c r="K1787" s="85"/>
      <c r="L1787" s="85"/>
      <c r="M1787" s="85"/>
      <c r="N1787" s="85"/>
      <c r="O1787" s="85"/>
      <c r="P1787" s="85"/>
      <c r="Q1787" s="85"/>
      <c r="R1787" s="85"/>
      <c r="S1787" s="85"/>
      <c r="T1787" s="85"/>
      <c r="U1787" s="85"/>
      <c r="V1787" s="85"/>
      <c r="W1787" s="85"/>
      <c r="X1787" s="85"/>
      <c r="Y1787" s="85"/>
      <c r="Z1787" s="85"/>
      <c r="AA1787" s="85"/>
      <c r="AB1787" s="85"/>
      <c r="AC1787" s="85"/>
      <c r="AD1787" s="85"/>
      <c r="AE1787" s="85"/>
      <c r="AF1787" s="85"/>
      <c r="AG1787" s="85"/>
      <c r="AH1787" s="85"/>
      <c r="AI1787" s="85"/>
      <c r="AJ1787" s="85"/>
      <c r="AK1787" s="85"/>
      <c r="AL1787" s="85"/>
      <c r="AM1787" s="85"/>
      <c r="AN1787" s="85"/>
      <c r="AO1787" s="85"/>
      <c r="AP1787" s="85"/>
      <c r="AQ1787" s="85"/>
      <c r="AR1787" s="85"/>
      <c r="AS1787" s="85"/>
      <c r="AT1787" s="85"/>
      <c r="AU1787" s="85"/>
      <c r="AV1787" s="85"/>
      <c r="AW1787" s="85"/>
      <c r="AX1787" s="85"/>
      <c r="AY1787" s="85"/>
      <c r="AZ1787" s="85"/>
      <c r="BA1787" s="85"/>
      <c r="BB1787" s="85"/>
      <c r="BC1787" s="85"/>
      <c r="BD1787" s="85"/>
      <c r="BE1787" s="85"/>
      <c r="BF1787" s="85"/>
      <c r="BG1787" s="85"/>
      <c r="BH1787" s="85"/>
      <c r="BI1787" s="85"/>
      <c r="BJ1787" s="85"/>
      <c r="BK1787" s="85"/>
      <c r="BL1787" s="85"/>
      <c r="BM1787" s="85"/>
      <c r="BN1787" s="85"/>
      <c r="BO1787" s="85"/>
      <c r="BP1787" s="85"/>
      <c r="BQ1787" s="85"/>
      <c r="BR1787" s="85"/>
      <c r="BS1787" s="85"/>
      <c r="BT1787" s="85"/>
      <c r="BU1787" s="85"/>
      <c r="BV1787" s="85"/>
      <c r="BW1787" s="85"/>
      <c r="BX1787" s="85"/>
      <c r="BY1787" s="85"/>
      <c r="BZ1787" s="85"/>
      <c r="CA1787" s="85"/>
      <c r="CB1787" s="85"/>
      <c r="CC1787" s="85"/>
      <c r="CD1787" s="85"/>
      <c r="CE1787" s="85"/>
      <c r="CF1787" s="85"/>
      <c r="CG1787" s="85"/>
    </row>
    <row r="1788" spans="1:85" s="9" customFormat="1" x14ac:dyDescent="0.2">
      <c r="A1788" s="85"/>
      <c r="J1788" s="85"/>
      <c r="K1788" s="85"/>
      <c r="L1788" s="85"/>
      <c r="M1788" s="85"/>
      <c r="N1788" s="85"/>
      <c r="O1788" s="85"/>
      <c r="P1788" s="85"/>
      <c r="Q1788" s="85"/>
      <c r="R1788" s="85"/>
      <c r="S1788" s="85"/>
      <c r="T1788" s="85"/>
      <c r="U1788" s="85"/>
      <c r="V1788" s="85"/>
      <c r="W1788" s="85"/>
      <c r="X1788" s="85"/>
      <c r="Y1788" s="85"/>
      <c r="Z1788" s="85"/>
      <c r="AA1788" s="85"/>
      <c r="AB1788" s="85"/>
      <c r="AC1788" s="85"/>
      <c r="AD1788" s="85"/>
      <c r="AE1788" s="85"/>
      <c r="AF1788" s="85"/>
      <c r="AG1788" s="85"/>
      <c r="AH1788" s="85"/>
      <c r="AI1788" s="85"/>
      <c r="AJ1788" s="85"/>
      <c r="AK1788" s="85"/>
      <c r="AL1788" s="85"/>
      <c r="AM1788" s="85"/>
      <c r="AN1788" s="85"/>
      <c r="AO1788" s="85"/>
      <c r="AP1788" s="85"/>
      <c r="AQ1788" s="85"/>
      <c r="AR1788" s="85"/>
      <c r="AS1788" s="85"/>
      <c r="AT1788" s="85"/>
      <c r="AU1788" s="85"/>
      <c r="AV1788" s="85"/>
      <c r="AW1788" s="85"/>
      <c r="AX1788" s="85"/>
      <c r="AY1788" s="85"/>
      <c r="AZ1788" s="85"/>
      <c r="BA1788" s="85"/>
      <c r="BB1788" s="85"/>
      <c r="BC1788" s="85"/>
      <c r="BD1788" s="85"/>
      <c r="BE1788" s="85"/>
      <c r="BF1788" s="85"/>
      <c r="BG1788" s="85"/>
      <c r="BH1788" s="85"/>
      <c r="BI1788" s="85"/>
      <c r="BJ1788" s="85"/>
      <c r="BK1788" s="85"/>
      <c r="BL1788" s="85"/>
      <c r="BM1788" s="85"/>
      <c r="BN1788" s="85"/>
      <c r="BO1788" s="85"/>
      <c r="BP1788" s="85"/>
      <c r="BQ1788" s="85"/>
      <c r="BR1788" s="85"/>
      <c r="BS1788" s="85"/>
      <c r="BT1788" s="85"/>
      <c r="BU1788" s="85"/>
      <c r="BV1788" s="85"/>
      <c r="BW1788" s="85"/>
      <c r="BX1788" s="85"/>
      <c r="BY1788" s="85"/>
      <c r="BZ1788" s="85"/>
      <c r="CA1788" s="85"/>
      <c r="CB1788" s="85"/>
      <c r="CC1788" s="85"/>
      <c r="CD1788" s="85"/>
      <c r="CE1788" s="85"/>
      <c r="CF1788" s="85"/>
      <c r="CG1788" s="85"/>
    </row>
    <row r="1789" spans="1:85" s="9" customFormat="1" x14ac:dyDescent="0.2">
      <c r="A1789" s="85"/>
      <c r="J1789" s="85"/>
      <c r="K1789" s="85"/>
      <c r="L1789" s="85"/>
      <c r="M1789" s="85"/>
      <c r="N1789" s="85"/>
      <c r="O1789" s="85"/>
      <c r="P1789" s="85"/>
      <c r="Q1789" s="85"/>
      <c r="R1789" s="85"/>
      <c r="S1789" s="85"/>
      <c r="T1789" s="85"/>
      <c r="U1789" s="85"/>
      <c r="V1789" s="85"/>
      <c r="W1789" s="85"/>
      <c r="X1789" s="85"/>
      <c r="Y1789" s="85"/>
      <c r="Z1789" s="85"/>
      <c r="AA1789" s="85"/>
      <c r="AB1789" s="85"/>
      <c r="AC1789" s="85"/>
      <c r="AD1789" s="85"/>
      <c r="AE1789" s="85"/>
      <c r="AF1789" s="85"/>
      <c r="AG1789" s="85"/>
      <c r="AH1789" s="85"/>
      <c r="AI1789" s="85"/>
      <c r="AJ1789" s="85"/>
      <c r="AK1789" s="85"/>
      <c r="AL1789" s="85"/>
      <c r="AM1789" s="85"/>
      <c r="AN1789" s="85"/>
      <c r="AO1789" s="85"/>
      <c r="AP1789" s="85"/>
      <c r="AQ1789" s="85"/>
      <c r="AR1789" s="85"/>
      <c r="AS1789" s="85"/>
      <c r="AT1789" s="85"/>
      <c r="AU1789" s="85"/>
      <c r="AV1789" s="85"/>
      <c r="AW1789" s="85"/>
      <c r="AX1789" s="85"/>
      <c r="AY1789" s="85"/>
      <c r="AZ1789" s="85"/>
      <c r="BA1789" s="85"/>
      <c r="BB1789" s="85"/>
      <c r="BC1789" s="85"/>
      <c r="BD1789" s="85"/>
      <c r="BE1789" s="85"/>
      <c r="BF1789" s="85"/>
      <c r="BG1789" s="85"/>
      <c r="BH1789" s="85"/>
      <c r="BI1789" s="85"/>
      <c r="BJ1789" s="85"/>
      <c r="BK1789" s="85"/>
      <c r="BL1789" s="85"/>
      <c r="BM1789" s="85"/>
      <c r="BN1789" s="85"/>
      <c r="BO1789" s="85"/>
      <c r="BP1789" s="85"/>
      <c r="BQ1789" s="85"/>
      <c r="BR1789" s="85"/>
      <c r="BS1789" s="85"/>
      <c r="BT1789" s="85"/>
      <c r="BU1789" s="85"/>
      <c r="BV1789" s="85"/>
      <c r="BW1789" s="85"/>
      <c r="BX1789" s="85"/>
      <c r="BY1789" s="85"/>
      <c r="BZ1789" s="85"/>
      <c r="CA1789" s="85"/>
      <c r="CB1789" s="85"/>
      <c r="CC1789" s="85"/>
      <c r="CD1789" s="85"/>
      <c r="CE1789" s="85"/>
      <c r="CF1789" s="85"/>
      <c r="CG1789" s="85"/>
    </row>
    <row r="1790" spans="1:85" s="9" customFormat="1" x14ac:dyDescent="0.2">
      <c r="A1790" s="85"/>
      <c r="J1790" s="85"/>
      <c r="K1790" s="85"/>
      <c r="L1790" s="85"/>
      <c r="M1790" s="85"/>
      <c r="N1790" s="85"/>
      <c r="O1790" s="85"/>
      <c r="P1790" s="85"/>
      <c r="Q1790" s="85"/>
      <c r="R1790" s="85"/>
      <c r="S1790" s="85"/>
      <c r="T1790" s="85"/>
      <c r="U1790" s="85"/>
      <c r="V1790" s="85"/>
      <c r="W1790" s="85"/>
      <c r="X1790" s="85"/>
      <c r="Y1790" s="85"/>
      <c r="Z1790" s="85"/>
      <c r="AA1790" s="85"/>
      <c r="AB1790" s="85"/>
      <c r="AC1790" s="85"/>
      <c r="AD1790" s="85"/>
      <c r="AE1790" s="85"/>
      <c r="AF1790" s="85"/>
      <c r="AG1790" s="85"/>
      <c r="AH1790" s="85"/>
      <c r="AI1790" s="85"/>
      <c r="AJ1790" s="85"/>
      <c r="AK1790" s="85"/>
      <c r="AL1790" s="85"/>
      <c r="AM1790" s="85"/>
      <c r="AN1790" s="85"/>
      <c r="AO1790" s="85"/>
      <c r="AP1790" s="85"/>
      <c r="AQ1790" s="85"/>
      <c r="AR1790" s="85"/>
      <c r="AS1790" s="85"/>
      <c r="AT1790" s="85"/>
      <c r="AU1790" s="85"/>
      <c r="AV1790" s="85"/>
      <c r="AW1790" s="85"/>
      <c r="AX1790" s="85"/>
      <c r="AY1790" s="85"/>
      <c r="AZ1790" s="85"/>
      <c r="BA1790" s="85"/>
      <c r="BB1790" s="85"/>
      <c r="BC1790" s="85"/>
      <c r="BD1790" s="85"/>
      <c r="BE1790" s="85"/>
      <c r="BF1790" s="85"/>
      <c r="BG1790" s="85"/>
      <c r="BH1790" s="85"/>
      <c r="BI1790" s="85"/>
      <c r="BJ1790" s="85"/>
      <c r="BK1790" s="85"/>
      <c r="BL1790" s="85"/>
      <c r="BM1790" s="85"/>
      <c r="BN1790" s="85"/>
      <c r="BO1790" s="85"/>
      <c r="BP1790" s="85"/>
      <c r="BQ1790" s="85"/>
      <c r="BR1790" s="85"/>
      <c r="BS1790" s="85"/>
      <c r="BT1790" s="85"/>
      <c r="BU1790" s="85"/>
      <c r="BV1790" s="85"/>
      <c r="BW1790" s="85"/>
      <c r="BX1790" s="85"/>
      <c r="BY1790" s="85"/>
      <c r="BZ1790" s="85"/>
      <c r="CA1790" s="85"/>
      <c r="CB1790" s="85"/>
      <c r="CC1790" s="85"/>
      <c r="CD1790" s="85"/>
      <c r="CE1790" s="85"/>
      <c r="CF1790" s="85"/>
      <c r="CG1790" s="85"/>
    </row>
    <row r="1791" spans="1:85" s="9" customFormat="1" x14ac:dyDescent="0.2">
      <c r="A1791" s="85"/>
      <c r="J1791" s="85"/>
      <c r="K1791" s="85"/>
      <c r="L1791" s="85"/>
      <c r="M1791" s="85"/>
      <c r="N1791" s="85"/>
      <c r="O1791" s="85"/>
      <c r="P1791" s="85"/>
      <c r="Q1791" s="85"/>
      <c r="R1791" s="85"/>
      <c r="S1791" s="85"/>
      <c r="T1791" s="85"/>
      <c r="U1791" s="85"/>
      <c r="V1791" s="85"/>
      <c r="W1791" s="85"/>
      <c r="X1791" s="85"/>
      <c r="Y1791" s="85"/>
      <c r="Z1791" s="85"/>
      <c r="AA1791" s="85"/>
      <c r="AB1791" s="85"/>
      <c r="AC1791" s="85"/>
      <c r="AD1791" s="85"/>
      <c r="AE1791" s="85"/>
      <c r="AF1791" s="85"/>
      <c r="AG1791" s="85"/>
      <c r="AH1791" s="85"/>
      <c r="AI1791" s="85"/>
      <c r="AJ1791" s="85"/>
      <c r="AK1791" s="85"/>
      <c r="AL1791" s="85"/>
      <c r="AM1791" s="85"/>
      <c r="AN1791" s="85"/>
      <c r="AO1791" s="85"/>
      <c r="AP1791" s="85"/>
      <c r="AQ1791" s="85"/>
      <c r="AR1791" s="85"/>
      <c r="AS1791" s="85"/>
      <c r="AT1791" s="85"/>
      <c r="AU1791" s="85"/>
      <c r="AV1791" s="85"/>
      <c r="AW1791" s="85"/>
      <c r="AX1791" s="85"/>
      <c r="AY1791" s="85"/>
      <c r="AZ1791" s="85"/>
      <c r="BA1791" s="85"/>
      <c r="BB1791" s="85"/>
      <c r="BC1791" s="85"/>
      <c r="BD1791" s="85"/>
      <c r="BE1791" s="85"/>
      <c r="BF1791" s="85"/>
      <c r="BG1791" s="85"/>
      <c r="BH1791" s="85"/>
      <c r="BI1791" s="85"/>
      <c r="BJ1791" s="85"/>
      <c r="BK1791" s="85"/>
      <c r="BL1791" s="85"/>
      <c r="BM1791" s="85"/>
      <c r="BN1791" s="85"/>
      <c r="BO1791" s="85"/>
      <c r="BP1791" s="85"/>
      <c r="BQ1791" s="85"/>
      <c r="BR1791" s="85"/>
      <c r="BS1791" s="85"/>
      <c r="BT1791" s="85"/>
      <c r="BU1791" s="85"/>
      <c r="BV1791" s="85"/>
      <c r="BW1791" s="85"/>
      <c r="BX1791" s="85"/>
      <c r="BY1791" s="85"/>
      <c r="BZ1791" s="85"/>
      <c r="CA1791" s="85"/>
      <c r="CB1791" s="85"/>
      <c r="CC1791" s="85"/>
      <c r="CD1791" s="85"/>
      <c r="CE1791" s="85"/>
      <c r="CF1791" s="85"/>
      <c r="CG1791" s="85"/>
    </row>
    <row r="1792" spans="1:85" s="9" customFormat="1" x14ac:dyDescent="0.2">
      <c r="A1792" s="85"/>
      <c r="J1792" s="85"/>
      <c r="K1792" s="85"/>
      <c r="L1792" s="85"/>
      <c r="M1792" s="85"/>
      <c r="N1792" s="85"/>
      <c r="O1792" s="85"/>
      <c r="P1792" s="85"/>
      <c r="Q1792" s="85"/>
      <c r="R1792" s="85"/>
      <c r="S1792" s="85"/>
      <c r="T1792" s="85"/>
      <c r="U1792" s="85"/>
      <c r="V1792" s="85"/>
      <c r="W1792" s="85"/>
      <c r="X1792" s="85"/>
      <c r="Y1792" s="85"/>
      <c r="Z1792" s="85"/>
      <c r="AA1792" s="85"/>
      <c r="AB1792" s="85"/>
      <c r="AC1792" s="85"/>
      <c r="AD1792" s="85"/>
      <c r="AE1792" s="85"/>
      <c r="AF1792" s="85"/>
      <c r="AG1792" s="85"/>
      <c r="AH1792" s="85"/>
      <c r="AI1792" s="85"/>
      <c r="AJ1792" s="85"/>
      <c r="AK1792" s="85"/>
      <c r="AL1792" s="85"/>
      <c r="AM1792" s="85"/>
      <c r="AN1792" s="85"/>
      <c r="AO1792" s="85"/>
      <c r="AP1792" s="85"/>
      <c r="AQ1792" s="85"/>
      <c r="AR1792" s="85"/>
      <c r="AS1792" s="85"/>
      <c r="AT1792" s="85"/>
      <c r="AU1792" s="85"/>
      <c r="AV1792" s="85"/>
      <c r="AW1792" s="85"/>
      <c r="AX1792" s="85"/>
      <c r="AY1792" s="85"/>
      <c r="AZ1792" s="85"/>
      <c r="BA1792" s="85"/>
      <c r="BB1792" s="85"/>
      <c r="BC1792" s="85"/>
      <c r="BD1792" s="85"/>
      <c r="BE1792" s="85"/>
      <c r="BF1792" s="85"/>
      <c r="BG1792" s="85"/>
      <c r="BH1792" s="85"/>
      <c r="BI1792" s="85"/>
      <c r="BJ1792" s="85"/>
      <c r="BK1792" s="85"/>
      <c r="BL1792" s="85"/>
      <c r="BM1792" s="85"/>
      <c r="BN1792" s="85"/>
      <c r="BO1792" s="85"/>
      <c r="BP1792" s="85"/>
      <c r="BQ1792" s="85"/>
      <c r="BR1792" s="85"/>
      <c r="BS1792" s="85"/>
      <c r="BT1792" s="85"/>
      <c r="BU1792" s="85"/>
      <c r="BV1792" s="85"/>
      <c r="BW1792" s="85"/>
      <c r="BX1792" s="85"/>
      <c r="BY1792" s="85"/>
      <c r="BZ1792" s="85"/>
      <c r="CA1792" s="85"/>
      <c r="CB1792" s="85"/>
      <c r="CC1792" s="85"/>
      <c r="CD1792" s="85"/>
      <c r="CE1792" s="85"/>
      <c r="CF1792" s="85"/>
      <c r="CG1792" s="85"/>
    </row>
    <row r="1793" spans="1:85" s="9" customFormat="1" x14ac:dyDescent="0.2">
      <c r="A1793" s="85"/>
      <c r="J1793" s="85"/>
      <c r="K1793" s="85"/>
      <c r="L1793" s="85"/>
      <c r="M1793" s="85"/>
      <c r="N1793" s="85"/>
      <c r="O1793" s="85"/>
      <c r="P1793" s="85"/>
      <c r="Q1793" s="85"/>
      <c r="R1793" s="85"/>
      <c r="S1793" s="85"/>
      <c r="T1793" s="85"/>
      <c r="U1793" s="85"/>
      <c r="V1793" s="85"/>
      <c r="W1793" s="85"/>
      <c r="X1793" s="85"/>
      <c r="Y1793" s="85"/>
      <c r="Z1793" s="85"/>
      <c r="AA1793" s="85"/>
      <c r="AB1793" s="85"/>
      <c r="AC1793" s="85"/>
      <c r="AD1793" s="85"/>
      <c r="AE1793" s="85"/>
      <c r="AF1793" s="85"/>
      <c r="AG1793" s="85"/>
      <c r="AH1793" s="85"/>
      <c r="AI1793" s="85"/>
      <c r="AJ1793" s="85"/>
      <c r="AK1793" s="85"/>
      <c r="AL1793" s="85"/>
      <c r="AM1793" s="85"/>
      <c r="AN1793" s="85"/>
      <c r="AO1793" s="85"/>
      <c r="AP1793" s="85"/>
      <c r="AQ1793" s="85"/>
      <c r="AR1793" s="85"/>
      <c r="AS1793" s="85"/>
      <c r="AT1793" s="85"/>
      <c r="AU1793" s="85"/>
      <c r="AV1793" s="85"/>
      <c r="AW1793" s="85"/>
      <c r="AX1793" s="85"/>
      <c r="AY1793" s="85"/>
      <c r="AZ1793" s="85"/>
      <c r="BA1793" s="85"/>
      <c r="BB1793" s="85"/>
      <c r="BC1793" s="85"/>
      <c r="BD1793" s="85"/>
      <c r="BE1793" s="85"/>
      <c r="BF1793" s="85"/>
      <c r="BG1793" s="85"/>
      <c r="BH1793" s="85"/>
      <c r="BI1793" s="85"/>
      <c r="BJ1793" s="85"/>
      <c r="BK1793" s="85"/>
      <c r="BL1793" s="85"/>
      <c r="BM1793" s="85"/>
      <c r="BN1793" s="85"/>
      <c r="BO1793" s="85"/>
      <c r="BP1793" s="85"/>
      <c r="BQ1793" s="85"/>
      <c r="BR1793" s="85"/>
      <c r="BS1793" s="85"/>
      <c r="BT1793" s="85"/>
      <c r="BU1793" s="85"/>
      <c r="BV1793" s="85"/>
      <c r="BW1793" s="85"/>
      <c r="BX1793" s="85"/>
      <c r="BY1793" s="85"/>
      <c r="BZ1793" s="85"/>
      <c r="CA1793" s="85"/>
      <c r="CB1793" s="85"/>
      <c r="CC1793" s="85"/>
      <c r="CD1793" s="85"/>
      <c r="CE1793" s="85"/>
      <c r="CF1793" s="85"/>
      <c r="CG1793" s="85"/>
    </row>
    <row r="1794" spans="1:85" s="9" customFormat="1" x14ac:dyDescent="0.2">
      <c r="A1794" s="85"/>
      <c r="J1794" s="85"/>
      <c r="K1794" s="85"/>
      <c r="L1794" s="85"/>
      <c r="M1794" s="85"/>
      <c r="N1794" s="85"/>
      <c r="O1794" s="85"/>
      <c r="P1794" s="85"/>
      <c r="Q1794" s="85"/>
      <c r="R1794" s="85"/>
      <c r="S1794" s="85"/>
      <c r="T1794" s="85"/>
      <c r="U1794" s="85"/>
      <c r="V1794" s="85"/>
      <c r="W1794" s="85"/>
      <c r="X1794" s="85"/>
      <c r="Y1794" s="85"/>
      <c r="Z1794" s="85"/>
      <c r="AA1794" s="85"/>
      <c r="AB1794" s="85"/>
      <c r="AC1794" s="85"/>
      <c r="AD1794" s="85"/>
      <c r="AE1794" s="85"/>
      <c r="AF1794" s="85"/>
      <c r="AG1794" s="85"/>
      <c r="AH1794" s="85"/>
      <c r="AI1794" s="85"/>
      <c r="AJ1794" s="85"/>
      <c r="AK1794" s="85"/>
      <c r="AL1794" s="85"/>
      <c r="AM1794" s="85"/>
      <c r="AN1794" s="85"/>
      <c r="AO1794" s="85"/>
      <c r="AP1794" s="85"/>
      <c r="AQ1794" s="85"/>
      <c r="AR1794" s="85"/>
      <c r="AS1794" s="85"/>
      <c r="AT1794" s="85"/>
      <c r="AU1794" s="85"/>
      <c r="AV1794" s="85"/>
      <c r="AW1794" s="85"/>
      <c r="AX1794" s="85"/>
      <c r="AY1794" s="85"/>
      <c r="AZ1794" s="85"/>
      <c r="BA1794" s="85"/>
      <c r="BB1794" s="85"/>
      <c r="BC1794" s="85"/>
      <c r="BD1794" s="85"/>
      <c r="BE1794" s="85"/>
      <c r="BF1794" s="85"/>
      <c r="BG1794" s="85"/>
      <c r="BH1794" s="85"/>
      <c r="BI1794" s="85"/>
      <c r="BJ1794" s="85"/>
      <c r="BK1794" s="85"/>
      <c r="BL1794" s="85"/>
      <c r="BM1794" s="85"/>
      <c r="BN1794" s="85"/>
      <c r="BO1794" s="85"/>
      <c r="BP1794" s="85"/>
      <c r="BQ1794" s="85"/>
      <c r="BR1794" s="85"/>
      <c r="BS1794" s="85"/>
      <c r="BT1794" s="85"/>
      <c r="BU1794" s="85"/>
      <c r="BV1794" s="85"/>
      <c r="BW1794" s="85"/>
      <c r="BX1794" s="85"/>
      <c r="BY1794" s="85"/>
      <c r="BZ1794" s="85"/>
      <c r="CA1794" s="85"/>
      <c r="CB1794" s="85"/>
      <c r="CC1794" s="85"/>
      <c r="CD1794" s="85"/>
      <c r="CE1794" s="85"/>
      <c r="CF1794" s="85"/>
      <c r="CG1794" s="85"/>
    </row>
    <row r="1795" spans="1:85" s="9" customFormat="1" x14ac:dyDescent="0.2">
      <c r="A1795" s="85"/>
      <c r="J1795" s="85"/>
      <c r="K1795" s="85"/>
      <c r="L1795" s="85"/>
      <c r="M1795" s="85"/>
      <c r="N1795" s="85"/>
      <c r="O1795" s="85"/>
      <c r="P1795" s="85"/>
      <c r="Q1795" s="85"/>
      <c r="R1795" s="85"/>
      <c r="S1795" s="85"/>
      <c r="T1795" s="85"/>
      <c r="U1795" s="85"/>
      <c r="V1795" s="85"/>
      <c r="W1795" s="85"/>
      <c r="X1795" s="85"/>
      <c r="Y1795" s="85"/>
      <c r="Z1795" s="85"/>
      <c r="AA1795" s="85"/>
      <c r="AB1795" s="85"/>
      <c r="AC1795" s="85"/>
      <c r="AD1795" s="85"/>
      <c r="AE1795" s="85"/>
      <c r="AF1795" s="85"/>
      <c r="AG1795" s="85"/>
      <c r="AH1795" s="85"/>
      <c r="AI1795" s="85"/>
      <c r="AJ1795" s="85"/>
      <c r="AK1795" s="85"/>
      <c r="AL1795" s="85"/>
      <c r="AM1795" s="85"/>
      <c r="AN1795" s="85"/>
      <c r="AO1795" s="85"/>
      <c r="AP1795" s="85"/>
      <c r="AQ1795" s="85"/>
      <c r="AR1795" s="85"/>
      <c r="AS1795" s="85"/>
      <c r="AT1795" s="85"/>
      <c r="AU1795" s="85"/>
      <c r="AV1795" s="85"/>
      <c r="AW1795" s="85"/>
      <c r="AX1795" s="85"/>
      <c r="AY1795" s="85"/>
      <c r="AZ1795" s="85"/>
      <c r="BA1795" s="85"/>
      <c r="BB1795" s="85"/>
      <c r="BC1795" s="85"/>
      <c r="BD1795" s="85"/>
      <c r="BE1795" s="85"/>
      <c r="BF1795" s="85"/>
      <c r="BG1795" s="85"/>
      <c r="BH1795" s="85"/>
      <c r="BI1795" s="85"/>
      <c r="BJ1795" s="85"/>
      <c r="BK1795" s="85"/>
      <c r="BL1795" s="85"/>
      <c r="BM1795" s="85"/>
      <c r="BN1795" s="85"/>
      <c r="BO1795" s="85"/>
      <c r="BP1795" s="85"/>
      <c r="BQ1795" s="85"/>
      <c r="BR1795" s="85"/>
      <c r="BS1795" s="85"/>
      <c r="BT1795" s="85"/>
      <c r="BU1795" s="85"/>
      <c r="BV1795" s="85"/>
      <c r="BW1795" s="85"/>
      <c r="BX1795" s="85"/>
      <c r="BY1795" s="85"/>
      <c r="BZ1795" s="85"/>
      <c r="CA1795" s="85"/>
      <c r="CB1795" s="85"/>
      <c r="CC1795" s="85"/>
      <c r="CD1795" s="85"/>
      <c r="CE1795" s="85"/>
      <c r="CF1795" s="85"/>
      <c r="CG1795" s="85"/>
    </row>
    <row r="1796" spans="1:85" s="9" customFormat="1" x14ac:dyDescent="0.2">
      <c r="A1796" s="85"/>
      <c r="J1796" s="85"/>
      <c r="K1796" s="85"/>
      <c r="L1796" s="85"/>
      <c r="M1796" s="85"/>
      <c r="N1796" s="85"/>
      <c r="O1796" s="85"/>
      <c r="P1796" s="85"/>
      <c r="Q1796" s="85"/>
      <c r="R1796" s="85"/>
      <c r="S1796" s="85"/>
      <c r="T1796" s="85"/>
      <c r="U1796" s="85"/>
      <c r="V1796" s="85"/>
      <c r="W1796" s="85"/>
      <c r="X1796" s="85"/>
      <c r="Y1796" s="85"/>
      <c r="Z1796" s="85"/>
      <c r="AA1796" s="85"/>
      <c r="AB1796" s="85"/>
      <c r="AC1796" s="85"/>
      <c r="AD1796" s="85"/>
      <c r="AE1796" s="85"/>
      <c r="AF1796" s="85"/>
      <c r="AG1796" s="85"/>
      <c r="AH1796" s="85"/>
      <c r="AI1796" s="85"/>
      <c r="AJ1796" s="85"/>
      <c r="AK1796" s="85"/>
      <c r="AL1796" s="85"/>
      <c r="AM1796" s="85"/>
      <c r="AN1796" s="85"/>
      <c r="AO1796" s="85"/>
      <c r="AP1796" s="85"/>
      <c r="AQ1796" s="85"/>
      <c r="AR1796" s="85"/>
      <c r="AS1796" s="85"/>
      <c r="AT1796" s="85"/>
      <c r="AU1796" s="85"/>
      <c r="AV1796" s="85"/>
      <c r="AW1796" s="85"/>
      <c r="AX1796" s="85"/>
      <c r="AY1796" s="85"/>
      <c r="AZ1796" s="85"/>
      <c r="BA1796" s="85"/>
      <c r="BB1796" s="85"/>
      <c r="BC1796" s="85"/>
      <c r="BD1796" s="85"/>
      <c r="BE1796" s="85"/>
      <c r="BF1796" s="85"/>
      <c r="BG1796" s="85"/>
      <c r="BH1796" s="85"/>
      <c r="BI1796" s="85"/>
      <c r="BJ1796" s="85"/>
      <c r="BK1796" s="85"/>
      <c r="BL1796" s="85"/>
      <c r="BM1796" s="85"/>
      <c r="BN1796" s="85"/>
      <c r="BO1796" s="85"/>
      <c r="BP1796" s="85"/>
      <c r="BQ1796" s="85"/>
      <c r="BR1796" s="85"/>
      <c r="BS1796" s="85"/>
      <c r="BT1796" s="85"/>
      <c r="BU1796" s="85"/>
      <c r="BV1796" s="85"/>
      <c r="BW1796" s="85"/>
      <c r="BX1796" s="85"/>
      <c r="BY1796" s="85"/>
      <c r="BZ1796" s="85"/>
      <c r="CA1796" s="85"/>
      <c r="CB1796" s="85"/>
      <c r="CC1796" s="85"/>
      <c r="CD1796" s="85"/>
      <c r="CE1796" s="85"/>
      <c r="CF1796" s="85"/>
      <c r="CG1796" s="85"/>
    </row>
    <row r="1797" spans="1:85" s="9" customFormat="1" x14ac:dyDescent="0.2">
      <c r="A1797" s="85"/>
      <c r="J1797" s="85"/>
      <c r="K1797" s="85"/>
      <c r="L1797" s="85"/>
      <c r="M1797" s="85"/>
      <c r="N1797" s="85"/>
      <c r="O1797" s="85"/>
      <c r="P1797" s="85"/>
      <c r="Q1797" s="85"/>
      <c r="R1797" s="85"/>
      <c r="S1797" s="85"/>
      <c r="T1797" s="85"/>
      <c r="U1797" s="85"/>
      <c r="V1797" s="85"/>
      <c r="W1797" s="85"/>
      <c r="X1797" s="85"/>
      <c r="Y1797" s="85"/>
      <c r="Z1797" s="85"/>
      <c r="AA1797" s="85"/>
      <c r="AB1797" s="85"/>
      <c r="AC1797" s="85"/>
      <c r="AD1797" s="85"/>
      <c r="AE1797" s="85"/>
      <c r="AF1797" s="85"/>
      <c r="AG1797" s="85"/>
      <c r="AH1797" s="85"/>
      <c r="AI1797" s="85"/>
      <c r="AJ1797" s="85"/>
      <c r="AK1797" s="85"/>
      <c r="AL1797" s="85"/>
      <c r="AM1797" s="85"/>
      <c r="AN1797" s="85"/>
      <c r="AO1797" s="85"/>
      <c r="AP1797" s="85"/>
      <c r="AQ1797" s="85"/>
      <c r="AR1797" s="85"/>
      <c r="AS1797" s="85"/>
      <c r="AT1797" s="85"/>
      <c r="AU1797" s="85"/>
      <c r="AV1797" s="85"/>
      <c r="AW1797" s="85"/>
      <c r="AX1797" s="85"/>
      <c r="AY1797" s="85"/>
      <c r="AZ1797" s="85"/>
      <c r="BA1797" s="85"/>
      <c r="BB1797" s="85"/>
      <c r="BC1797" s="85"/>
      <c r="BD1797" s="85"/>
      <c r="BE1797" s="85"/>
      <c r="BF1797" s="85"/>
      <c r="BG1797" s="85"/>
      <c r="BH1797" s="85"/>
      <c r="BI1797" s="85"/>
      <c r="BJ1797" s="85"/>
      <c r="BK1797" s="85"/>
      <c r="BL1797" s="85"/>
      <c r="BM1797" s="85"/>
      <c r="BN1797" s="85"/>
      <c r="BO1797" s="85"/>
      <c r="BP1797" s="85"/>
      <c r="BQ1797" s="85"/>
      <c r="BR1797" s="85"/>
      <c r="BS1797" s="85"/>
      <c r="BT1797" s="85"/>
      <c r="BU1797" s="85"/>
      <c r="BV1797" s="85"/>
      <c r="BW1797" s="85"/>
      <c r="BX1797" s="85"/>
      <c r="BY1797" s="85"/>
      <c r="BZ1797" s="85"/>
      <c r="CA1797" s="85"/>
      <c r="CB1797" s="85"/>
      <c r="CC1797" s="85"/>
      <c r="CD1797" s="85"/>
      <c r="CE1797" s="85"/>
      <c r="CF1797" s="85"/>
      <c r="CG1797" s="85"/>
    </row>
    <row r="1798" spans="1:85" s="9" customFormat="1" x14ac:dyDescent="0.2">
      <c r="A1798" s="85"/>
      <c r="J1798" s="85"/>
      <c r="K1798" s="85"/>
      <c r="L1798" s="85"/>
      <c r="M1798" s="85"/>
      <c r="N1798" s="85"/>
      <c r="O1798" s="85"/>
      <c r="P1798" s="85"/>
      <c r="Q1798" s="85"/>
      <c r="R1798" s="85"/>
      <c r="S1798" s="85"/>
      <c r="T1798" s="85"/>
      <c r="U1798" s="85"/>
      <c r="V1798" s="85"/>
      <c r="W1798" s="85"/>
      <c r="X1798" s="85"/>
      <c r="Y1798" s="85"/>
      <c r="Z1798" s="85"/>
      <c r="AA1798" s="85"/>
      <c r="AB1798" s="85"/>
      <c r="AC1798" s="85"/>
      <c r="AD1798" s="85"/>
      <c r="AE1798" s="85"/>
      <c r="AF1798" s="85"/>
      <c r="AG1798" s="85"/>
      <c r="AH1798" s="85"/>
      <c r="AI1798" s="85"/>
      <c r="AJ1798" s="85"/>
      <c r="AK1798" s="85"/>
      <c r="AL1798" s="85"/>
      <c r="AM1798" s="85"/>
      <c r="AN1798" s="85"/>
      <c r="AO1798" s="85"/>
      <c r="AP1798" s="85"/>
      <c r="AQ1798" s="85"/>
      <c r="AR1798" s="85"/>
      <c r="AS1798" s="85"/>
      <c r="AT1798" s="85"/>
      <c r="AU1798" s="85"/>
      <c r="AV1798" s="85"/>
      <c r="AW1798" s="85"/>
      <c r="AX1798" s="85"/>
      <c r="AY1798" s="85"/>
      <c r="AZ1798" s="85"/>
      <c r="BA1798" s="85"/>
      <c r="BB1798" s="85"/>
      <c r="BC1798" s="85"/>
      <c r="BD1798" s="85"/>
      <c r="BE1798" s="85"/>
      <c r="BF1798" s="85"/>
      <c r="BG1798" s="85"/>
      <c r="BH1798" s="85"/>
      <c r="BI1798" s="85"/>
      <c r="BJ1798" s="85"/>
      <c r="BK1798" s="85"/>
      <c r="BL1798" s="85"/>
      <c r="BM1798" s="85"/>
      <c r="BN1798" s="85"/>
      <c r="BO1798" s="85"/>
      <c r="BP1798" s="85"/>
      <c r="BQ1798" s="85"/>
      <c r="BR1798" s="85"/>
      <c r="BS1798" s="85"/>
      <c r="BT1798" s="85"/>
      <c r="BU1798" s="85"/>
      <c r="BV1798" s="85"/>
      <c r="BW1798" s="85"/>
      <c r="BX1798" s="85"/>
      <c r="BY1798" s="85"/>
      <c r="BZ1798" s="85"/>
      <c r="CA1798" s="85"/>
      <c r="CB1798" s="85"/>
      <c r="CC1798" s="85"/>
      <c r="CD1798" s="85"/>
      <c r="CE1798" s="85"/>
      <c r="CF1798" s="85"/>
      <c r="CG1798" s="85"/>
    </row>
    <row r="1799" spans="1:85" s="9" customFormat="1" x14ac:dyDescent="0.2">
      <c r="A1799" s="85"/>
      <c r="J1799" s="85"/>
      <c r="K1799" s="85"/>
      <c r="L1799" s="85"/>
      <c r="M1799" s="85"/>
      <c r="N1799" s="85"/>
      <c r="O1799" s="85"/>
      <c r="P1799" s="85"/>
      <c r="Q1799" s="85"/>
      <c r="R1799" s="85"/>
      <c r="S1799" s="85"/>
      <c r="T1799" s="85"/>
      <c r="U1799" s="85"/>
      <c r="V1799" s="85"/>
      <c r="W1799" s="85"/>
      <c r="X1799" s="85"/>
      <c r="Y1799" s="85"/>
      <c r="Z1799" s="85"/>
      <c r="AA1799" s="85"/>
      <c r="AB1799" s="85"/>
      <c r="AC1799" s="85"/>
      <c r="AD1799" s="85"/>
      <c r="AE1799" s="85"/>
      <c r="AF1799" s="85"/>
      <c r="AG1799" s="85"/>
      <c r="AH1799" s="85"/>
      <c r="AI1799" s="85"/>
      <c r="AJ1799" s="85"/>
      <c r="AK1799" s="85"/>
      <c r="AL1799" s="85"/>
      <c r="AM1799" s="85"/>
      <c r="AN1799" s="85"/>
      <c r="AO1799" s="85"/>
      <c r="AP1799" s="85"/>
      <c r="AQ1799" s="85"/>
      <c r="AR1799" s="85"/>
      <c r="AS1799" s="85"/>
      <c r="AT1799" s="85"/>
      <c r="AU1799" s="85"/>
      <c r="AV1799" s="85"/>
      <c r="AW1799" s="85"/>
      <c r="AX1799" s="85"/>
      <c r="AY1799" s="85"/>
      <c r="AZ1799" s="85"/>
      <c r="BA1799" s="85"/>
      <c r="BB1799" s="85"/>
      <c r="BC1799" s="85"/>
      <c r="BD1799" s="85"/>
      <c r="BE1799" s="85"/>
      <c r="BF1799" s="85"/>
      <c r="BG1799" s="85"/>
      <c r="BH1799" s="85"/>
      <c r="BI1799" s="85"/>
      <c r="BJ1799" s="85"/>
      <c r="BK1799" s="85"/>
      <c r="BL1799" s="85"/>
      <c r="BM1799" s="85"/>
      <c r="BN1799" s="85"/>
      <c r="BO1799" s="85"/>
      <c r="BP1799" s="85"/>
      <c r="BQ1799" s="85"/>
      <c r="BR1799" s="85"/>
      <c r="BS1799" s="85"/>
      <c r="BT1799" s="85"/>
      <c r="BU1799" s="85"/>
      <c r="BV1799" s="85"/>
      <c r="BW1799" s="85"/>
      <c r="BX1799" s="85"/>
      <c r="BY1799" s="85"/>
      <c r="BZ1799" s="85"/>
      <c r="CA1799" s="85"/>
      <c r="CB1799" s="85"/>
      <c r="CC1799" s="85"/>
      <c r="CD1799" s="85"/>
      <c r="CE1799" s="85"/>
      <c r="CF1799" s="85"/>
      <c r="CG1799" s="85"/>
    </row>
    <row r="1800" spans="1:85" s="9" customFormat="1" x14ac:dyDescent="0.2">
      <c r="A1800" s="85"/>
      <c r="J1800" s="85"/>
      <c r="K1800" s="85"/>
      <c r="L1800" s="85"/>
      <c r="M1800" s="85"/>
      <c r="N1800" s="85"/>
      <c r="O1800" s="85"/>
      <c r="P1800" s="85"/>
      <c r="Q1800" s="85"/>
      <c r="R1800" s="85"/>
      <c r="S1800" s="85"/>
      <c r="T1800" s="85"/>
      <c r="U1800" s="85"/>
      <c r="V1800" s="85"/>
      <c r="W1800" s="85"/>
      <c r="X1800" s="85"/>
      <c r="Y1800" s="85"/>
      <c r="Z1800" s="85"/>
      <c r="AA1800" s="85"/>
      <c r="AB1800" s="85"/>
      <c r="AC1800" s="85"/>
      <c r="AD1800" s="85"/>
      <c r="AE1800" s="85"/>
      <c r="AF1800" s="85"/>
      <c r="AG1800" s="85"/>
      <c r="AH1800" s="85"/>
      <c r="AI1800" s="85"/>
      <c r="AJ1800" s="85"/>
      <c r="AK1800" s="85"/>
      <c r="AL1800" s="85"/>
      <c r="AM1800" s="85"/>
      <c r="AN1800" s="85"/>
      <c r="AO1800" s="85"/>
      <c r="AP1800" s="85"/>
      <c r="AQ1800" s="85"/>
      <c r="AR1800" s="85"/>
      <c r="AS1800" s="85"/>
      <c r="AT1800" s="85"/>
      <c r="AU1800" s="85"/>
      <c r="AV1800" s="85"/>
      <c r="AW1800" s="85"/>
      <c r="AX1800" s="85"/>
      <c r="AY1800" s="85"/>
      <c r="AZ1800" s="85"/>
      <c r="BA1800" s="85"/>
      <c r="BB1800" s="85"/>
      <c r="BC1800" s="85"/>
      <c r="BD1800" s="85"/>
      <c r="BE1800" s="85"/>
      <c r="BF1800" s="85"/>
      <c r="BG1800" s="85"/>
      <c r="BH1800" s="85"/>
      <c r="BI1800" s="85"/>
      <c r="BJ1800" s="85"/>
      <c r="BK1800" s="85"/>
      <c r="BL1800" s="85"/>
      <c r="BM1800" s="85"/>
      <c r="BN1800" s="85"/>
      <c r="BO1800" s="85"/>
      <c r="BP1800" s="85"/>
      <c r="BQ1800" s="85"/>
      <c r="BR1800" s="85"/>
      <c r="BS1800" s="85"/>
      <c r="BT1800" s="85"/>
      <c r="BU1800" s="85"/>
      <c r="BV1800" s="85"/>
      <c r="BW1800" s="85"/>
      <c r="BX1800" s="85"/>
      <c r="BY1800" s="85"/>
      <c r="BZ1800" s="85"/>
      <c r="CA1800" s="85"/>
      <c r="CB1800" s="85"/>
      <c r="CC1800" s="85"/>
      <c r="CD1800" s="85"/>
      <c r="CE1800" s="85"/>
      <c r="CF1800" s="85"/>
      <c r="CG1800" s="85"/>
    </row>
    <row r="1801" spans="1:85" s="9" customFormat="1" x14ac:dyDescent="0.2">
      <c r="A1801" s="85"/>
      <c r="J1801" s="85"/>
      <c r="K1801" s="85"/>
      <c r="L1801" s="85"/>
      <c r="M1801" s="85"/>
      <c r="N1801" s="85"/>
      <c r="O1801" s="85"/>
      <c r="P1801" s="85"/>
      <c r="Q1801" s="85"/>
      <c r="R1801" s="85"/>
      <c r="S1801" s="85"/>
      <c r="T1801" s="85"/>
      <c r="U1801" s="85"/>
      <c r="V1801" s="85"/>
      <c r="W1801" s="85"/>
      <c r="X1801" s="85"/>
      <c r="Y1801" s="85"/>
      <c r="Z1801" s="85"/>
      <c r="AA1801" s="85"/>
      <c r="AB1801" s="85"/>
      <c r="AC1801" s="85"/>
      <c r="AD1801" s="85"/>
      <c r="AE1801" s="85"/>
      <c r="AF1801" s="85"/>
      <c r="AG1801" s="85"/>
      <c r="AH1801" s="85"/>
      <c r="AI1801" s="85"/>
      <c r="AJ1801" s="85"/>
      <c r="AK1801" s="85"/>
      <c r="AL1801" s="85"/>
      <c r="AM1801" s="85"/>
      <c r="AN1801" s="85"/>
      <c r="AO1801" s="85"/>
      <c r="AP1801" s="85"/>
      <c r="AQ1801" s="85"/>
      <c r="AR1801" s="85"/>
      <c r="AS1801" s="85"/>
      <c r="AT1801" s="85"/>
      <c r="AU1801" s="85"/>
      <c r="AV1801" s="85"/>
      <c r="AW1801" s="85"/>
      <c r="AX1801" s="85"/>
      <c r="AY1801" s="85"/>
      <c r="AZ1801" s="85"/>
      <c r="BA1801" s="85"/>
      <c r="BB1801" s="85"/>
      <c r="BC1801" s="85"/>
      <c r="BD1801" s="85"/>
      <c r="BE1801" s="85"/>
      <c r="BF1801" s="85"/>
      <c r="BG1801" s="85"/>
      <c r="BH1801" s="85"/>
      <c r="BI1801" s="85"/>
      <c r="BJ1801" s="85"/>
      <c r="BK1801" s="85"/>
      <c r="BL1801" s="85"/>
      <c r="BM1801" s="85"/>
      <c r="BN1801" s="85"/>
      <c r="BO1801" s="85"/>
      <c r="BP1801" s="85"/>
      <c r="BQ1801" s="85"/>
      <c r="BR1801" s="85"/>
      <c r="BS1801" s="85"/>
      <c r="BT1801" s="85"/>
      <c r="BU1801" s="85"/>
      <c r="BV1801" s="85"/>
      <c r="BW1801" s="85"/>
      <c r="BX1801" s="85"/>
      <c r="BY1801" s="85"/>
      <c r="BZ1801" s="85"/>
      <c r="CA1801" s="85"/>
      <c r="CB1801" s="85"/>
      <c r="CC1801" s="85"/>
      <c r="CD1801" s="85"/>
      <c r="CE1801" s="85"/>
      <c r="CF1801" s="85"/>
      <c r="CG1801" s="85"/>
    </row>
    <row r="1802" spans="1:85" s="9" customFormat="1" x14ac:dyDescent="0.2">
      <c r="A1802" s="85"/>
      <c r="J1802" s="85"/>
      <c r="K1802" s="85"/>
      <c r="L1802" s="85"/>
      <c r="M1802" s="85"/>
      <c r="N1802" s="85"/>
      <c r="O1802" s="85"/>
      <c r="P1802" s="85"/>
      <c r="Q1802" s="85"/>
      <c r="R1802" s="85"/>
      <c r="S1802" s="85"/>
      <c r="T1802" s="85"/>
      <c r="U1802" s="85"/>
      <c r="V1802" s="85"/>
      <c r="W1802" s="85"/>
      <c r="X1802" s="85"/>
      <c r="Y1802" s="85"/>
      <c r="Z1802" s="85"/>
      <c r="AA1802" s="85"/>
      <c r="AB1802" s="85"/>
      <c r="AC1802" s="85"/>
      <c r="AD1802" s="85"/>
      <c r="AE1802" s="85"/>
      <c r="AF1802" s="85"/>
      <c r="AG1802" s="85"/>
      <c r="AH1802" s="85"/>
      <c r="AI1802" s="85"/>
      <c r="AJ1802" s="85"/>
      <c r="AK1802" s="85"/>
      <c r="AL1802" s="85"/>
      <c r="AM1802" s="85"/>
      <c r="AN1802" s="85"/>
      <c r="AO1802" s="85"/>
      <c r="AP1802" s="85"/>
      <c r="AQ1802" s="85"/>
      <c r="AR1802" s="85"/>
      <c r="AS1802" s="85"/>
      <c r="AT1802" s="85"/>
      <c r="AU1802" s="85"/>
      <c r="AV1802" s="85"/>
      <c r="AW1802" s="85"/>
      <c r="AX1802" s="85"/>
      <c r="AY1802" s="85"/>
      <c r="AZ1802" s="85"/>
      <c r="BA1802" s="85"/>
      <c r="BB1802" s="85"/>
      <c r="BC1802" s="85"/>
      <c r="BD1802" s="85"/>
      <c r="BE1802" s="85"/>
      <c r="BF1802" s="85"/>
      <c r="BG1802" s="85"/>
      <c r="BH1802" s="85"/>
      <c r="BI1802" s="85"/>
      <c r="BJ1802" s="85"/>
      <c r="BK1802" s="85"/>
      <c r="BL1802" s="85"/>
      <c r="BM1802" s="85"/>
      <c r="BN1802" s="85"/>
      <c r="BO1802" s="85"/>
      <c r="BP1802" s="85"/>
      <c r="BQ1802" s="85"/>
      <c r="BR1802" s="85"/>
      <c r="BS1802" s="85"/>
      <c r="BT1802" s="85"/>
      <c r="BU1802" s="85"/>
      <c r="BV1802" s="85"/>
      <c r="BW1802" s="85"/>
      <c r="BX1802" s="85"/>
      <c r="BY1802" s="85"/>
      <c r="BZ1802" s="85"/>
      <c r="CA1802" s="85"/>
      <c r="CB1802" s="85"/>
      <c r="CC1802" s="85"/>
      <c r="CD1802" s="85"/>
      <c r="CE1802" s="85"/>
      <c r="CF1802" s="85"/>
      <c r="CG1802" s="85"/>
    </row>
    <row r="1803" spans="1:85" s="9" customFormat="1" x14ac:dyDescent="0.2">
      <c r="A1803" s="85"/>
      <c r="J1803" s="85"/>
      <c r="K1803" s="85"/>
      <c r="L1803" s="85"/>
      <c r="M1803" s="85"/>
      <c r="N1803" s="85"/>
      <c r="O1803" s="85"/>
      <c r="P1803" s="85"/>
      <c r="Q1803" s="85"/>
      <c r="R1803" s="85"/>
      <c r="S1803" s="85"/>
      <c r="T1803" s="85"/>
      <c r="U1803" s="85"/>
      <c r="V1803" s="85"/>
      <c r="W1803" s="85"/>
      <c r="X1803" s="85"/>
      <c r="Y1803" s="85"/>
      <c r="Z1803" s="85"/>
      <c r="AA1803" s="85"/>
      <c r="AB1803" s="85"/>
      <c r="AC1803" s="85"/>
      <c r="AD1803" s="85"/>
      <c r="AE1803" s="85"/>
      <c r="AF1803" s="85"/>
      <c r="AG1803" s="85"/>
      <c r="AH1803" s="85"/>
      <c r="AI1803" s="85"/>
      <c r="AJ1803" s="85"/>
      <c r="AK1803" s="85"/>
      <c r="AL1803" s="85"/>
      <c r="AM1803" s="85"/>
      <c r="AN1803" s="85"/>
      <c r="AO1803" s="85"/>
      <c r="AP1803" s="85"/>
      <c r="AQ1803" s="85"/>
      <c r="AR1803" s="85"/>
      <c r="AS1803" s="85"/>
      <c r="AT1803" s="85"/>
      <c r="AU1803" s="85"/>
      <c r="AV1803" s="85"/>
      <c r="AW1803" s="85"/>
      <c r="AX1803" s="85"/>
      <c r="AY1803" s="85"/>
      <c r="AZ1803" s="85"/>
      <c r="BA1803" s="85"/>
      <c r="BB1803" s="85"/>
      <c r="BC1803" s="85"/>
      <c r="BD1803" s="85"/>
      <c r="BE1803" s="85"/>
      <c r="BF1803" s="85"/>
      <c r="BG1803" s="85"/>
      <c r="BH1803" s="85"/>
      <c r="BI1803" s="85"/>
      <c r="BJ1803" s="85"/>
      <c r="BK1803" s="85"/>
      <c r="BL1803" s="85"/>
      <c r="BM1803" s="85"/>
      <c r="BN1803" s="85"/>
      <c r="BO1803" s="85"/>
      <c r="BP1803" s="85"/>
      <c r="BQ1803" s="85"/>
      <c r="BR1803" s="85"/>
      <c r="BS1803" s="85"/>
      <c r="BT1803" s="85"/>
      <c r="BU1803" s="85"/>
      <c r="BV1803" s="85"/>
      <c r="BW1803" s="85"/>
      <c r="BX1803" s="85"/>
      <c r="BY1803" s="85"/>
      <c r="BZ1803" s="85"/>
      <c r="CA1803" s="85"/>
      <c r="CB1803" s="85"/>
      <c r="CC1803" s="85"/>
      <c r="CD1803" s="85"/>
      <c r="CE1803" s="85"/>
      <c r="CF1803" s="85"/>
      <c r="CG1803" s="85"/>
    </row>
    <row r="1804" spans="1:85" s="9" customFormat="1" x14ac:dyDescent="0.2">
      <c r="A1804" s="85"/>
      <c r="J1804" s="85"/>
      <c r="K1804" s="85"/>
      <c r="L1804" s="85"/>
      <c r="M1804" s="85"/>
      <c r="N1804" s="85"/>
      <c r="O1804" s="85"/>
      <c r="P1804" s="85"/>
      <c r="Q1804" s="85"/>
      <c r="R1804" s="85"/>
      <c r="S1804" s="85"/>
      <c r="T1804" s="85"/>
      <c r="U1804" s="85"/>
      <c r="V1804" s="85"/>
      <c r="W1804" s="85"/>
      <c r="X1804" s="85"/>
      <c r="Y1804" s="85"/>
      <c r="Z1804" s="85"/>
      <c r="AA1804" s="85"/>
      <c r="AB1804" s="85"/>
      <c r="AC1804" s="85"/>
      <c r="AD1804" s="85"/>
      <c r="AE1804" s="85"/>
      <c r="AF1804" s="85"/>
      <c r="AG1804" s="85"/>
      <c r="AH1804" s="85"/>
      <c r="AI1804" s="85"/>
      <c r="AJ1804" s="85"/>
      <c r="AK1804" s="85"/>
      <c r="AL1804" s="85"/>
      <c r="AM1804" s="85"/>
      <c r="AN1804" s="85"/>
      <c r="AO1804" s="85"/>
      <c r="AP1804" s="85"/>
      <c r="AQ1804" s="85"/>
      <c r="AR1804" s="85"/>
      <c r="AS1804" s="85"/>
      <c r="AT1804" s="85"/>
      <c r="AU1804" s="85"/>
      <c r="AV1804" s="85"/>
      <c r="AW1804" s="85"/>
      <c r="AX1804" s="85"/>
      <c r="AY1804" s="85"/>
      <c r="AZ1804" s="85"/>
      <c r="BA1804" s="85"/>
      <c r="BB1804" s="85"/>
      <c r="BC1804" s="85"/>
      <c r="BD1804" s="85"/>
      <c r="BE1804" s="85"/>
      <c r="BF1804" s="85"/>
      <c r="BG1804" s="85"/>
      <c r="BH1804" s="85"/>
      <c r="BI1804" s="85"/>
      <c r="BJ1804" s="85"/>
      <c r="BK1804" s="85"/>
      <c r="BL1804" s="85"/>
      <c r="BM1804" s="85"/>
      <c r="BN1804" s="85"/>
      <c r="BO1804" s="85"/>
      <c r="BP1804" s="85"/>
      <c r="BQ1804" s="85"/>
      <c r="BR1804" s="85"/>
      <c r="BS1804" s="85"/>
      <c r="BT1804" s="85"/>
      <c r="BU1804" s="85"/>
      <c r="BV1804" s="85"/>
      <c r="BW1804" s="85"/>
      <c r="BX1804" s="85"/>
      <c r="BY1804" s="85"/>
      <c r="BZ1804" s="85"/>
      <c r="CA1804" s="85"/>
      <c r="CB1804" s="85"/>
      <c r="CC1804" s="85"/>
      <c r="CD1804" s="85"/>
      <c r="CE1804" s="85"/>
      <c r="CF1804" s="85"/>
      <c r="CG1804" s="85"/>
    </row>
    <row r="1805" spans="1:85" s="9" customFormat="1" x14ac:dyDescent="0.2">
      <c r="A1805" s="85"/>
      <c r="J1805" s="85"/>
      <c r="K1805" s="85"/>
      <c r="L1805" s="85"/>
      <c r="M1805" s="85"/>
      <c r="N1805" s="85"/>
      <c r="O1805" s="85"/>
      <c r="P1805" s="85"/>
      <c r="Q1805" s="85"/>
      <c r="R1805" s="85"/>
      <c r="S1805" s="85"/>
      <c r="T1805" s="85"/>
      <c r="U1805" s="85"/>
      <c r="V1805" s="85"/>
      <c r="W1805" s="85"/>
      <c r="X1805" s="85"/>
      <c r="Y1805" s="85"/>
      <c r="Z1805" s="85"/>
      <c r="AA1805" s="85"/>
      <c r="AB1805" s="85"/>
      <c r="AC1805" s="85"/>
      <c r="AD1805" s="85"/>
      <c r="AE1805" s="85"/>
      <c r="AF1805" s="85"/>
      <c r="AG1805" s="85"/>
      <c r="AH1805" s="85"/>
      <c r="AI1805" s="85"/>
      <c r="AJ1805" s="85"/>
      <c r="AK1805" s="85"/>
      <c r="AL1805" s="85"/>
      <c r="AM1805" s="85"/>
      <c r="AN1805" s="85"/>
      <c r="AO1805" s="85"/>
      <c r="AP1805" s="85"/>
      <c r="AQ1805" s="85"/>
      <c r="AR1805" s="85"/>
      <c r="AS1805" s="85"/>
      <c r="AT1805" s="85"/>
      <c r="AU1805" s="85"/>
      <c r="AV1805" s="85"/>
      <c r="AW1805" s="85"/>
      <c r="AX1805" s="85"/>
      <c r="AY1805" s="85"/>
      <c r="AZ1805" s="85"/>
      <c r="BA1805" s="85"/>
      <c r="BB1805" s="85"/>
      <c r="BC1805" s="85"/>
      <c r="BD1805" s="85"/>
      <c r="BE1805" s="85"/>
      <c r="BF1805" s="85"/>
      <c r="BG1805" s="85"/>
      <c r="BH1805" s="85"/>
      <c r="BI1805" s="85"/>
      <c r="BJ1805" s="85"/>
      <c r="BK1805" s="85"/>
      <c r="BL1805" s="85"/>
      <c r="BM1805" s="85"/>
      <c r="BN1805" s="85"/>
      <c r="BO1805" s="85"/>
      <c r="BP1805" s="85"/>
      <c r="BQ1805" s="85"/>
      <c r="BR1805" s="85"/>
      <c r="BS1805" s="85"/>
      <c r="BT1805" s="85"/>
      <c r="BU1805" s="85"/>
      <c r="BV1805" s="85"/>
      <c r="BW1805" s="85"/>
      <c r="BX1805" s="85"/>
      <c r="BY1805" s="85"/>
      <c r="BZ1805" s="85"/>
      <c r="CA1805" s="85"/>
      <c r="CB1805" s="85"/>
      <c r="CC1805" s="85"/>
      <c r="CD1805" s="85"/>
      <c r="CE1805" s="85"/>
      <c r="CF1805" s="85"/>
      <c r="CG1805" s="85"/>
    </row>
    <row r="1806" spans="1:85" s="9" customFormat="1" x14ac:dyDescent="0.2">
      <c r="A1806" s="85"/>
      <c r="J1806" s="85"/>
      <c r="K1806" s="85"/>
      <c r="L1806" s="85"/>
      <c r="M1806" s="85"/>
      <c r="N1806" s="85"/>
      <c r="O1806" s="85"/>
      <c r="P1806" s="85"/>
      <c r="Q1806" s="85"/>
      <c r="R1806" s="85"/>
      <c r="S1806" s="85"/>
      <c r="T1806" s="85"/>
      <c r="U1806" s="85"/>
      <c r="V1806" s="85"/>
      <c r="W1806" s="85"/>
      <c r="X1806" s="85"/>
      <c r="Y1806" s="85"/>
      <c r="Z1806" s="85"/>
      <c r="AA1806" s="85"/>
      <c r="AB1806" s="85"/>
      <c r="AC1806" s="85"/>
      <c r="AD1806" s="85"/>
      <c r="AE1806" s="85"/>
      <c r="AF1806" s="85"/>
      <c r="AG1806" s="85"/>
      <c r="AH1806" s="85"/>
      <c r="AI1806" s="85"/>
      <c r="AJ1806" s="85"/>
      <c r="AK1806" s="85"/>
      <c r="AL1806" s="85"/>
      <c r="AM1806" s="85"/>
      <c r="AN1806" s="85"/>
      <c r="AO1806" s="85"/>
      <c r="AP1806" s="85"/>
      <c r="AQ1806" s="85"/>
      <c r="AR1806" s="85"/>
      <c r="AS1806" s="85"/>
      <c r="AT1806" s="85"/>
      <c r="AU1806" s="85"/>
      <c r="AV1806" s="85"/>
      <c r="AW1806" s="85"/>
      <c r="AX1806" s="85"/>
      <c r="AY1806" s="85"/>
      <c r="AZ1806" s="85"/>
      <c r="BA1806" s="85"/>
      <c r="BB1806" s="85"/>
      <c r="BC1806" s="85"/>
      <c r="BD1806" s="85"/>
      <c r="BE1806" s="85"/>
      <c r="BF1806" s="85"/>
      <c r="BG1806" s="85"/>
      <c r="BH1806" s="85"/>
      <c r="BI1806" s="85"/>
      <c r="BJ1806" s="85"/>
      <c r="BK1806" s="85"/>
      <c r="BL1806" s="85"/>
      <c r="BM1806" s="85"/>
      <c r="BN1806" s="85"/>
      <c r="BO1806" s="85"/>
      <c r="BP1806" s="85"/>
      <c r="BQ1806" s="85"/>
      <c r="BR1806" s="85"/>
      <c r="BS1806" s="85"/>
      <c r="BT1806" s="85"/>
      <c r="BU1806" s="85"/>
      <c r="BV1806" s="85"/>
      <c r="BW1806" s="85"/>
      <c r="BX1806" s="85"/>
      <c r="BY1806" s="85"/>
      <c r="BZ1806" s="85"/>
      <c r="CA1806" s="85"/>
      <c r="CB1806" s="85"/>
      <c r="CC1806" s="85"/>
      <c r="CD1806" s="85"/>
      <c r="CE1806" s="85"/>
      <c r="CF1806" s="85"/>
      <c r="CG1806" s="85"/>
    </row>
    <row r="1807" spans="1:85" s="9" customFormat="1" x14ac:dyDescent="0.2">
      <c r="A1807" s="85"/>
      <c r="J1807" s="85"/>
      <c r="K1807" s="85"/>
      <c r="L1807" s="85"/>
      <c r="M1807" s="85"/>
      <c r="N1807" s="85"/>
      <c r="O1807" s="85"/>
      <c r="P1807" s="85"/>
      <c r="Q1807" s="85"/>
      <c r="R1807" s="85"/>
      <c r="S1807" s="85"/>
      <c r="T1807" s="85"/>
      <c r="U1807" s="85"/>
      <c r="V1807" s="85"/>
      <c r="W1807" s="85"/>
      <c r="X1807" s="85"/>
      <c r="Y1807" s="85"/>
      <c r="Z1807" s="85"/>
      <c r="AA1807" s="85"/>
      <c r="AB1807" s="85"/>
      <c r="AC1807" s="85"/>
      <c r="AD1807" s="85"/>
      <c r="AE1807" s="85"/>
      <c r="AF1807" s="85"/>
      <c r="AG1807" s="85"/>
      <c r="AH1807" s="85"/>
      <c r="AI1807" s="85"/>
      <c r="AJ1807" s="85"/>
      <c r="AK1807" s="85"/>
      <c r="AL1807" s="85"/>
      <c r="AM1807" s="85"/>
      <c r="AN1807" s="85"/>
      <c r="AO1807" s="85"/>
      <c r="AP1807" s="85"/>
      <c r="AQ1807" s="85"/>
      <c r="AR1807" s="85"/>
      <c r="AS1807" s="85"/>
      <c r="AT1807" s="85"/>
      <c r="AU1807" s="85"/>
      <c r="AV1807" s="85"/>
      <c r="AW1807" s="85"/>
      <c r="AX1807" s="85"/>
      <c r="AY1807" s="85"/>
      <c r="AZ1807" s="85"/>
      <c r="BA1807" s="85"/>
      <c r="BB1807" s="85"/>
      <c r="BC1807" s="85"/>
      <c r="BD1807" s="85"/>
      <c r="BE1807" s="85"/>
      <c r="BF1807" s="85"/>
      <c r="BG1807" s="85"/>
      <c r="BH1807" s="85"/>
      <c r="BI1807" s="85"/>
      <c r="BJ1807" s="85"/>
      <c r="BK1807" s="85"/>
      <c r="BL1807" s="85"/>
      <c r="BM1807" s="85"/>
      <c r="BN1807" s="85"/>
      <c r="BO1807" s="85"/>
      <c r="BP1807" s="85"/>
      <c r="BQ1807" s="85"/>
      <c r="BR1807" s="85"/>
      <c r="BS1807" s="85"/>
      <c r="BT1807" s="85"/>
      <c r="BU1807" s="85"/>
      <c r="BV1807" s="85"/>
      <c r="BW1807" s="85"/>
      <c r="BX1807" s="85"/>
      <c r="BY1807" s="85"/>
      <c r="BZ1807" s="85"/>
      <c r="CA1807" s="85"/>
      <c r="CB1807" s="85"/>
      <c r="CC1807" s="85"/>
      <c r="CD1807" s="85"/>
      <c r="CE1807" s="85"/>
      <c r="CF1807" s="85"/>
      <c r="CG1807" s="85"/>
    </row>
    <row r="1808" spans="1:85" s="9" customFormat="1" x14ac:dyDescent="0.2">
      <c r="A1808" s="85"/>
      <c r="J1808" s="85"/>
      <c r="K1808" s="85"/>
      <c r="L1808" s="85"/>
      <c r="M1808" s="85"/>
      <c r="N1808" s="85"/>
      <c r="O1808" s="85"/>
      <c r="P1808" s="85"/>
      <c r="Q1808" s="85"/>
      <c r="R1808" s="85"/>
      <c r="S1808" s="85"/>
      <c r="T1808" s="85"/>
      <c r="U1808" s="85"/>
      <c r="V1808" s="85"/>
      <c r="W1808" s="85"/>
      <c r="X1808" s="85"/>
      <c r="Y1808" s="85"/>
      <c r="Z1808" s="85"/>
      <c r="AA1808" s="85"/>
      <c r="AB1808" s="85"/>
      <c r="AC1808" s="85"/>
      <c r="AD1808" s="85"/>
      <c r="AE1808" s="85"/>
      <c r="AF1808" s="85"/>
      <c r="AG1808" s="85"/>
      <c r="AH1808" s="85"/>
      <c r="AI1808" s="85"/>
      <c r="AJ1808" s="85"/>
      <c r="AK1808" s="85"/>
      <c r="AL1808" s="85"/>
      <c r="AM1808" s="85"/>
      <c r="AN1808" s="85"/>
      <c r="AO1808" s="85"/>
      <c r="AP1808" s="85"/>
      <c r="AQ1808" s="85"/>
      <c r="AR1808" s="85"/>
      <c r="AS1808" s="85"/>
      <c r="AT1808" s="85"/>
      <c r="AU1808" s="85"/>
      <c r="AV1808" s="85"/>
      <c r="AW1808" s="85"/>
      <c r="AX1808" s="85"/>
      <c r="AY1808" s="85"/>
      <c r="AZ1808" s="85"/>
      <c r="BA1808" s="85"/>
      <c r="BB1808" s="85"/>
      <c r="BC1808" s="85"/>
      <c r="BD1808" s="85"/>
      <c r="BE1808" s="85"/>
      <c r="BF1808" s="85"/>
      <c r="BG1808" s="85"/>
      <c r="BH1808" s="85"/>
      <c r="BI1808" s="85"/>
      <c r="BJ1808" s="85"/>
      <c r="BK1808" s="85"/>
      <c r="BL1808" s="85"/>
      <c r="BM1808" s="85"/>
      <c r="BN1808" s="85"/>
      <c r="BO1808" s="85"/>
      <c r="BP1808" s="85"/>
      <c r="BQ1808" s="85"/>
      <c r="BR1808" s="85"/>
      <c r="BS1808" s="85"/>
      <c r="BT1808" s="85"/>
      <c r="BU1808" s="85"/>
      <c r="BV1808" s="85"/>
      <c r="BW1808" s="85"/>
      <c r="BX1808" s="85"/>
      <c r="BY1808" s="85"/>
      <c r="BZ1808" s="85"/>
      <c r="CA1808" s="85"/>
      <c r="CB1808" s="85"/>
      <c r="CC1808" s="85"/>
      <c r="CD1808" s="85"/>
      <c r="CE1808" s="85"/>
      <c r="CF1808" s="85"/>
      <c r="CG1808" s="85"/>
    </row>
    <row r="1809" spans="1:85" s="9" customFormat="1" x14ac:dyDescent="0.2">
      <c r="A1809" s="85"/>
      <c r="J1809" s="85"/>
      <c r="K1809" s="85"/>
      <c r="L1809" s="85"/>
      <c r="M1809" s="85"/>
      <c r="N1809" s="85"/>
      <c r="O1809" s="85"/>
      <c r="P1809" s="85"/>
      <c r="Q1809" s="85"/>
      <c r="R1809" s="85"/>
      <c r="S1809" s="85"/>
      <c r="T1809" s="85"/>
      <c r="U1809" s="85"/>
      <c r="V1809" s="85"/>
      <c r="W1809" s="85"/>
      <c r="X1809" s="85"/>
      <c r="Y1809" s="85"/>
      <c r="Z1809" s="85"/>
      <c r="AA1809" s="85"/>
      <c r="AB1809" s="85"/>
      <c r="AC1809" s="85"/>
      <c r="AD1809" s="85"/>
      <c r="AE1809" s="85"/>
      <c r="AF1809" s="85"/>
      <c r="AG1809" s="85"/>
      <c r="AH1809" s="85"/>
      <c r="AI1809" s="85"/>
      <c r="AJ1809" s="85"/>
      <c r="AK1809" s="85"/>
      <c r="AL1809" s="85"/>
      <c r="AM1809" s="85"/>
      <c r="AN1809" s="85"/>
      <c r="AO1809" s="85"/>
      <c r="AP1809" s="85"/>
      <c r="AQ1809" s="85"/>
      <c r="AR1809" s="85"/>
      <c r="AS1809" s="85"/>
      <c r="AT1809" s="85"/>
      <c r="AU1809" s="85"/>
      <c r="AV1809" s="85"/>
      <c r="AW1809" s="85"/>
      <c r="AX1809" s="85"/>
      <c r="AY1809" s="85"/>
      <c r="AZ1809" s="85"/>
      <c r="BA1809" s="85"/>
      <c r="BB1809" s="85"/>
      <c r="BC1809" s="85"/>
      <c r="BD1809" s="85"/>
      <c r="BE1809" s="85"/>
      <c r="BF1809" s="85"/>
      <c r="BG1809" s="85"/>
      <c r="BH1809" s="85"/>
      <c r="BI1809" s="85"/>
      <c r="BJ1809" s="85"/>
      <c r="BK1809" s="85"/>
      <c r="BL1809" s="85"/>
      <c r="BM1809" s="85"/>
      <c r="BN1809" s="85"/>
      <c r="BO1809" s="85"/>
      <c r="BP1809" s="85"/>
      <c r="BQ1809" s="85"/>
      <c r="BR1809" s="85"/>
      <c r="BS1809" s="85"/>
      <c r="BT1809" s="85"/>
      <c r="BU1809" s="85"/>
      <c r="BV1809" s="85"/>
      <c r="BW1809" s="85"/>
      <c r="BX1809" s="85"/>
      <c r="BY1809" s="85"/>
      <c r="BZ1809" s="85"/>
      <c r="CA1809" s="85"/>
      <c r="CB1809" s="85"/>
      <c r="CC1809" s="85"/>
      <c r="CD1809" s="85"/>
      <c r="CE1809" s="85"/>
      <c r="CF1809" s="85"/>
      <c r="CG1809" s="85"/>
    </row>
    <row r="1810" spans="1:85" s="9" customFormat="1" x14ac:dyDescent="0.2">
      <c r="A1810" s="85"/>
      <c r="J1810" s="85"/>
      <c r="K1810" s="85"/>
      <c r="L1810" s="85"/>
      <c r="M1810" s="85"/>
      <c r="N1810" s="85"/>
      <c r="O1810" s="85"/>
      <c r="P1810" s="85"/>
      <c r="Q1810" s="85"/>
      <c r="R1810" s="85"/>
      <c r="S1810" s="85"/>
      <c r="T1810" s="85"/>
      <c r="U1810" s="85"/>
      <c r="V1810" s="85"/>
      <c r="W1810" s="85"/>
      <c r="X1810" s="85"/>
      <c r="Y1810" s="85"/>
      <c r="Z1810" s="85"/>
      <c r="AA1810" s="85"/>
      <c r="AB1810" s="85"/>
      <c r="AC1810" s="85"/>
      <c r="AD1810" s="85"/>
      <c r="AE1810" s="85"/>
      <c r="AF1810" s="85"/>
      <c r="AG1810" s="85"/>
      <c r="AH1810" s="85"/>
      <c r="AI1810" s="85"/>
      <c r="AJ1810" s="85"/>
      <c r="AK1810" s="85"/>
      <c r="AL1810" s="85"/>
      <c r="AM1810" s="85"/>
      <c r="AN1810" s="85"/>
      <c r="AO1810" s="85"/>
      <c r="AP1810" s="85"/>
      <c r="AQ1810" s="85"/>
      <c r="AR1810" s="85"/>
      <c r="AS1810" s="85"/>
      <c r="AT1810" s="85"/>
      <c r="AU1810" s="85"/>
      <c r="AV1810" s="85"/>
      <c r="AW1810" s="85"/>
      <c r="AX1810" s="85"/>
      <c r="AY1810" s="85"/>
      <c r="AZ1810" s="85"/>
      <c r="BA1810" s="85"/>
      <c r="BB1810" s="85"/>
      <c r="BC1810" s="85"/>
      <c r="BD1810" s="85"/>
      <c r="BE1810" s="85"/>
      <c r="BF1810" s="85"/>
      <c r="BG1810" s="85"/>
      <c r="BH1810" s="85"/>
      <c r="BI1810" s="85"/>
      <c r="BJ1810" s="85"/>
      <c r="BK1810" s="85"/>
      <c r="BL1810" s="85"/>
      <c r="BM1810" s="85"/>
      <c r="BN1810" s="85"/>
      <c r="BO1810" s="85"/>
      <c r="BP1810" s="85"/>
      <c r="BQ1810" s="85"/>
      <c r="BR1810" s="85"/>
      <c r="BS1810" s="85"/>
      <c r="BT1810" s="85"/>
      <c r="BU1810" s="85"/>
      <c r="BV1810" s="85"/>
      <c r="BW1810" s="85"/>
      <c r="BX1810" s="85"/>
      <c r="BY1810" s="85"/>
      <c r="BZ1810" s="85"/>
      <c r="CA1810" s="85"/>
      <c r="CB1810" s="85"/>
      <c r="CC1810" s="85"/>
      <c r="CD1810" s="85"/>
      <c r="CE1810" s="85"/>
      <c r="CF1810" s="85"/>
      <c r="CG1810" s="85"/>
    </row>
    <row r="1811" spans="1:85" s="9" customFormat="1" x14ac:dyDescent="0.2">
      <c r="A1811" s="85"/>
      <c r="J1811" s="85"/>
      <c r="K1811" s="85"/>
      <c r="L1811" s="85"/>
      <c r="M1811" s="85"/>
      <c r="N1811" s="85"/>
      <c r="O1811" s="85"/>
      <c r="P1811" s="85"/>
      <c r="Q1811" s="85"/>
      <c r="R1811" s="85"/>
      <c r="S1811" s="85"/>
      <c r="T1811" s="85"/>
      <c r="U1811" s="85"/>
      <c r="V1811" s="85"/>
      <c r="W1811" s="85"/>
      <c r="X1811" s="85"/>
      <c r="Y1811" s="85"/>
      <c r="Z1811" s="85"/>
      <c r="AA1811" s="85"/>
      <c r="AB1811" s="85"/>
      <c r="AC1811" s="85"/>
      <c r="AD1811" s="85"/>
      <c r="AE1811" s="85"/>
      <c r="AF1811" s="85"/>
      <c r="AG1811" s="85"/>
      <c r="AH1811" s="85"/>
      <c r="AI1811" s="85"/>
      <c r="AJ1811" s="85"/>
      <c r="AK1811" s="85"/>
      <c r="AL1811" s="85"/>
      <c r="AM1811" s="85"/>
      <c r="AN1811" s="85"/>
      <c r="AO1811" s="85"/>
      <c r="AP1811" s="85"/>
      <c r="AQ1811" s="85"/>
      <c r="AR1811" s="85"/>
      <c r="AS1811" s="85"/>
      <c r="AT1811" s="85"/>
      <c r="AU1811" s="85"/>
      <c r="AV1811" s="85"/>
      <c r="AW1811" s="85"/>
      <c r="AX1811" s="85"/>
      <c r="AY1811" s="85"/>
      <c r="AZ1811" s="85"/>
      <c r="BA1811" s="85"/>
      <c r="BB1811" s="85"/>
      <c r="BC1811" s="85"/>
      <c r="BD1811" s="85"/>
      <c r="BE1811" s="85"/>
      <c r="BF1811" s="85"/>
      <c r="BG1811" s="85"/>
      <c r="BH1811" s="85"/>
      <c r="BI1811" s="85"/>
      <c r="BJ1811" s="85"/>
      <c r="BK1811" s="85"/>
      <c r="BL1811" s="85"/>
      <c r="BM1811" s="85"/>
      <c r="BN1811" s="85"/>
      <c r="BO1811" s="85"/>
      <c r="BP1811" s="85"/>
      <c r="BQ1811" s="85"/>
      <c r="BR1811" s="85"/>
      <c r="BS1811" s="85"/>
      <c r="BT1811" s="85"/>
      <c r="BU1811" s="85"/>
      <c r="BV1811" s="85"/>
      <c r="BW1811" s="85"/>
      <c r="BX1811" s="85"/>
      <c r="BY1811" s="85"/>
      <c r="BZ1811" s="85"/>
      <c r="CA1811" s="85"/>
      <c r="CB1811" s="85"/>
      <c r="CC1811" s="85"/>
      <c r="CD1811" s="85"/>
      <c r="CE1811" s="85"/>
      <c r="CF1811" s="85"/>
      <c r="CG1811" s="85"/>
    </row>
    <row r="1812" spans="1:85" s="9" customFormat="1" x14ac:dyDescent="0.2">
      <c r="A1812" s="85"/>
      <c r="J1812" s="85"/>
      <c r="K1812" s="85"/>
      <c r="L1812" s="85"/>
      <c r="M1812" s="85"/>
      <c r="N1812" s="85"/>
      <c r="O1812" s="85"/>
      <c r="P1812" s="85"/>
      <c r="Q1812" s="85"/>
      <c r="R1812" s="85"/>
      <c r="S1812" s="85"/>
      <c r="T1812" s="85"/>
      <c r="U1812" s="85"/>
      <c r="V1812" s="85"/>
      <c r="W1812" s="85"/>
      <c r="X1812" s="85"/>
      <c r="Y1812" s="85"/>
      <c r="Z1812" s="85"/>
      <c r="AA1812" s="85"/>
      <c r="AB1812" s="85"/>
      <c r="AC1812" s="85"/>
      <c r="AD1812" s="85"/>
      <c r="AE1812" s="85"/>
      <c r="AF1812" s="85"/>
      <c r="AG1812" s="85"/>
      <c r="AH1812" s="85"/>
      <c r="AI1812" s="85"/>
      <c r="AJ1812" s="85"/>
      <c r="AK1812" s="85"/>
      <c r="AL1812" s="85"/>
      <c r="AM1812" s="85"/>
      <c r="AN1812" s="85"/>
      <c r="AO1812" s="85"/>
      <c r="AP1812" s="85"/>
      <c r="AQ1812" s="85"/>
      <c r="AR1812" s="85"/>
      <c r="AS1812" s="85"/>
      <c r="AT1812" s="85"/>
      <c r="AU1812" s="85"/>
      <c r="AV1812" s="85"/>
      <c r="AW1812" s="85"/>
      <c r="AX1812" s="85"/>
      <c r="AY1812" s="85"/>
      <c r="AZ1812" s="85"/>
      <c r="BA1812" s="85"/>
      <c r="BB1812" s="85"/>
      <c r="BC1812" s="85"/>
      <c r="BD1812" s="85"/>
      <c r="BE1812" s="85"/>
      <c r="BF1812" s="85"/>
      <c r="BG1812" s="85"/>
      <c r="BH1812" s="85"/>
      <c r="BI1812" s="85"/>
      <c r="BJ1812" s="85"/>
      <c r="BK1812" s="85"/>
      <c r="BL1812" s="85"/>
      <c r="BM1812" s="85"/>
      <c r="BN1812" s="85"/>
      <c r="BO1812" s="85"/>
      <c r="BP1812" s="85"/>
      <c r="BQ1812" s="85"/>
      <c r="BR1812" s="85"/>
      <c r="BS1812" s="85"/>
      <c r="BT1812" s="85"/>
      <c r="BU1812" s="85"/>
      <c r="BV1812" s="85"/>
      <c r="BW1812" s="85"/>
      <c r="BX1812" s="85"/>
      <c r="BY1812" s="85"/>
      <c r="BZ1812" s="85"/>
      <c r="CA1812" s="85"/>
      <c r="CB1812" s="85"/>
      <c r="CC1812" s="85"/>
      <c r="CD1812" s="85"/>
      <c r="CE1812" s="85"/>
      <c r="CF1812" s="85"/>
      <c r="CG1812" s="85"/>
    </row>
    <row r="1813" spans="1:85" s="9" customFormat="1" x14ac:dyDescent="0.2">
      <c r="A1813" s="85"/>
      <c r="J1813" s="85"/>
      <c r="K1813" s="85"/>
      <c r="L1813" s="85"/>
      <c r="M1813" s="85"/>
      <c r="N1813" s="85"/>
      <c r="O1813" s="85"/>
      <c r="P1813" s="85"/>
      <c r="Q1813" s="85"/>
      <c r="R1813" s="85"/>
      <c r="S1813" s="85"/>
      <c r="T1813" s="85"/>
      <c r="U1813" s="85"/>
      <c r="V1813" s="85"/>
      <c r="W1813" s="85"/>
      <c r="X1813" s="85"/>
      <c r="Y1813" s="85"/>
      <c r="Z1813" s="85"/>
      <c r="AA1813" s="85"/>
      <c r="AB1813" s="85"/>
      <c r="AC1813" s="85"/>
      <c r="AD1813" s="85"/>
      <c r="AE1813" s="85"/>
      <c r="AF1813" s="85"/>
      <c r="AG1813" s="85"/>
      <c r="AH1813" s="85"/>
      <c r="AI1813" s="85"/>
      <c r="AJ1813" s="85"/>
      <c r="AK1813" s="85"/>
      <c r="AL1813" s="85"/>
      <c r="AM1813" s="85"/>
      <c r="AN1813" s="85"/>
      <c r="AO1813" s="85"/>
      <c r="AP1813" s="85"/>
      <c r="AQ1813" s="85"/>
      <c r="AR1813" s="85"/>
      <c r="AS1813" s="85"/>
      <c r="AT1813" s="85"/>
      <c r="AU1813" s="85"/>
      <c r="AV1813" s="85"/>
      <c r="AW1813" s="85"/>
      <c r="AX1813" s="85"/>
      <c r="AY1813" s="85"/>
      <c r="AZ1813" s="85"/>
      <c r="BA1813" s="85"/>
      <c r="BB1813" s="85"/>
      <c r="BC1813" s="85"/>
      <c r="BD1813" s="85"/>
      <c r="BE1813" s="85"/>
      <c r="BF1813" s="85"/>
      <c r="BG1813" s="85"/>
      <c r="BH1813" s="85"/>
      <c r="BI1813" s="85"/>
      <c r="BJ1813" s="85"/>
      <c r="BK1813" s="85"/>
      <c r="BL1813" s="85"/>
      <c r="BM1813" s="85"/>
      <c r="BN1813" s="85"/>
      <c r="BO1813" s="85"/>
      <c r="BP1813" s="85"/>
      <c r="BQ1813" s="85"/>
      <c r="BR1813" s="85"/>
      <c r="BS1813" s="85"/>
      <c r="BT1813" s="85"/>
      <c r="BU1813" s="85"/>
      <c r="BV1813" s="85"/>
      <c r="BW1813" s="85"/>
      <c r="BX1813" s="85"/>
      <c r="BY1813" s="85"/>
      <c r="BZ1813" s="85"/>
      <c r="CA1813" s="85"/>
      <c r="CB1813" s="85"/>
      <c r="CC1813" s="85"/>
      <c r="CD1813" s="85"/>
      <c r="CE1813" s="85"/>
      <c r="CF1813" s="85"/>
      <c r="CG1813" s="85"/>
    </row>
    <row r="1814" spans="1:85" s="9" customFormat="1" x14ac:dyDescent="0.2">
      <c r="A1814" s="85"/>
      <c r="J1814" s="85"/>
      <c r="K1814" s="85"/>
      <c r="L1814" s="85"/>
      <c r="M1814" s="85"/>
      <c r="N1814" s="85"/>
      <c r="O1814" s="85"/>
      <c r="P1814" s="85"/>
      <c r="Q1814" s="85"/>
      <c r="R1814" s="85"/>
      <c r="S1814" s="85"/>
      <c r="T1814" s="85"/>
      <c r="U1814" s="85"/>
      <c r="V1814" s="85"/>
      <c r="W1814" s="85"/>
      <c r="X1814" s="85"/>
      <c r="Y1814" s="85"/>
      <c r="Z1814" s="85"/>
      <c r="AA1814" s="85"/>
      <c r="AB1814" s="85"/>
      <c r="AC1814" s="85"/>
      <c r="AD1814" s="85"/>
      <c r="AE1814" s="85"/>
      <c r="AF1814" s="85"/>
      <c r="AG1814" s="85"/>
      <c r="AH1814" s="85"/>
      <c r="AI1814" s="85"/>
      <c r="AJ1814" s="85"/>
      <c r="AK1814" s="85"/>
      <c r="AL1814" s="85"/>
      <c r="AM1814" s="85"/>
      <c r="AN1814" s="85"/>
      <c r="AO1814" s="85"/>
      <c r="AP1814" s="85"/>
      <c r="AQ1814" s="85"/>
      <c r="AR1814" s="85"/>
      <c r="AS1814" s="85"/>
      <c r="AT1814" s="85"/>
      <c r="AU1814" s="85"/>
      <c r="AV1814" s="85"/>
      <c r="AW1814" s="85"/>
      <c r="AX1814" s="85"/>
      <c r="AY1814" s="85"/>
      <c r="AZ1814" s="85"/>
      <c r="BA1814" s="85"/>
      <c r="BB1814" s="85"/>
      <c r="BC1814" s="85"/>
      <c r="BD1814" s="85"/>
      <c r="BE1814" s="85"/>
      <c r="BF1814" s="85"/>
      <c r="BG1814" s="85"/>
      <c r="BH1814" s="85"/>
      <c r="BI1814" s="85"/>
      <c r="BJ1814" s="85"/>
      <c r="BK1814" s="85"/>
      <c r="BL1814" s="85"/>
      <c r="BM1814" s="85"/>
      <c r="BN1814" s="85"/>
      <c r="BO1814" s="85"/>
      <c r="BP1814" s="85"/>
      <c r="BQ1814" s="85"/>
      <c r="BR1814" s="85"/>
      <c r="BS1814" s="85"/>
      <c r="BT1814" s="85"/>
      <c r="BU1814" s="85"/>
      <c r="BV1814" s="85"/>
      <c r="BW1814" s="85"/>
      <c r="BX1814" s="85"/>
      <c r="BY1814" s="85"/>
      <c r="BZ1814" s="85"/>
      <c r="CA1814" s="85"/>
      <c r="CB1814" s="85"/>
      <c r="CC1814" s="85"/>
      <c r="CD1814" s="85"/>
      <c r="CE1814" s="85"/>
      <c r="CF1814" s="85"/>
      <c r="CG1814" s="85"/>
    </row>
    <row r="1815" spans="1:85" s="9" customFormat="1" x14ac:dyDescent="0.2">
      <c r="A1815" s="85"/>
      <c r="J1815" s="85"/>
      <c r="K1815" s="85"/>
      <c r="L1815" s="85"/>
      <c r="M1815" s="85"/>
      <c r="N1815" s="85"/>
      <c r="O1815" s="85"/>
      <c r="P1815" s="85"/>
      <c r="Q1815" s="85"/>
      <c r="R1815" s="85"/>
      <c r="S1815" s="85"/>
      <c r="T1815" s="85"/>
      <c r="U1815" s="85"/>
      <c r="V1815" s="85"/>
      <c r="W1815" s="85"/>
      <c r="X1815" s="85"/>
      <c r="Y1815" s="85"/>
      <c r="Z1815" s="85"/>
      <c r="AA1815" s="85"/>
      <c r="AB1815" s="85"/>
      <c r="AC1815" s="85"/>
      <c r="AD1815" s="85"/>
      <c r="AE1815" s="85"/>
      <c r="AF1815" s="85"/>
      <c r="AG1815" s="85"/>
      <c r="AH1815" s="85"/>
      <c r="AI1815" s="85"/>
      <c r="AJ1815" s="85"/>
      <c r="AK1815" s="85"/>
      <c r="AL1815" s="85"/>
      <c r="AM1815" s="85"/>
      <c r="AN1815" s="85"/>
      <c r="AO1815" s="85"/>
      <c r="AP1815" s="85"/>
      <c r="AQ1815" s="85"/>
      <c r="AR1815" s="85"/>
      <c r="AS1815" s="85"/>
      <c r="AT1815" s="85"/>
      <c r="AU1815" s="85"/>
      <c r="AV1815" s="85"/>
      <c r="AW1815" s="85"/>
      <c r="AX1815" s="85"/>
      <c r="AY1815" s="85"/>
      <c r="AZ1815" s="85"/>
      <c r="BA1815" s="85"/>
      <c r="BB1815" s="85"/>
      <c r="BC1815" s="85"/>
      <c r="BD1815" s="85"/>
      <c r="BE1815" s="85"/>
      <c r="BF1815" s="85"/>
      <c r="BG1815" s="85"/>
      <c r="BH1815" s="85"/>
      <c r="BI1815" s="85"/>
      <c r="BJ1815" s="85"/>
      <c r="BK1815" s="85"/>
      <c r="BL1815" s="85"/>
      <c r="BM1815" s="85"/>
      <c r="BN1815" s="85"/>
      <c r="BO1815" s="85"/>
      <c r="BP1815" s="85"/>
      <c r="BQ1815" s="85"/>
      <c r="BR1815" s="85"/>
      <c r="BS1815" s="85"/>
      <c r="BT1815" s="85"/>
      <c r="BU1815" s="85"/>
      <c r="BV1815" s="85"/>
      <c r="BW1815" s="85"/>
      <c r="BX1815" s="85"/>
      <c r="BY1815" s="85"/>
      <c r="BZ1815" s="85"/>
      <c r="CA1815" s="85"/>
      <c r="CB1815" s="85"/>
      <c r="CC1815" s="85"/>
      <c r="CD1815" s="85"/>
      <c r="CE1815" s="85"/>
      <c r="CF1815" s="85"/>
      <c r="CG1815" s="85"/>
    </row>
    <row r="1816" spans="1:85" s="9" customFormat="1" x14ac:dyDescent="0.2">
      <c r="A1816" s="85"/>
      <c r="J1816" s="85"/>
      <c r="K1816" s="85"/>
      <c r="L1816" s="85"/>
      <c r="M1816" s="85"/>
      <c r="N1816" s="85"/>
      <c r="O1816" s="85"/>
      <c r="P1816" s="85"/>
      <c r="Q1816" s="85"/>
      <c r="R1816" s="85"/>
      <c r="S1816" s="85"/>
      <c r="T1816" s="85"/>
      <c r="U1816" s="85"/>
      <c r="V1816" s="85"/>
      <c r="W1816" s="85"/>
      <c r="X1816" s="85"/>
      <c r="Y1816" s="85"/>
      <c r="Z1816" s="85"/>
      <c r="AA1816" s="85"/>
      <c r="AB1816" s="85"/>
      <c r="AC1816" s="85"/>
      <c r="AD1816" s="85"/>
      <c r="AE1816" s="85"/>
      <c r="AF1816" s="85"/>
      <c r="AG1816" s="85"/>
      <c r="AH1816" s="85"/>
      <c r="AI1816" s="85"/>
      <c r="AJ1816" s="85"/>
      <c r="AK1816" s="85"/>
      <c r="AL1816" s="85"/>
      <c r="AM1816" s="85"/>
      <c r="AN1816" s="85"/>
      <c r="AO1816" s="85"/>
      <c r="AP1816" s="85"/>
      <c r="AQ1816" s="85"/>
      <c r="AR1816" s="85"/>
      <c r="AS1816" s="85"/>
      <c r="AT1816" s="85"/>
      <c r="AU1816" s="85"/>
      <c r="AV1816" s="85"/>
      <c r="AW1816" s="85"/>
      <c r="AX1816" s="85"/>
      <c r="AY1816" s="85"/>
      <c r="AZ1816" s="85"/>
      <c r="BA1816" s="85"/>
      <c r="BB1816" s="85"/>
      <c r="BC1816" s="85"/>
      <c r="BD1816" s="85"/>
      <c r="BE1816" s="85"/>
      <c r="BF1816" s="85"/>
      <c r="BG1816" s="85"/>
      <c r="BH1816" s="85"/>
      <c r="BI1816" s="85"/>
      <c r="BJ1816" s="85"/>
      <c r="BK1816" s="85"/>
      <c r="BL1816" s="85"/>
      <c r="BM1816" s="85"/>
      <c r="BN1816" s="85"/>
      <c r="BO1816" s="85"/>
      <c r="BP1816" s="85"/>
      <c r="BQ1816" s="85"/>
      <c r="BR1816" s="85"/>
      <c r="BS1816" s="85"/>
      <c r="BT1816" s="85"/>
      <c r="BU1816" s="85"/>
      <c r="BV1816" s="85"/>
      <c r="BW1816" s="85"/>
      <c r="BX1816" s="85"/>
      <c r="BY1816" s="85"/>
      <c r="BZ1816" s="85"/>
      <c r="CA1816" s="85"/>
      <c r="CB1816" s="85"/>
      <c r="CC1816" s="85"/>
      <c r="CD1816" s="85"/>
      <c r="CE1816" s="85"/>
      <c r="CF1816" s="85"/>
      <c r="CG1816" s="85"/>
    </row>
    <row r="1817" spans="1:85" s="9" customFormat="1" x14ac:dyDescent="0.2">
      <c r="A1817" s="85"/>
      <c r="J1817" s="85"/>
      <c r="K1817" s="85"/>
      <c r="L1817" s="85"/>
      <c r="M1817" s="85"/>
      <c r="N1817" s="85"/>
      <c r="O1817" s="85"/>
      <c r="P1817" s="85"/>
      <c r="Q1817" s="85"/>
      <c r="R1817" s="85"/>
      <c r="S1817" s="85"/>
      <c r="T1817" s="85"/>
      <c r="U1817" s="85"/>
      <c r="V1817" s="85"/>
      <c r="W1817" s="85"/>
      <c r="X1817" s="85"/>
      <c r="Y1817" s="85"/>
      <c r="Z1817" s="85"/>
      <c r="AA1817" s="85"/>
      <c r="AB1817" s="85"/>
      <c r="AC1817" s="85"/>
      <c r="AD1817" s="85"/>
      <c r="AE1817" s="85"/>
      <c r="AF1817" s="85"/>
      <c r="AG1817" s="85"/>
      <c r="AH1817" s="85"/>
      <c r="AI1817" s="85"/>
      <c r="AJ1817" s="85"/>
      <c r="AK1817" s="85"/>
      <c r="AL1817" s="85"/>
      <c r="AM1817" s="85"/>
      <c r="AN1817" s="85"/>
      <c r="AO1817" s="85"/>
      <c r="AP1817" s="85"/>
      <c r="AQ1817" s="85"/>
      <c r="AR1817" s="85"/>
      <c r="AS1817" s="85"/>
      <c r="AT1817" s="85"/>
      <c r="AU1817" s="85"/>
      <c r="AV1817" s="85"/>
      <c r="AW1817" s="85"/>
      <c r="AX1817" s="85"/>
      <c r="AY1817" s="85"/>
      <c r="AZ1817" s="85"/>
      <c r="BA1817" s="85"/>
      <c r="BB1817" s="85"/>
      <c r="BC1817" s="85"/>
      <c r="BD1817" s="85"/>
      <c r="BE1817" s="85"/>
      <c r="BF1817" s="85"/>
      <c r="BG1817" s="85"/>
      <c r="BH1817" s="85"/>
      <c r="BI1817" s="85"/>
      <c r="BJ1817" s="85"/>
      <c r="BK1817" s="85"/>
      <c r="BL1817" s="85"/>
      <c r="BM1817" s="85"/>
      <c r="BN1817" s="85"/>
      <c r="BO1817" s="85"/>
      <c r="BP1817" s="85"/>
      <c r="BQ1817" s="85"/>
      <c r="BR1817" s="85"/>
      <c r="BS1817" s="85"/>
      <c r="BT1817" s="85"/>
      <c r="BU1817" s="85"/>
      <c r="BV1817" s="85"/>
      <c r="BW1817" s="85"/>
      <c r="BX1817" s="85"/>
      <c r="BY1817" s="85"/>
      <c r="BZ1817" s="85"/>
      <c r="CA1817" s="85"/>
      <c r="CB1817" s="85"/>
      <c r="CC1817" s="85"/>
      <c r="CD1817" s="85"/>
      <c r="CE1817" s="85"/>
      <c r="CF1817" s="85"/>
      <c r="CG1817" s="85"/>
    </row>
    <row r="1818" spans="1:85" s="9" customFormat="1" x14ac:dyDescent="0.2">
      <c r="A1818" s="85"/>
      <c r="J1818" s="85"/>
      <c r="K1818" s="85"/>
      <c r="L1818" s="85"/>
      <c r="M1818" s="85"/>
      <c r="N1818" s="85"/>
      <c r="O1818" s="85"/>
      <c r="P1818" s="85"/>
      <c r="Q1818" s="85"/>
      <c r="R1818" s="85"/>
      <c r="S1818" s="85"/>
      <c r="T1818" s="85"/>
      <c r="U1818" s="85"/>
      <c r="V1818" s="85"/>
      <c r="W1818" s="85"/>
      <c r="X1818" s="85"/>
      <c r="Y1818" s="85"/>
      <c r="Z1818" s="85"/>
      <c r="AA1818" s="85"/>
      <c r="AB1818" s="85"/>
      <c r="AC1818" s="85"/>
      <c r="AD1818" s="85"/>
      <c r="AE1818" s="85"/>
      <c r="AF1818" s="85"/>
      <c r="AG1818" s="85"/>
      <c r="AH1818" s="85"/>
      <c r="AI1818" s="85"/>
      <c r="AJ1818" s="85"/>
      <c r="AK1818" s="85"/>
      <c r="AL1818" s="85"/>
      <c r="AM1818" s="85"/>
      <c r="AN1818" s="85"/>
      <c r="AO1818" s="85"/>
      <c r="AP1818" s="85"/>
      <c r="AQ1818" s="85"/>
      <c r="AR1818" s="85"/>
      <c r="AS1818" s="85"/>
      <c r="AT1818" s="85"/>
      <c r="AU1818" s="85"/>
      <c r="AV1818" s="85"/>
      <c r="AW1818" s="85"/>
      <c r="AX1818" s="85"/>
      <c r="AY1818" s="85"/>
      <c r="AZ1818" s="85"/>
      <c r="BA1818" s="85"/>
      <c r="BB1818" s="85"/>
      <c r="BC1818" s="85"/>
      <c r="BD1818" s="85"/>
      <c r="BE1818" s="85"/>
      <c r="BF1818" s="85"/>
      <c r="BG1818" s="85"/>
      <c r="BH1818" s="85"/>
      <c r="BI1818" s="85"/>
      <c r="BJ1818" s="85"/>
      <c r="BK1818" s="85"/>
      <c r="BL1818" s="85"/>
      <c r="BM1818" s="85"/>
      <c r="BN1818" s="85"/>
      <c r="BO1818" s="85"/>
      <c r="BP1818" s="85"/>
      <c r="BQ1818" s="85"/>
      <c r="BR1818" s="85"/>
      <c r="BS1818" s="85"/>
      <c r="BT1818" s="85"/>
      <c r="BU1818" s="85"/>
      <c r="BV1818" s="85"/>
      <c r="BW1818" s="85"/>
      <c r="BX1818" s="85"/>
      <c r="BY1818" s="85"/>
      <c r="BZ1818" s="85"/>
      <c r="CA1818" s="85"/>
      <c r="CB1818" s="85"/>
      <c r="CC1818" s="85"/>
      <c r="CD1818" s="85"/>
      <c r="CE1818" s="85"/>
      <c r="CF1818" s="85"/>
      <c r="CG1818" s="85"/>
    </row>
    <row r="1819" spans="1:85" s="9" customFormat="1" x14ac:dyDescent="0.2">
      <c r="A1819" s="85"/>
      <c r="J1819" s="85"/>
      <c r="K1819" s="85"/>
      <c r="L1819" s="85"/>
      <c r="M1819" s="85"/>
      <c r="N1819" s="85"/>
      <c r="O1819" s="85"/>
      <c r="P1819" s="85"/>
      <c r="Q1819" s="85"/>
      <c r="R1819" s="85"/>
      <c r="S1819" s="85"/>
      <c r="T1819" s="85"/>
      <c r="U1819" s="85"/>
      <c r="V1819" s="85"/>
      <c r="W1819" s="85"/>
      <c r="X1819" s="85"/>
      <c r="Y1819" s="85"/>
      <c r="Z1819" s="85"/>
      <c r="AA1819" s="85"/>
      <c r="AB1819" s="85"/>
      <c r="AC1819" s="85"/>
      <c r="AD1819" s="85"/>
      <c r="AE1819" s="85"/>
      <c r="AF1819" s="85"/>
      <c r="AG1819" s="85"/>
      <c r="AH1819" s="85"/>
      <c r="AI1819" s="85"/>
      <c r="AJ1819" s="85"/>
      <c r="AK1819" s="85"/>
      <c r="AL1819" s="85"/>
      <c r="AM1819" s="85"/>
      <c r="AN1819" s="85"/>
      <c r="AO1819" s="85"/>
      <c r="AP1819" s="85"/>
      <c r="AQ1819" s="85"/>
      <c r="AR1819" s="85"/>
      <c r="AS1819" s="85"/>
      <c r="AT1819" s="85"/>
      <c r="AU1819" s="85"/>
      <c r="AV1819" s="85"/>
      <c r="AW1819" s="85"/>
      <c r="AX1819" s="85"/>
      <c r="AY1819" s="85"/>
      <c r="AZ1819" s="85"/>
      <c r="BA1819" s="85"/>
      <c r="BB1819" s="85"/>
      <c r="BC1819" s="85"/>
      <c r="BD1819" s="85"/>
      <c r="BE1819" s="85"/>
      <c r="BF1819" s="85"/>
      <c r="BG1819" s="85"/>
      <c r="BH1819" s="85"/>
      <c r="BI1819" s="85"/>
      <c r="BJ1819" s="85"/>
      <c r="BK1819" s="85"/>
      <c r="BL1819" s="85"/>
      <c r="BM1819" s="85"/>
      <c r="BN1819" s="85"/>
      <c r="BO1819" s="85"/>
      <c r="BP1819" s="85"/>
      <c r="BQ1819" s="85"/>
      <c r="BR1819" s="85"/>
      <c r="BS1819" s="85"/>
      <c r="BT1819" s="85"/>
      <c r="BU1819" s="85"/>
      <c r="BV1819" s="85"/>
      <c r="BW1819" s="85"/>
      <c r="BX1819" s="85"/>
      <c r="BY1819" s="85"/>
      <c r="BZ1819" s="85"/>
      <c r="CA1819" s="85"/>
      <c r="CB1819" s="85"/>
      <c r="CC1819" s="85"/>
      <c r="CD1819" s="85"/>
      <c r="CE1819" s="85"/>
      <c r="CF1819" s="85"/>
      <c r="CG1819" s="85"/>
    </row>
    <row r="1820" spans="1:85" s="9" customFormat="1" x14ac:dyDescent="0.2">
      <c r="A1820" s="85"/>
      <c r="J1820" s="85"/>
      <c r="K1820" s="85"/>
      <c r="L1820" s="85"/>
      <c r="M1820" s="85"/>
      <c r="N1820" s="85"/>
      <c r="O1820" s="85"/>
      <c r="P1820" s="85"/>
      <c r="Q1820" s="85"/>
      <c r="R1820" s="85"/>
      <c r="S1820" s="85"/>
      <c r="T1820" s="85"/>
      <c r="U1820" s="85"/>
      <c r="V1820" s="85"/>
      <c r="W1820" s="85"/>
      <c r="X1820" s="85"/>
      <c r="Y1820" s="85"/>
      <c r="Z1820" s="85"/>
      <c r="AA1820" s="85"/>
      <c r="AB1820" s="85"/>
      <c r="AC1820" s="85"/>
      <c r="AD1820" s="85"/>
      <c r="AE1820" s="85"/>
      <c r="AF1820" s="85"/>
      <c r="AG1820" s="85"/>
      <c r="AH1820" s="85"/>
      <c r="AI1820" s="85"/>
      <c r="AJ1820" s="85"/>
      <c r="AK1820" s="85"/>
      <c r="AL1820" s="85"/>
      <c r="AM1820" s="85"/>
      <c r="AN1820" s="85"/>
      <c r="AO1820" s="85"/>
      <c r="AP1820" s="85"/>
      <c r="AQ1820" s="85"/>
      <c r="AR1820" s="85"/>
      <c r="AS1820" s="85"/>
      <c r="AT1820" s="85"/>
      <c r="AU1820" s="85"/>
      <c r="AV1820" s="85"/>
      <c r="AW1820" s="85"/>
      <c r="AX1820" s="85"/>
      <c r="AY1820" s="85"/>
      <c r="AZ1820" s="85"/>
      <c r="BA1820" s="85"/>
      <c r="BB1820" s="85"/>
      <c r="BC1820" s="85"/>
      <c r="BD1820" s="85"/>
      <c r="BE1820" s="85"/>
      <c r="BF1820" s="85"/>
      <c r="BG1820" s="85"/>
      <c r="BH1820" s="85"/>
      <c r="BI1820" s="85"/>
      <c r="BJ1820" s="85"/>
      <c r="BK1820" s="85"/>
      <c r="BL1820" s="85"/>
      <c r="BM1820" s="85"/>
      <c r="BN1820" s="85"/>
      <c r="BO1820" s="85"/>
      <c r="BP1820" s="85"/>
      <c r="BQ1820" s="85"/>
      <c r="BR1820" s="85"/>
      <c r="BS1820" s="85"/>
      <c r="BT1820" s="85"/>
      <c r="BU1820" s="85"/>
      <c r="BV1820" s="85"/>
      <c r="BW1820" s="85"/>
      <c r="BX1820" s="85"/>
      <c r="BY1820" s="85"/>
      <c r="BZ1820" s="85"/>
      <c r="CA1820" s="85"/>
      <c r="CB1820" s="85"/>
      <c r="CC1820" s="85"/>
      <c r="CD1820" s="85"/>
      <c r="CE1820" s="85"/>
      <c r="CF1820" s="85"/>
      <c r="CG1820" s="85"/>
    </row>
    <row r="1821" spans="1:85" s="9" customFormat="1" x14ac:dyDescent="0.2">
      <c r="A1821" s="85"/>
      <c r="J1821" s="85"/>
      <c r="K1821" s="85"/>
      <c r="L1821" s="85"/>
      <c r="M1821" s="85"/>
      <c r="N1821" s="85"/>
      <c r="O1821" s="85"/>
      <c r="P1821" s="85"/>
      <c r="Q1821" s="85"/>
      <c r="R1821" s="85"/>
      <c r="S1821" s="85"/>
      <c r="T1821" s="85"/>
      <c r="U1821" s="85"/>
      <c r="V1821" s="85"/>
      <c r="W1821" s="85"/>
      <c r="X1821" s="85"/>
      <c r="Y1821" s="85"/>
      <c r="Z1821" s="85"/>
      <c r="AA1821" s="85"/>
      <c r="AB1821" s="85"/>
      <c r="AC1821" s="85"/>
      <c r="AD1821" s="85"/>
      <c r="AE1821" s="85"/>
      <c r="AF1821" s="85"/>
      <c r="AG1821" s="85"/>
      <c r="AH1821" s="85"/>
      <c r="AI1821" s="85"/>
      <c r="AJ1821" s="85"/>
      <c r="AK1821" s="85"/>
      <c r="AL1821" s="85"/>
      <c r="AM1821" s="85"/>
      <c r="AN1821" s="85"/>
      <c r="AO1821" s="85"/>
      <c r="AP1821" s="85"/>
      <c r="AQ1821" s="85"/>
      <c r="AR1821" s="85"/>
      <c r="AS1821" s="85"/>
      <c r="AT1821" s="85"/>
      <c r="AU1821" s="85"/>
      <c r="AV1821" s="85"/>
      <c r="AW1821" s="85"/>
      <c r="AX1821" s="85"/>
      <c r="AY1821" s="85"/>
      <c r="AZ1821" s="85"/>
      <c r="BA1821" s="85"/>
      <c r="BB1821" s="85"/>
      <c r="BC1821" s="85"/>
      <c r="BD1821" s="85"/>
      <c r="BE1821" s="85"/>
      <c r="BF1821" s="85"/>
      <c r="BG1821" s="85"/>
      <c r="BH1821" s="85"/>
      <c r="BI1821" s="85"/>
      <c r="BJ1821" s="85"/>
      <c r="BK1821" s="85"/>
      <c r="BL1821" s="85"/>
      <c r="BM1821" s="85"/>
      <c r="BN1821" s="85"/>
      <c r="BO1821" s="85"/>
      <c r="BP1821" s="85"/>
      <c r="BQ1821" s="85"/>
      <c r="BR1821" s="85"/>
      <c r="BS1821" s="85"/>
      <c r="BT1821" s="85"/>
      <c r="BU1821" s="85"/>
      <c r="BV1821" s="85"/>
      <c r="BW1821" s="85"/>
      <c r="BX1821" s="85"/>
      <c r="BY1821" s="85"/>
      <c r="BZ1821" s="85"/>
      <c r="CA1821" s="85"/>
      <c r="CB1821" s="85"/>
      <c r="CC1821" s="85"/>
      <c r="CD1821" s="85"/>
      <c r="CE1821" s="85"/>
      <c r="CF1821" s="85"/>
      <c r="CG1821" s="85"/>
    </row>
    <row r="1822" spans="1:85" s="9" customFormat="1" x14ac:dyDescent="0.2">
      <c r="A1822" s="85"/>
      <c r="J1822" s="85"/>
      <c r="K1822" s="85"/>
      <c r="L1822" s="85"/>
      <c r="M1822" s="85"/>
      <c r="N1822" s="85"/>
      <c r="O1822" s="85"/>
      <c r="P1822" s="85"/>
      <c r="Q1822" s="85"/>
      <c r="R1822" s="85"/>
      <c r="S1822" s="85"/>
      <c r="T1822" s="85"/>
      <c r="U1822" s="85"/>
      <c r="V1822" s="85"/>
      <c r="W1822" s="85"/>
      <c r="X1822" s="85"/>
      <c r="Y1822" s="85"/>
      <c r="Z1822" s="85"/>
      <c r="AA1822" s="85"/>
      <c r="AB1822" s="85"/>
      <c r="AC1822" s="85"/>
      <c r="AD1822" s="85"/>
      <c r="AE1822" s="85"/>
      <c r="AF1822" s="85"/>
      <c r="AG1822" s="85"/>
      <c r="AH1822" s="85"/>
      <c r="AI1822" s="85"/>
      <c r="AJ1822" s="85"/>
      <c r="AK1822" s="85"/>
      <c r="AL1822" s="85"/>
      <c r="AM1822" s="85"/>
      <c r="AN1822" s="85"/>
      <c r="AO1822" s="85"/>
      <c r="AP1822" s="85"/>
      <c r="AQ1822" s="85"/>
      <c r="AR1822" s="85"/>
      <c r="AS1822" s="85"/>
      <c r="AT1822" s="85"/>
      <c r="AU1822" s="85"/>
      <c r="AV1822" s="85"/>
      <c r="AW1822" s="85"/>
      <c r="AX1822" s="85"/>
      <c r="AY1822" s="85"/>
      <c r="AZ1822" s="85"/>
      <c r="BA1822" s="85"/>
      <c r="BB1822" s="85"/>
      <c r="BC1822" s="85"/>
      <c r="BD1822" s="85"/>
      <c r="BE1822" s="85"/>
      <c r="BF1822" s="85"/>
      <c r="BG1822" s="85"/>
      <c r="BH1822" s="85"/>
      <c r="BI1822" s="85"/>
      <c r="BJ1822" s="85"/>
      <c r="BK1822" s="85"/>
      <c r="BL1822" s="85"/>
      <c r="BM1822" s="85"/>
      <c r="BN1822" s="85"/>
      <c r="BO1822" s="85"/>
      <c r="BP1822" s="85"/>
      <c r="BQ1822" s="85"/>
      <c r="BR1822" s="85"/>
      <c r="BS1822" s="85"/>
      <c r="BT1822" s="85"/>
      <c r="BU1822" s="85"/>
      <c r="BV1822" s="85"/>
      <c r="BW1822" s="85"/>
      <c r="BX1822" s="85"/>
      <c r="BY1822" s="85"/>
      <c r="BZ1822" s="85"/>
      <c r="CA1822" s="85"/>
      <c r="CB1822" s="85"/>
      <c r="CC1822" s="85"/>
      <c r="CD1822" s="85"/>
      <c r="CE1822" s="85"/>
      <c r="CF1822" s="85"/>
      <c r="CG1822" s="85"/>
    </row>
    <row r="1823" spans="1:85" s="9" customFormat="1" x14ac:dyDescent="0.2">
      <c r="A1823" s="85"/>
      <c r="J1823" s="85"/>
      <c r="K1823" s="85"/>
      <c r="L1823" s="85"/>
      <c r="M1823" s="85"/>
      <c r="N1823" s="85"/>
      <c r="O1823" s="85"/>
      <c r="P1823" s="85"/>
      <c r="Q1823" s="85"/>
      <c r="R1823" s="85"/>
      <c r="S1823" s="85"/>
      <c r="T1823" s="85"/>
      <c r="U1823" s="85"/>
      <c r="V1823" s="85"/>
      <c r="W1823" s="85"/>
      <c r="X1823" s="85"/>
      <c r="Y1823" s="85"/>
      <c r="Z1823" s="85"/>
      <c r="AA1823" s="85"/>
      <c r="AB1823" s="85"/>
      <c r="AC1823" s="85"/>
      <c r="AD1823" s="85"/>
      <c r="AE1823" s="85"/>
      <c r="AF1823" s="85"/>
      <c r="AG1823" s="85"/>
      <c r="AH1823" s="85"/>
      <c r="AI1823" s="85"/>
      <c r="AJ1823" s="85"/>
      <c r="AK1823" s="85"/>
      <c r="AL1823" s="85"/>
      <c r="AM1823" s="85"/>
      <c r="AN1823" s="85"/>
      <c r="AO1823" s="85"/>
      <c r="AP1823" s="85"/>
      <c r="AQ1823" s="85"/>
      <c r="AR1823" s="85"/>
      <c r="AS1823" s="85"/>
      <c r="AT1823" s="85"/>
      <c r="AU1823" s="85"/>
      <c r="AV1823" s="85"/>
      <c r="AW1823" s="85"/>
      <c r="AX1823" s="85"/>
      <c r="AY1823" s="85"/>
      <c r="AZ1823" s="85"/>
      <c r="BA1823" s="85"/>
      <c r="BB1823" s="85"/>
      <c r="BC1823" s="85"/>
      <c r="BD1823" s="85"/>
      <c r="BE1823" s="85"/>
      <c r="BF1823" s="85"/>
      <c r="BG1823" s="85"/>
      <c r="BH1823" s="85"/>
      <c r="BI1823" s="85"/>
      <c r="BJ1823" s="85"/>
      <c r="BK1823" s="85"/>
      <c r="BL1823" s="85"/>
      <c r="BM1823" s="85"/>
      <c r="BN1823" s="85"/>
      <c r="BO1823" s="85"/>
      <c r="BP1823" s="85"/>
      <c r="BQ1823" s="85"/>
      <c r="BR1823" s="85"/>
      <c r="BS1823" s="85"/>
      <c r="BT1823" s="85"/>
      <c r="BU1823" s="85"/>
      <c r="BV1823" s="85"/>
      <c r="BW1823" s="85"/>
      <c r="BX1823" s="85"/>
      <c r="BY1823" s="85"/>
      <c r="BZ1823" s="85"/>
      <c r="CA1823" s="85"/>
      <c r="CB1823" s="85"/>
      <c r="CC1823" s="85"/>
      <c r="CD1823" s="85"/>
      <c r="CE1823" s="85"/>
      <c r="CF1823" s="85"/>
      <c r="CG1823" s="85"/>
    </row>
    <row r="1824" spans="1:85" s="9" customFormat="1" x14ac:dyDescent="0.2">
      <c r="A1824" s="85"/>
      <c r="J1824" s="85"/>
      <c r="K1824" s="85"/>
      <c r="L1824" s="85"/>
      <c r="M1824" s="85"/>
      <c r="N1824" s="85"/>
      <c r="O1824" s="85"/>
      <c r="P1824" s="85"/>
      <c r="Q1824" s="85"/>
      <c r="R1824" s="85"/>
      <c r="S1824" s="85"/>
      <c r="T1824" s="85"/>
      <c r="U1824" s="85"/>
      <c r="V1824" s="85"/>
      <c r="W1824" s="85"/>
      <c r="X1824" s="85"/>
      <c r="Y1824" s="85"/>
      <c r="Z1824" s="85"/>
      <c r="AA1824" s="85"/>
      <c r="AB1824" s="85"/>
      <c r="AC1824" s="85"/>
      <c r="AD1824" s="85"/>
      <c r="AE1824" s="85"/>
      <c r="AF1824" s="85"/>
      <c r="AG1824" s="85"/>
      <c r="AH1824" s="85"/>
      <c r="AI1824" s="85"/>
      <c r="AJ1824" s="85"/>
      <c r="AK1824" s="85"/>
      <c r="AL1824" s="85"/>
      <c r="AM1824" s="85"/>
      <c r="AN1824" s="85"/>
      <c r="AO1824" s="85"/>
      <c r="AP1824" s="85"/>
      <c r="AQ1824" s="85"/>
      <c r="AR1824" s="85"/>
      <c r="AS1824" s="85"/>
      <c r="AT1824" s="85"/>
      <c r="AU1824" s="85"/>
      <c r="AV1824" s="85"/>
      <c r="AW1824" s="85"/>
      <c r="AX1824" s="85"/>
      <c r="AY1824" s="85"/>
      <c r="AZ1824" s="85"/>
      <c r="BA1824" s="85"/>
      <c r="BB1824" s="85"/>
      <c r="BC1824" s="85"/>
      <c r="BD1824" s="85"/>
      <c r="BE1824" s="85"/>
      <c r="BF1824" s="85"/>
      <c r="BG1824" s="85"/>
      <c r="BH1824" s="85"/>
      <c r="BI1824" s="85"/>
      <c r="BJ1824" s="85"/>
      <c r="BK1824" s="85"/>
      <c r="BL1824" s="85"/>
      <c r="BM1824" s="85"/>
      <c r="BN1824" s="85"/>
      <c r="BO1824" s="85"/>
      <c r="BP1824" s="85"/>
      <c r="BQ1824" s="85"/>
      <c r="BR1824" s="85"/>
      <c r="BS1824" s="85"/>
      <c r="BT1824" s="85"/>
      <c r="BU1824" s="85"/>
      <c r="BV1824" s="85"/>
      <c r="BW1824" s="85"/>
      <c r="BX1824" s="85"/>
      <c r="BY1824" s="85"/>
      <c r="BZ1824" s="85"/>
      <c r="CA1824" s="85"/>
      <c r="CB1824" s="85"/>
      <c r="CC1824" s="85"/>
      <c r="CD1824" s="85"/>
      <c r="CE1824" s="85"/>
      <c r="CF1824" s="85"/>
      <c r="CG1824" s="85"/>
    </row>
    <row r="1825" spans="1:85" s="9" customFormat="1" x14ac:dyDescent="0.2">
      <c r="A1825" s="85"/>
      <c r="J1825" s="85"/>
      <c r="K1825" s="85"/>
      <c r="L1825" s="85"/>
      <c r="M1825" s="85"/>
      <c r="N1825" s="85"/>
      <c r="O1825" s="85"/>
      <c r="P1825" s="85"/>
      <c r="Q1825" s="85"/>
      <c r="R1825" s="85"/>
      <c r="S1825" s="85"/>
      <c r="T1825" s="85"/>
      <c r="U1825" s="85"/>
      <c r="V1825" s="85"/>
      <c r="W1825" s="85"/>
      <c r="X1825" s="85"/>
      <c r="Y1825" s="85"/>
      <c r="Z1825" s="85"/>
      <c r="AA1825" s="85"/>
      <c r="AB1825" s="85"/>
      <c r="AC1825" s="85"/>
      <c r="AD1825" s="85"/>
      <c r="AE1825" s="85"/>
      <c r="AF1825" s="85"/>
      <c r="AG1825" s="85"/>
      <c r="AH1825" s="85"/>
      <c r="AI1825" s="85"/>
      <c r="AJ1825" s="85"/>
      <c r="AK1825" s="85"/>
      <c r="AL1825" s="85"/>
      <c r="AM1825" s="85"/>
      <c r="AN1825" s="85"/>
      <c r="AO1825" s="85"/>
      <c r="AP1825" s="85"/>
      <c r="AQ1825" s="85"/>
      <c r="AR1825" s="85"/>
      <c r="AS1825" s="85"/>
      <c r="AT1825" s="85"/>
      <c r="AU1825" s="85"/>
      <c r="AV1825" s="85"/>
      <c r="AW1825" s="85"/>
      <c r="AX1825" s="85"/>
      <c r="AY1825" s="85"/>
      <c r="AZ1825" s="85"/>
      <c r="BA1825" s="85"/>
      <c r="BB1825" s="85"/>
      <c r="BC1825" s="85"/>
      <c r="BD1825" s="85"/>
      <c r="BE1825" s="85"/>
      <c r="BF1825" s="85"/>
      <c r="BG1825" s="85"/>
      <c r="BH1825" s="85"/>
      <c r="BI1825" s="85"/>
      <c r="BJ1825" s="85"/>
      <c r="BK1825" s="85"/>
      <c r="BL1825" s="85"/>
      <c r="BM1825" s="85"/>
      <c r="BN1825" s="85"/>
      <c r="BO1825" s="85"/>
      <c r="BP1825" s="85"/>
      <c r="BQ1825" s="85"/>
      <c r="BR1825" s="85"/>
      <c r="BS1825" s="85"/>
      <c r="BT1825" s="85"/>
      <c r="BU1825" s="85"/>
      <c r="BV1825" s="85"/>
      <c r="BW1825" s="85"/>
      <c r="BX1825" s="85"/>
      <c r="BY1825" s="85"/>
      <c r="BZ1825" s="85"/>
      <c r="CA1825" s="85"/>
      <c r="CB1825" s="85"/>
      <c r="CC1825" s="85"/>
      <c r="CD1825" s="85"/>
      <c r="CE1825" s="85"/>
      <c r="CF1825" s="85"/>
      <c r="CG1825" s="85"/>
    </row>
    <row r="1826" spans="1:85" s="9" customFormat="1" x14ac:dyDescent="0.2">
      <c r="A1826" s="85"/>
      <c r="J1826" s="85"/>
      <c r="K1826" s="85"/>
      <c r="L1826" s="85"/>
      <c r="M1826" s="85"/>
      <c r="N1826" s="85"/>
      <c r="O1826" s="85"/>
      <c r="P1826" s="85"/>
      <c r="Q1826" s="85"/>
      <c r="R1826" s="85"/>
      <c r="S1826" s="85"/>
      <c r="T1826" s="85"/>
      <c r="U1826" s="85"/>
      <c r="V1826" s="85"/>
      <c r="W1826" s="85"/>
      <c r="X1826" s="85"/>
      <c r="Y1826" s="85"/>
      <c r="Z1826" s="85"/>
      <c r="AA1826" s="85"/>
      <c r="AB1826" s="85"/>
      <c r="AC1826" s="85"/>
      <c r="AD1826" s="85"/>
      <c r="AE1826" s="85"/>
      <c r="AF1826" s="85"/>
      <c r="AG1826" s="85"/>
      <c r="AH1826" s="85"/>
      <c r="AI1826" s="85"/>
      <c r="AJ1826" s="85"/>
      <c r="AK1826" s="85"/>
      <c r="AL1826" s="85"/>
      <c r="AM1826" s="85"/>
      <c r="AN1826" s="85"/>
      <c r="AO1826" s="85"/>
      <c r="AP1826" s="85"/>
      <c r="AQ1826" s="85"/>
      <c r="AR1826" s="85"/>
      <c r="AS1826" s="85"/>
      <c r="AT1826" s="85"/>
      <c r="AU1826" s="85"/>
      <c r="AV1826" s="85"/>
      <c r="AW1826" s="85"/>
      <c r="AX1826" s="85"/>
      <c r="AY1826" s="85"/>
      <c r="AZ1826" s="85"/>
      <c r="BA1826" s="85"/>
      <c r="BB1826" s="85"/>
      <c r="BC1826" s="85"/>
      <c r="BD1826" s="85"/>
      <c r="BE1826" s="85"/>
      <c r="BF1826" s="85"/>
      <c r="BG1826" s="85"/>
      <c r="BH1826" s="85"/>
      <c r="BI1826" s="85"/>
      <c r="BJ1826" s="85"/>
      <c r="BK1826" s="85"/>
      <c r="BL1826" s="85"/>
      <c r="BM1826" s="85"/>
      <c r="BN1826" s="85"/>
      <c r="BO1826" s="85"/>
      <c r="BP1826" s="85"/>
      <c r="BQ1826" s="85"/>
      <c r="BR1826" s="85"/>
      <c r="BS1826" s="85"/>
      <c r="BT1826" s="85"/>
      <c r="BU1826" s="85"/>
      <c r="BV1826" s="85"/>
      <c r="BW1826" s="85"/>
      <c r="BX1826" s="85"/>
      <c r="BY1826" s="85"/>
      <c r="BZ1826" s="85"/>
      <c r="CA1826" s="85"/>
      <c r="CB1826" s="85"/>
      <c r="CC1826" s="85"/>
      <c r="CD1826" s="85"/>
      <c r="CE1826" s="85"/>
      <c r="CF1826" s="85"/>
      <c r="CG1826" s="85"/>
    </row>
    <row r="1827" spans="1:85" s="9" customFormat="1" x14ac:dyDescent="0.2">
      <c r="A1827" s="85"/>
      <c r="J1827" s="85"/>
      <c r="K1827" s="85"/>
      <c r="L1827" s="85"/>
      <c r="M1827" s="85"/>
      <c r="N1827" s="85"/>
      <c r="O1827" s="85"/>
      <c r="P1827" s="85"/>
      <c r="Q1827" s="85"/>
      <c r="R1827" s="85"/>
      <c r="S1827" s="85"/>
      <c r="T1827" s="85"/>
      <c r="U1827" s="85"/>
      <c r="V1827" s="85"/>
      <c r="W1827" s="85"/>
      <c r="X1827" s="85"/>
      <c r="Y1827" s="85"/>
      <c r="Z1827" s="85"/>
      <c r="AA1827" s="85"/>
      <c r="AB1827" s="85"/>
      <c r="AC1827" s="85"/>
      <c r="AD1827" s="85"/>
      <c r="AE1827" s="85"/>
      <c r="AF1827" s="85"/>
      <c r="AG1827" s="85"/>
      <c r="AH1827" s="85"/>
      <c r="AI1827" s="85"/>
      <c r="AJ1827" s="85"/>
      <c r="AK1827" s="85"/>
      <c r="AL1827" s="85"/>
      <c r="AM1827" s="85"/>
      <c r="AN1827" s="85"/>
      <c r="AO1827" s="85"/>
      <c r="AP1827" s="85"/>
      <c r="AQ1827" s="85"/>
      <c r="AR1827" s="85"/>
      <c r="AS1827" s="85"/>
      <c r="AT1827" s="85"/>
      <c r="AU1827" s="85"/>
      <c r="AV1827" s="85"/>
      <c r="AW1827" s="85"/>
      <c r="AX1827" s="85"/>
      <c r="AY1827" s="85"/>
      <c r="AZ1827" s="85"/>
      <c r="BA1827" s="85"/>
      <c r="BB1827" s="85"/>
      <c r="BC1827" s="85"/>
      <c r="BD1827" s="85"/>
      <c r="BE1827" s="85"/>
      <c r="BF1827" s="85"/>
      <c r="BG1827" s="85"/>
      <c r="BH1827" s="85"/>
      <c r="BI1827" s="85"/>
      <c r="BJ1827" s="85"/>
      <c r="BK1827" s="85"/>
      <c r="BL1827" s="85"/>
      <c r="BM1827" s="85"/>
      <c r="BN1827" s="85"/>
      <c r="BO1827" s="85"/>
      <c r="BP1827" s="85"/>
      <c r="BQ1827" s="85"/>
      <c r="BR1827" s="85"/>
      <c r="BS1827" s="85"/>
      <c r="BT1827" s="85"/>
      <c r="BU1827" s="85"/>
      <c r="BV1827" s="85"/>
      <c r="BW1827" s="85"/>
      <c r="BX1827" s="85"/>
      <c r="BY1827" s="85"/>
      <c r="BZ1827" s="85"/>
      <c r="CA1827" s="85"/>
      <c r="CB1827" s="85"/>
      <c r="CC1827" s="85"/>
      <c r="CD1827" s="85"/>
      <c r="CE1827" s="85"/>
      <c r="CF1827" s="85"/>
      <c r="CG1827" s="85"/>
    </row>
    <row r="1828" spans="1:85" s="9" customFormat="1" x14ac:dyDescent="0.2">
      <c r="A1828" s="85"/>
      <c r="J1828" s="85"/>
      <c r="K1828" s="85"/>
      <c r="L1828" s="85"/>
      <c r="M1828" s="85"/>
      <c r="N1828" s="85"/>
      <c r="O1828" s="85"/>
      <c r="P1828" s="85"/>
      <c r="Q1828" s="85"/>
      <c r="R1828" s="85"/>
      <c r="S1828" s="85"/>
      <c r="T1828" s="85"/>
      <c r="U1828" s="85"/>
      <c r="V1828" s="85"/>
      <c r="W1828" s="85"/>
      <c r="X1828" s="85"/>
      <c r="Y1828" s="85"/>
      <c r="Z1828" s="85"/>
      <c r="AA1828" s="85"/>
      <c r="AB1828" s="85"/>
      <c r="AC1828" s="85"/>
      <c r="AD1828" s="85"/>
      <c r="AE1828" s="85"/>
      <c r="AF1828" s="85"/>
      <c r="AG1828" s="85"/>
      <c r="AH1828" s="85"/>
      <c r="AI1828" s="85"/>
      <c r="AJ1828" s="85"/>
      <c r="AK1828" s="85"/>
      <c r="AL1828" s="85"/>
      <c r="AM1828" s="85"/>
      <c r="AN1828" s="85"/>
      <c r="AO1828" s="85"/>
      <c r="AP1828" s="85"/>
      <c r="AQ1828" s="85"/>
      <c r="AR1828" s="85"/>
      <c r="AS1828" s="85"/>
      <c r="AT1828" s="85"/>
      <c r="AU1828" s="85"/>
      <c r="AV1828" s="85"/>
      <c r="AW1828" s="85"/>
      <c r="AX1828" s="85"/>
      <c r="AY1828" s="85"/>
      <c r="AZ1828" s="85"/>
      <c r="BA1828" s="85"/>
      <c r="BB1828" s="85"/>
      <c r="BC1828" s="85"/>
      <c r="BD1828" s="85"/>
      <c r="BE1828" s="85"/>
      <c r="BF1828" s="85"/>
      <c r="BG1828" s="85"/>
      <c r="BH1828" s="85"/>
      <c r="BI1828" s="85"/>
      <c r="BJ1828" s="85"/>
      <c r="BK1828" s="85"/>
      <c r="BL1828" s="85"/>
      <c r="BM1828" s="85"/>
      <c r="BN1828" s="85"/>
      <c r="BO1828" s="85"/>
      <c r="BP1828" s="85"/>
      <c r="BQ1828" s="85"/>
      <c r="BR1828" s="85"/>
      <c r="BS1828" s="85"/>
      <c r="BT1828" s="85"/>
      <c r="BU1828" s="85"/>
      <c r="BV1828" s="85"/>
      <c r="BW1828" s="85"/>
      <c r="BX1828" s="85"/>
      <c r="BY1828" s="85"/>
      <c r="BZ1828" s="85"/>
      <c r="CA1828" s="85"/>
      <c r="CB1828" s="85"/>
      <c r="CC1828" s="85"/>
      <c r="CD1828" s="85"/>
      <c r="CE1828" s="85"/>
      <c r="CF1828" s="85"/>
      <c r="CG1828" s="85"/>
    </row>
    <row r="1829" spans="1:85" s="9" customFormat="1" x14ac:dyDescent="0.2">
      <c r="A1829" s="85"/>
      <c r="J1829" s="85"/>
      <c r="K1829" s="85"/>
      <c r="L1829" s="85"/>
      <c r="M1829" s="85"/>
      <c r="N1829" s="85"/>
      <c r="O1829" s="85"/>
      <c r="P1829" s="85"/>
      <c r="Q1829" s="85"/>
      <c r="R1829" s="85"/>
      <c r="S1829" s="85"/>
      <c r="T1829" s="85"/>
      <c r="U1829" s="85"/>
      <c r="V1829" s="85"/>
      <c r="W1829" s="85"/>
      <c r="X1829" s="85"/>
      <c r="Y1829" s="85"/>
      <c r="Z1829" s="85"/>
      <c r="AA1829" s="85"/>
      <c r="AB1829" s="85"/>
      <c r="AC1829" s="85"/>
      <c r="AD1829" s="85"/>
      <c r="AE1829" s="85"/>
      <c r="AF1829" s="85"/>
      <c r="AG1829" s="85"/>
      <c r="AH1829" s="85"/>
      <c r="AI1829" s="85"/>
      <c r="AJ1829" s="85"/>
      <c r="AK1829" s="85"/>
      <c r="AL1829" s="85"/>
      <c r="AM1829" s="85"/>
      <c r="AN1829" s="85"/>
      <c r="AO1829" s="85"/>
      <c r="AP1829" s="85"/>
      <c r="AQ1829" s="85"/>
      <c r="AR1829" s="85"/>
      <c r="AS1829" s="85"/>
      <c r="AT1829" s="85"/>
      <c r="AU1829" s="85"/>
      <c r="AV1829" s="85"/>
      <c r="AW1829" s="85"/>
      <c r="AX1829" s="85"/>
      <c r="AY1829" s="85"/>
      <c r="AZ1829" s="85"/>
      <c r="BA1829" s="85"/>
      <c r="BB1829" s="85"/>
      <c r="BC1829" s="85"/>
      <c r="BD1829" s="85"/>
      <c r="BE1829" s="85"/>
      <c r="BF1829" s="85"/>
      <c r="BG1829" s="85"/>
      <c r="BH1829" s="85"/>
      <c r="BI1829" s="85"/>
      <c r="BJ1829" s="85"/>
      <c r="BK1829" s="85"/>
      <c r="BL1829" s="85"/>
      <c r="BM1829" s="85"/>
      <c r="BN1829" s="85"/>
      <c r="BO1829" s="85"/>
      <c r="BP1829" s="85"/>
      <c r="BQ1829" s="85"/>
      <c r="BR1829" s="85"/>
      <c r="BS1829" s="85"/>
      <c r="BT1829" s="85"/>
      <c r="BU1829" s="85"/>
      <c r="BV1829" s="85"/>
      <c r="BW1829" s="85"/>
      <c r="BX1829" s="85"/>
      <c r="BY1829" s="85"/>
      <c r="BZ1829" s="85"/>
      <c r="CA1829" s="85"/>
      <c r="CB1829" s="85"/>
      <c r="CC1829" s="85"/>
      <c r="CD1829" s="85"/>
      <c r="CE1829" s="85"/>
      <c r="CF1829" s="85"/>
      <c r="CG1829" s="85"/>
    </row>
    <row r="1830" spans="1:85" s="9" customFormat="1" x14ac:dyDescent="0.2">
      <c r="A1830" s="85"/>
      <c r="J1830" s="85"/>
      <c r="K1830" s="85"/>
      <c r="L1830" s="85"/>
      <c r="M1830" s="85"/>
      <c r="N1830" s="85"/>
      <c r="O1830" s="85"/>
      <c r="P1830" s="85"/>
      <c r="Q1830" s="85"/>
      <c r="R1830" s="85"/>
      <c r="S1830" s="85"/>
      <c r="T1830" s="85"/>
      <c r="U1830" s="85"/>
      <c r="V1830" s="85"/>
      <c r="W1830" s="85"/>
      <c r="X1830" s="85"/>
      <c r="Y1830" s="85"/>
      <c r="Z1830" s="85"/>
      <c r="AA1830" s="85"/>
      <c r="AB1830" s="85"/>
      <c r="AC1830" s="85"/>
      <c r="AD1830" s="85"/>
      <c r="AE1830" s="85"/>
      <c r="AF1830" s="85"/>
      <c r="AG1830" s="85"/>
      <c r="AH1830" s="85"/>
      <c r="AI1830" s="85"/>
      <c r="AJ1830" s="85"/>
      <c r="AK1830" s="85"/>
      <c r="AL1830" s="85"/>
      <c r="AM1830" s="85"/>
      <c r="AN1830" s="85"/>
      <c r="AO1830" s="85"/>
      <c r="AP1830" s="85"/>
      <c r="AQ1830" s="85"/>
      <c r="AR1830" s="85"/>
      <c r="AS1830" s="85"/>
      <c r="AT1830" s="85"/>
      <c r="AU1830" s="85"/>
      <c r="AV1830" s="85"/>
      <c r="AW1830" s="85"/>
      <c r="AX1830" s="85"/>
      <c r="AY1830" s="85"/>
      <c r="AZ1830" s="85"/>
      <c r="BA1830" s="85"/>
      <c r="BB1830" s="85"/>
      <c r="BC1830" s="85"/>
      <c r="BD1830" s="85"/>
      <c r="BE1830" s="85"/>
      <c r="BF1830" s="85"/>
      <c r="BG1830" s="85"/>
      <c r="BH1830" s="85"/>
      <c r="BI1830" s="85"/>
      <c r="BJ1830" s="85"/>
      <c r="BK1830" s="85"/>
      <c r="BL1830" s="85"/>
      <c r="BM1830" s="85"/>
      <c r="BN1830" s="85"/>
      <c r="BO1830" s="85"/>
      <c r="BP1830" s="85"/>
      <c r="BQ1830" s="85"/>
      <c r="BR1830" s="85"/>
      <c r="BS1830" s="85"/>
      <c r="BT1830" s="85"/>
      <c r="BU1830" s="85"/>
      <c r="BV1830" s="85"/>
      <c r="BW1830" s="85"/>
      <c r="BX1830" s="85"/>
      <c r="BY1830" s="85"/>
      <c r="BZ1830" s="85"/>
      <c r="CA1830" s="85"/>
      <c r="CB1830" s="85"/>
      <c r="CC1830" s="85"/>
      <c r="CD1830" s="85"/>
      <c r="CE1830" s="85"/>
      <c r="CF1830" s="85"/>
      <c r="CG1830" s="85"/>
    </row>
    <row r="1831" spans="1:85" s="9" customFormat="1" x14ac:dyDescent="0.2">
      <c r="A1831" s="85"/>
      <c r="J1831" s="85"/>
      <c r="K1831" s="85"/>
      <c r="L1831" s="85"/>
      <c r="M1831" s="85"/>
      <c r="N1831" s="85"/>
      <c r="O1831" s="85"/>
      <c r="P1831" s="85"/>
      <c r="Q1831" s="85"/>
      <c r="R1831" s="85"/>
      <c r="S1831" s="85"/>
      <c r="T1831" s="85"/>
      <c r="U1831" s="85"/>
      <c r="V1831" s="85"/>
      <c r="W1831" s="85"/>
      <c r="X1831" s="85"/>
      <c r="Y1831" s="85"/>
      <c r="Z1831" s="85"/>
      <c r="AA1831" s="85"/>
      <c r="AB1831" s="85"/>
      <c r="AC1831" s="85"/>
      <c r="AD1831" s="85"/>
      <c r="AE1831" s="85"/>
      <c r="AF1831" s="85"/>
      <c r="AG1831" s="85"/>
      <c r="AH1831" s="85"/>
      <c r="AI1831" s="85"/>
      <c r="AJ1831" s="85"/>
      <c r="AK1831" s="85"/>
      <c r="AL1831" s="85"/>
      <c r="AM1831" s="85"/>
      <c r="AN1831" s="85"/>
      <c r="AO1831" s="85"/>
      <c r="AP1831" s="85"/>
      <c r="AQ1831" s="85"/>
      <c r="AR1831" s="85"/>
      <c r="AS1831" s="85"/>
      <c r="AT1831" s="85"/>
      <c r="AU1831" s="85"/>
      <c r="AV1831" s="85"/>
      <c r="AW1831" s="85"/>
      <c r="AX1831" s="85"/>
      <c r="AY1831" s="85"/>
      <c r="AZ1831" s="85"/>
      <c r="BA1831" s="85"/>
      <c r="BB1831" s="85"/>
      <c r="BC1831" s="85"/>
      <c r="BD1831" s="85"/>
      <c r="BE1831" s="85"/>
      <c r="BF1831" s="85"/>
      <c r="BG1831" s="85"/>
      <c r="BH1831" s="85"/>
      <c r="BI1831" s="85"/>
      <c r="BJ1831" s="85"/>
      <c r="BK1831" s="85"/>
      <c r="BL1831" s="85"/>
      <c r="BM1831" s="85"/>
      <c r="BN1831" s="85"/>
      <c r="BO1831" s="85"/>
      <c r="BP1831" s="85"/>
      <c r="BQ1831" s="85"/>
      <c r="BR1831" s="85"/>
      <c r="BS1831" s="85"/>
      <c r="BT1831" s="85"/>
      <c r="BU1831" s="85"/>
      <c r="BV1831" s="85"/>
      <c r="BW1831" s="85"/>
      <c r="BX1831" s="85"/>
      <c r="BY1831" s="85"/>
      <c r="BZ1831" s="85"/>
      <c r="CA1831" s="85"/>
      <c r="CB1831" s="85"/>
      <c r="CC1831" s="85"/>
      <c r="CD1831" s="85"/>
      <c r="CE1831" s="85"/>
      <c r="CF1831" s="85"/>
      <c r="CG1831" s="85"/>
    </row>
    <row r="1832" spans="1:85" s="9" customFormat="1" x14ac:dyDescent="0.2">
      <c r="A1832" s="85"/>
      <c r="J1832" s="85"/>
      <c r="K1832" s="85"/>
      <c r="L1832" s="85"/>
      <c r="M1832" s="85"/>
      <c r="N1832" s="85"/>
      <c r="O1832" s="85"/>
      <c r="P1832" s="85"/>
      <c r="Q1832" s="85"/>
      <c r="R1832" s="85"/>
      <c r="S1832" s="85"/>
      <c r="T1832" s="85"/>
      <c r="U1832" s="85"/>
      <c r="V1832" s="85"/>
      <c r="W1832" s="85"/>
      <c r="X1832" s="85"/>
      <c r="Y1832" s="85"/>
      <c r="Z1832" s="85"/>
      <c r="AA1832" s="85"/>
      <c r="AB1832" s="85"/>
      <c r="AC1832" s="85"/>
      <c r="AD1832" s="85"/>
      <c r="AE1832" s="85"/>
      <c r="AF1832" s="85"/>
      <c r="AG1832" s="85"/>
      <c r="AH1832" s="85"/>
      <c r="AI1832" s="85"/>
      <c r="AJ1832" s="85"/>
      <c r="AK1832" s="85"/>
      <c r="AL1832" s="85"/>
      <c r="AM1832" s="85"/>
      <c r="AN1832" s="85"/>
      <c r="AO1832" s="85"/>
      <c r="AP1832" s="85"/>
      <c r="AQ1832" s="85"/>
      <c r="AR1832" s="85"/>
      <c r="AS1832" s="85"/>
      <c r="AT1832" s="85"/>
      <c r="AU1832" s="85"/>
      <c r="AV1832" s="85"/>
      <c r="AW1832" s="85"/>
      <c r="AX1832" s="85"/>
      <c r="AY1832" s="85"/>
      <c r="AZ1832" s="85"/>
      <c r="BA1832" s="85"/>
      <c r="BB1832" s="85"/>
      <c r="BC1832" s="85"/>
      <c r="BD1832" s="85"/>
      <c r="BE1832" s="85"/>
      <c r="BF1832" s="85"/>
      <c r="BG1832" s="85"/>
      <c r="BH1832" s="85"/>
      <c r="BI1832" s="85"/>
      <c r="BJ1832" s="85"/>
      <c r="BK1832" s="85"/>
      <c r="BL1832" s="85"/>
      <c r="BM1832" s="85"/>
      <c r="BN1832" s="85"/>
      <c r="BO1832" s="85"/>
      <c r="BP1832" s="85"/>
      <c r="BQ1832" s="85"/>
      <c r="BR1832" s="85"/>
      <c r="BS1832" s="85"/>
      <c r="BT1832" s="85"/>
      <c r="BU1832" s="85"/>
      <c r="BV1832" s="85"/>
      <c r="BW1832" s="85"/>
      <c r="BX1832" s="85"/>
      <c r="BY1832" s="85"/>
      <c r="BZ1832" s="85"/>
      <c r="CA1832" s="85"/>
      <c r="CB1832" s="85"/>
      <c r="CC1832" s="85"/>
      <c r="CD1832" s="85"/>
      <c r="CE1832" s="85"/>
      <c r="CF1832" s="85"/>
      <c r="CG1832" s="85"/>
    </row>
    <row r="1833" spans="1:85" s="9" customFormat="1" x14ac:dyDescent="0.2">
      <c r="A1833" s="85"/>
      <c r="J1833" s="85"/>
      <c r="K1833" s="85"/>
      <c r="L1833" s="85"/>
      <c r="M1833" s="85"/>
      <c r="N1833" s="85"/>
      <c r="O1833" s="85"/>
      <c r="P1833" s="85"/>
      <c r="Q1833" s="85"/>
      <c r="R1833" s="85"/>
      <c r="S1833" s="85"/>
      <c r="T1833" s="85"/>
      <c r="U1833" s="85"/>
      <c r="V1833" s="85"/>
      <c r="W1833" s="85"/>
      <c r="X1833" s="85"/>
      <c r="Y1833" s="85"/>
      <c r="Z1833" s="85"/>
      <c r="AA1833" s="85"/>
      <c r="AB1833" s="85"/>
      <c r="AC1833" s="85"/>
      <c r="AD1833" s="85"/>
      <c r="AE1833" s="85"/>
      <c r="AF1833" s="85"/>
      <c r="AG1833" s="85"/>
      <c r="AH1833" s="85"/>
      <c r="AI1833" s="85"/>
      <c r="AJ1833" s="85"/>
      <c r="AK1833" s="85"/>
      <c r="AL1833" s="85"/>
      <c r="AM1833" s="85"/>
      <c r="AN1833" s="85"/>
      <c r="AO1833" s="85"/>
      <c r="AP1833" s="85"/>
      <c r="AQ1833" s="85"/>
      <c r="AR1833" s="85"/>
      <c r="AS1833" s="85"/>
      <c r="AT1833" s="85"/>
      <c r="AU1833" s="85"/>
      <c r="AV1833" s="85"/>
      <c r="AW1833" s="85"/>
      <c r="AX1833" s="85"/>
      <c r="AY1833" s="85"/>
      <c r="AZ1833" s="85"/>
      <c r="BA1833" s="85"/>
      <c r="BB1833" s="85"/>
      <c r="BC1833" s="85"/>
      <c r="BD1833" s="85"/>
      <c r="BE1833" s="85"/>
      <c r="BF1833" s="85"/>
      <c r="BG1833" s="85"/>
      <c r="BH1833" s="85"/>
      <c r="BI1833" s="85"/>
      <c r="BJ1833" s="85"/>
      <c r="BK1833" s="85"/>
      <c r="BL1833" s="85"/>
      <c r="BM1833" s="85"/>
      <c r="BN1833" s="85"/>
      <c r="BO1833" s="85"/>
      <c r="BP1833" s="85"/>
      <c r="BQ1833" s="85"/>
      <c r="BR1833" s="85"/>
      <c r="BS1833" s="85"/>
      <c r="BT1833" s="85"/>
      <c r="BU1833" s="85"/>
      <c r="BV1833" s="85"/>
      <c r="BW1833" s="85"/>
      <c r="BX1833" s="85"/>
      <c r="BY1833" s="85"/>
      <c r="BZ1833" s="85"/>
      <c r="CA1833" s="85"/>
      <c r="CB1833" s="85"/>
      <c r="CC1833" s="85"/>
      <c r="CD1833" s="85"/>
      <c r="CE1833" s="85"/>
      <c r="CF1833" s="85"/>
      <c r="CG1833" s="85"/>
    </row>
    <row r="1834" spans="1:85" s="9" customFormat="1" x14ac:dyDescent="0.2">
      <c r="A1834" s="85"/>
      <c r="J1834" s="85"/>
      <c r="K1834" s="85"/>
      <c r="L1834" s="85"/>
      <c r="M1834" s="85"/>
      <c r="N1834" s="85"/>
      <c r="O1834" s="85"/>
      <c r="P1834" s="85"/>
      <c r="Q1834" s="85"/>
      <c r="R1834" s="85"/>
      <c r="S1834" s="85"/>
      <c r="T1834" s="85"/>
      <c r="U1834" s="85"/>
      <c r="V1834" s="85"/>
      <c r="W1834" s="85"/>
      <c r="X1834" s="85"/>
      <c r="Y1834" s="85"/>
      <c r="Z1834" s="85"/>
      <c r="AA1834" s="85"/>
      <c r="AB1834" s="85"/>
      <c r="AC1834" s="85"/>
      <c r="AD1834" s="85"/>
      <c r="AE1834" s="85"/>
      <c r="AF1834" s="85"/>
      <c r="AG1834" s="85"/>
      <c r="AH1834" s="85"/>
      <c r="AI1834" s="85"/>
      <c r="AJ1834" s="85"/>
      <c r="AK1834" s="85"/>
      <c r="AL1834" s="85"/>
      <c r="AM1834" s="85"/>
      <c r="AN1834" s="85"/>
      <c r="AO1834" s="85"/>
      <c r="AP1834" s="85"/>
      <c r="AQ1834" s="85"/>
      <c r="AR1834" s="85"/>
      <c r="AS1834" s="85"/>
      <c r="AT1834" s="85"/>
      <c r="AU1834" s="85"/>
      <c r="AV1834" s="85"/>
      <c r="AW1834" s="85"/>
      <c r="AX1834" s="85"/>
      <c r="AY1834" s="85"/>
      <c r="AZ1834" s="85"/>
      <c r="BA1834" s="85"/>
      <c r="BB1834" s="85"/>
      <c r="BC1834" s="85"/>
      <c r="BD1834" s="85"/>
      <c r="BE1834" s="85"/>
      <c r="BF1834" s="85"/>
      <c r="BG1834" s="85"/>
      <c r="BH1834" s="85"/>
      <c r="BI1834" s="85"/>
      <c r="BJ1834" s="85"/>
      <c r="BK1834" s="85"/>
      <c r="BL1834" s="85"/>
      <c r="BM1834" s="85"/>
      <c r="BN1834" s="85"/>
      <c r="BO1834" s="85"/>
      <c r="BP1834" s="85"/>
      <c r="BQ1834" s="85"/>
      <c r="BR1834" s="85"/>
      <c r="BS1834" s="85"/>
      <c r="BT1834" s="85"/>
      <c r="BU1834" s="85"/>
      <c r="BV1834" s="85"/>
      <c r="BW1834" s="85"/>
      <c r="BX1834" s="85"/>
      <c r="BY1834" s="85"/>
      <c r="BZ1834" s="85"/>
      <c r="CA1834" s="85"/>
      <c r="CB1834" s="85"/>
      <c r="CC1834" s="85"/>
      <c r="CD1834" s="85"/>
      <c r="CE1834" s="85"/>
      <c r="CF1834" s="85"/>
      <c r="CG1834" s="85"/>
    </row>
    <row r="1835" spans="1:85" s="9" customFormat="1" x14ac:dyDescent="0.2">
      <c r="A1835" s="85"/>
      <c r="J1835" s="85"/>
      <c r="K1835" s="85"/>
      <c r="L1835" s="85"/>
      <c r="M1835" s="85"/>
      <c r="N1835" s="85"/>
      <c r="O1835" s="85"/>
      <c r="P1835" s="85"/>
      <c r="Q1835" s="85"/>
      <c r="R1835" s="85"/>
      <c r="S1835" s="85"/>
      <c r="T1835" s="85"/>
      <c r="U1835" s="85"/>
      <c r="V1835" s="85"/>
      <c r="W1835" s="85"/>
      <c r="X1835" s="85"/>
      <c r="Y1835" s="85"/>
      <c r="Z1835" s="85"/>
      <c r="AA1835" s="85"/>
      <c r="AB1835" s="85"/>
      <c r="AC1835" s="85"/>
      <c r="AD1835" s="85"/>
      <c r="AE1835" s="85"/>
      <c r="AF1835" s="85"/>
      <c r="AG1835" s="85"/>
      <c r="AH1835" s="85"/>
      <c r="AI1835" s="85"/>
      <c r="AJ1835" s="85"/>
      <c r="AK1835" s="85"/>
      <c r="AL1835" s="85"/>
      <c r="AM1835" s="85"/>
      <c r="AN1835" s="85"/>
      <c r="AO1835" s="85"/>
      <c r="AP1835" s="85"/>
      <c r="AQ1835" s="85"/>
      <c r="AR1835" s="85"/>
      <c r="AS1835" s="85"/>
      <c r="AT1835" s="85"/>
      <c r="AU1835" s="85"/>
      <c r="AV1835" s="85"/>
      <c r="AW1835" s="85"/>
      <c r="AX1835" s="85"/>
      <c r="AY1835" s="85"/>
      <c r="AZ1835" s="85"/>
      <c r="BA1835" s="85"/>
      <c r="BB1835" s="85"/>
      <c r="BC1835" s="85"/>
      <c r="BD1835" s="85"/>
      <c r="BE1835" s="85"/>
      <c r="BF1835" s="85"/>
      <c r="BG1835" s="85"/>
      <c r="BH1835" s="85"/>
      <c r="BI1835" s="85"/>
      <c r="BJ1835" s="85"/>
      <c r="BK1835" s="85"/>
      <c r="BL1835" s="85"/>
      <c r="BM1835" s="85"/>
      <c r="BN1835" s="85"/>
      <c r="BO1835" s="85"/>
      <c r="BP1835" s="85"/>
      <c r="BQ1835" s="85"/>
      <c r="BR1835" s="85"/>
      <c r="BS1835" s="85"/>
      <c r="BT1835" s="85"/>
      <c r="BU1835" s="85"/>
      <c r="BV1835" s="85"/>
      <c r="BW1835" s="85"/>
      <c r="BX1835" s="85"/>
      <c r="BY1835" s="85"/>
      <c r="BZ1835" s="85"/>
      <c r="CA1835" s="85"/>
      <c r="CB1835" s="85"/>
      <c r="CC1835" s="85"/>
      <c r="CD1835" s="85"/>
      <c r="CE1835" s="85"/>
      <c r="CF1835" s="85"/>
      <c r="CG1835" s="85"/>
    </row>
    <row r="1836" spans="1:85" s="9" customFormat="1" x14ac:dyDescent="0.2">
      <c r="A1836" s="85"/>
      <c r="J1836" s="85"/>
      <c r="K1836" s="85"/>
      <c r="L1836" s="85"/>
      <c r="M1836" s="85"/>
      <c r="N1836" s="85"/>
      <c r="O1836" s="85"/>
      <c r="P1836" s="85"/>
      <c r="Q1836" s="85"/>
      <c r="R1836" s="85"/>
      <c r="S1836" s="85"/>
      <c r="T1836" s="85"/>
      <c r="U1836" s="85"/>
      <c r="V1836" s="85"/>
      <c r="W1836" s="85"/>
      <c r="X1836" s="85"/>
      <c r="Y1836" s="85"/>
      <c r="Z1836" s="85"/>
      <c r="AA1836" s="85"/>
      <c r="AB1836" s="85"/>
      <c r="AC1836" s="85"/>
      <c r="AD1836" s="85"/>
      <c r="AE1836" s="85"/>
      <c r="AF1836" s="85"/>
      <c r="AG1836" s="85"/>
      <c r="AH1836" s="85"/>
      <c r="AI1836" s="85"/>
      <c r="AJ1836" s="85"/>
      <c r="AK1836" s="85"/>
      <c r="AL1836" s="85"/>
      <c r="AM1836" s="85"/>
      <c r="AN1836" s="85"/>
      <c r="AO1836" s="85"/>
      <c r="AP1836" s="85"/>
      <c r="AQ1836" s="85"/>
      <c r="AR1836" s="85"/>
      <c r="AS1836" s="85"/>
      <c r="AT1836" s="85"/>
      <c r="AU1836" s="85"/>
      <c r="AV1836" s="85"/>
      <c r="AW1836" s="85"/>
      <c r="AX1836" s="85"/>
      <c r="AY1836" s="85"/>
      <c r="AZ1836" s="85"/>
      <c r="BA1836" s="85"/>
      <c r="BB1836" s="85"/>
      <c r="BC1836" s="85"/>
      <c r="BD1836" s="85"/>
      <c r="BE1836" s="85"/>
      <c r="BF1836" s="85"/>
      <c r="BG1836" s="85"/>
      <c r="BH1836" s="85"/>
      <c r="BI1836" s="85"/>
      <c r="BJ1836" s="85"/>
      <c r="BK1836" s="85"/>
      <c r="BL1836" s="85"/>
      <c r="BM1836" s="85"/>
      <c r="BN1836" s="85"/>
      <c r="BO1836" s="85"/>
      <c r="BP1836" s="85"/>
      <c r="BQ1836" s="85"/>
      <c r="BR1836" s="85"/>
      <c r="BS1836" s="85"/>
      <c r="BT1836" s="85"/>
      <c r="BU1836" s="85"/>
      <c r="BV1836" s="85"/>
      <c r="BW1836" s="85"/>
      <c r="BX1836" s="85"/>
      <c r="BY1836" s="85"/>
      <c r="BZ1836" s="85"/>
      <c r="CA1836" s="85"/>
      <c r="CB1836" s="85"/>
      <c r="CC1836" s="85"/>
      <c r="CD1836" s="85"/>
      <c r="CE1836" s="85"/>
      <c r="CF1836" s="85"/>
      <c r="CG1836" s="85"/>
    </row>
    <row r="1837" spans="1:85" s="9" customFormat="1" x14ac:dyDescent="0.2">
      <c r="A1837" s="85"/>
      <c r="J1837" s="85"/>
      <c r="K1837" s="85"/>
      <c r="L1837" s="85"/>
      <c r="M1837" s="85"/>
      <c r="N1837" s="85"/>
      <c r="O1837" s="85"/>
      <c r="P1837" s="85"/>
      <c r="Q1837" s="85"/>
      <c r="R1837" s="85"/>
      <c r="S1837" s="85"/>
      <c r="T1837" s="85"/>
      <c r="U1837" s="85"/>
      <c r="V1837" s="85"/>
      <c r="W1837" s="85"/>
      <c r="X1837" s="85"/>
      <c r="Y1837" s="85"/>
      <c r="Z1837" s="85"/>
      <c r="AA1837" s="85"/>
      <c r="AB1837" s="85"/>
      <c r="AC1837" s="85"/>
      <c r="AD1837" s="85"/>
      <c r="AE1837" s="85"/>
      <c r="AF1837" s="85"/>
      <c r="AG1837" s="85"/>
      <c r="AH1837" s="85"/>
      <c r="AI1837" s="85"/>
      <c r="AJ1837" s="85"/>
      <c r="AK1837" s="85"/>
      <c r="AL1837" s="85"/>
      <c r="AM1837" s="85"/>
      <c r="AN1837" s="85"/>
      <c r="AO1837" s="85"/>
      <c r="AP1837" s="85"/>
      <c r="AQ1837" s="85"/>
      <c r="AR1837" s="85"/>
      <c r="AS1837" s="85"/>
      <c r="AT1837" s="85"/>
      <c r="AU1837" s="85"/>
      <c r="AV1837" s="85"/>
      <c r="AW1837" s="85"/>
      <c r="AX1837" s="85"/>
      <c r="AY1837" s="85"/>
      <c r="AZ1837" s="85"/>
      <c r="BA1837" s="85"/>
      <c r="BB1837" s="85"/>
      <c r="BC1837" s="85"/>
      <c r="BD1837" s="85"/>
      <c r="BE1837" s="85"/>
      <c r="BF1837" s="85"/>
      <c r="BG1837" s="85"/>
      <c r="BH1837" s="85"/>
      <c r="BI1837" s="85"/>
      <c r="BJ1837" s="85"/>
      <c r="BK1837" s="85"/>
      <c r="BL1837" s="85"/>
      <c r="BM1837" s="85"/>
      <c r="BN1837" s="85"/>
      <c r="BO1837" s="85"/>
      <c r="BP1837" s="85"/>
      <c r="BQ1837" s="85"/>
      <c r="BR1837" s="85"/>
      <c r="BS1837" s="85"/>
      <c r="BT1837" s="85"/>
      <c r="BU1837" s="85"/>
      <c r="BV1837" s="85"/>
      <c r="BW1837" s="85"/>
      <c r="BX1837" s="85"/>
      <c r="BY1837" s="85"/>
      <c r="BZ1837" s="85"/>
      <c r="CA1837" s="85"/>
      <c r="CB1837" s="85"/>
      <c r="CC1837" s="85"/>
      <c r="CD1837" s="85"/>
      <c r="CE1837" s="85"/>
      <c r="CF1837" s="85"/>
      <c r="CG1837" s="85"/>
    </row>
    <row r="1838" spans="1:85" s="9" customFormat="1" x14ac:dyDescent="0.2">
      <c r="A1838" s="85"/>
      <c r="J1838" s="85"/>
      <c r="K1838" s="85"/>
      <c r="L1838" s="85"/>
      <c r="M1838" s="85"/>
      <c r="N1838" s="85"/>
      <c r="O1838" s="85"/>
      <c r="P1838" s="85"/>
      <c r="Q1838" s="85"/>
      <c r="R1838" s="85"/>
      <c r="S1838" s="85"/>
      <c r="T1838" s="85"/>
      <c r="U1838" s="85"/>
      <c r="V1838" s="85"/>
      <c r="W1838" s="85"/>
      <c r="X1838" s="85"/>
      <c r="Y1838" s="85"/>
      <c r="Z1838" s="85"/>
      <c r="AA1838" s="85"/>
      <c r="AB1838" s="85"/>
      <c r="AC1838" s="85"/>
      <c r="AD1838" s="85"/>
      <c r="AE1838" s="85"/>
      <c r="AF1838" s="85"/>
      <c r="AG1838" s="85"/>
      <c r="AH1838" s="85"/>
      <c r="AI1838" s="85"/>
      <c r="AJ1838" s="85"/>
      <c r="AK1838" s="85"/>
      <c r="AL1838" s="85"/>
      <c r="AM1838" s="85"/>
      <c r="AN1838" s="85"/>
      <c r="AO1838" s="85"/>
      <c r="AP1838" s="85"/>
      <c r="AQ1838" s="85"/>
      <c r="AR1838" s="85"/>
      <c r="AS1838" s="85"/>
      <c r="AT1838" s="85"/>
      <c r="AU1838" s="85"/>
      <c r="AV1838" s="85"/>
      <c r="AW1838" s="85"/>
      <c r="AX1838" s="85"/>
      <c r="AY1838" s="85"/>
      <c r="AZ1838" s="85"/>
      <c r="BA1838" s="85"/>
      <c r="BB1838" s="85"/>
      <c r="BC1838" s="85"/>
      <c r="BD1838" s="85"/>
      <c r="BE1838" s="85"/>
      <c r="BF1838" s="85"/>
      <c r="BG1838" s="85"/>
      <c r="BH1838" s="85"/>
      <c r="BI1838" s="85"/>
      <c r="BJ1838" s="85"/>
      <c r="BK1838" s="85"/>
      <c r="BL1838" s="85"/>
      <c r="BM1838" s="85"/>
      <c r="BN1838" s="85"/>
      <c r="BO1838" s="85"/>
      <c r="BP1838" s="85"/>
      <c r="BQ1838" s="85"/>
      <c r="BR1838" s="85"/>
      <c r="BS1838" s="85"/>
      <c r="BT1838" s="85"/>
      <c r="BU1838" s="85"/>
      <c r="BV1838" s="85"/>
      <c r="BW1838" s="85"/>
      <c r="BX1838" s="85"/>
      <c r="BY1838" s="85"/>
      <c r="BZ1838" s="85"/>
      <c r="CA1838" s="85"/>
      <c r="CB1838" s="85"/>
      <c r="CC1838" s="85"/>
      <c r="CD1838" s="85"/>
      <c r="CE1838" s="85"/>
      <c r="CF1838" s="85"/>
      <c r="CG1838" s="85"/>
    </row>
    <row r="1839" spans="1:85" s="9" customFormat="1" x14ac:dyDescent="0.2">
      <c r="A1839" s="85"/>
      <c r="J1839" s="85"/>
      <c r="K1839" s="85"/>
      <c r="L1839" s="85"/>
      <c r="M1839" s="85"/>
      <c r="N1839" s="85"/>
      <c r="O1839" s="85"/>
      <c r="P1839" s="85"/>
      <c r="Q1839" s="85"/>
      <c r="R1839" s="85"/>
      <c r="S1839" s="85"/>
      <c r="T1839" s="85"/>
      <c r="U1839" s="85"/>
      <c r="V1839" s="85"/>
      <c r="W1839" s="85"/>
      <c r="X1839" s="85"/>
      <c r="Y1839" s="85"/>
      <c r="Z1839" s="85"/>
      <c r="AA1839" s="85"/>
      <c r="AB1839" s="85"/>
      <c r="AC1839" s="85"/>
      <c r="AD1839" s="85"/>
      <c r="AE1839" s="85"/>
      <c r="AF1839" s="85"/>
      <c r="AG1839" s="85"/>
      <c r="AH1839" s="85"/>
      <c r="AI1839" s="85"/>
      <c r="AJ1839" s="85"/>
      <c r="AK1839" s="85"/>
      <c r="AL1839" s="85"/>
      <c r="AM1839" s="85"/>
      <c r="AN1839" s="85"/>
      <c r="AO1839" s="85"/>
      <c r="AP1839" s="85"/>
      <c r="AQ1839" s="85"/>
      <c r="AR1839" s="85"/>
      <c r="AS1839" s="85"/>
      <c r="AT1839" s="85"/>
      <c r="AU1839" s="85"/>
      <c r="AV1839" s="85"/>
      <c r="AW1839" s="85"/>
      <c r="AX1839" s="85"/>
      <c r="AY1839" s="85"/>
      <c r="AZ1839" s="85"/>
      <c r="BA1839" s="85"/>
      <c r="BB1839" s="85"/>
      <c r="BC1839" s="85"/>
      <c r="BD1839" s="85"/>
      <c r="BE1839" s="85"/>
      <c r="BF1839" s="85"/>
      <c r="BG1839" s="85"/>
      <c r="BH1839" s="85"/>
      <c r="BI1839" s="85"/>
      <c r="BJ1839" s="85"/>
      <c r="BK1839" s="85"/>
      <c r="BL1839" s="85"/>
      <c r="BM1839" s="85"/>
      <c r="BN1839" s="85"/>
      <c r="BO1839" s="85"/>
      <c r="BP1839" s="85"/>
      <c r="BQ1839" s="85"/>
      <c r="BR1839" s="85"/>
      <c r="BS1839" s="85"/>
      <c r="BT1839" s="85"/>
      <c r="BU1839" s="85"/>
      <c r="BV1839" s="85"/>
      <c r="BW1839" s="85"/>
      <c r="BX1839" s="85"/>
      <c r="BY1839" s="85"/>
      <c r="BZ1839" s="85"/>
      <c r="CA1839" s="85"/>
      <c r="CB1839" s="85"/>
      <c r="CC1839" s="85"/>
      <c r="CD1839" s="85"/>
      <c r="CE1839" s="85"/>
      <c r="CF1839" s="85"/>
      <c r="CG1839" s="85"/>
    </row>
    <row r="1840" spans="1:85" s="9" customFormat="1" x14ac:dyDescent="0.2">
      <c r="A1840" s="85"/>
      <c r="J1840" s="85"/>
      <c r="K1840" s="85"/>
      <c r="L1840" s="85"/>
      <c r="M1840" s="85"/>
      <c r="N1840" s="85"/>
      <c r="O1840" s="85"/>
      <c r="P1840" s="85"/>
      <c r="Q1840" s="85"/>
      <c r="R1840" s="85"/>
      <c r="S1840" s="85"/>
      <c r="T1840" s="85"/>
      <c r="U1840" s="85"/>
      <c r="V1840" s="85"/>
      <c r="W1840" s="85"/>
      <c r="X1840" s="85"/>
      <c r="Y1840" s="85"/>
      <c r="Z1840" s="85"/>
      <c r="AA1840" s="85"/>
      <c r="AB1840" s="85"/>
      <c r="AC1840" s="85"/>
      <c r="AD1840" s="85"/>
      <c r="AE1840" s="85"/>
      <c r="AF1840" s="85"/>
      <c r="AG1840" s="85"/>
      <c r="AH1840" s="85"/>
      <c r="AI1840" s="85"/>
      <c r="AJ1840" s="85"/>
      <c r="AK1840" s="85"/>
      <c r="AL1840" s="85"/>
      <c r="AM1840" s="85"/>
      <c r="AN1840" s="85"/>
      <c r="AO1840" s="85"/>
      <c r="AP1840" s="85"/>
      <c r="AQ1840" s="85"/>
      <c r="AR1840" s="85"/>
      <c r="AS1840" s="85"/>
      <c r="AT1840" s="85"/>
      <c r="AU1840" s="85"/>
      <c r="AV1840" s="85"/>
      <c r="AW1840" s="85"/>
      <c r="AX1840" s="85"/>
      <c r="AY1840" s="85"/>
      <c r="AZ1840" s="85"/>
      <c r="BA1840" s="85"/>
      <c r="BB1840" s="85"/>
      <c r="BC1840" s="85"/>
      <c r="BD1840" s="85"/>
      <c r="BE1840" s="85"/>
      <c r="BF1840" s="85"/>
      <c r="BG1840" s="85"/>
      <c r="BH1840" s="85"/>
      <c r="BI1840" s="85"/>
      <c r="BJ1840" s="85"/>
      <c r="BK1840" s="85"/>
      <c r="BL1840" s="85"/>
      <c r="BM1840" s="85"/>
      <c r="BN1840" s="85"/>
      <c r="BO1840" s="85"/>
      <c r="BP1840" s="85"/>
      <c r="BQ1840" s="85"/>
      <c r="BR1840" s="85"/>
      <c r="BS1840" s="85"/>
      <c r="BT1840" s="85"/>
      <c r="BU1840" s="85"/>
      <c r="BV1840" s="85"/>
      <c r="BW1840" s="85"/>
      <c r="BX1840" s="85"/>
      <c r="BY1840" s="85"/>
      <c r="BZ1840" s="85"/>
      <c r="CA1840" s="85"/>
      <c r="CB1840" s="85"/>
      <c r="CC1840" s="85"/>
      <c r="CD1840" s="85"/>
      <c r="CE1840" s="85"/>
      <c r="CF1840" s="85"/>
      <c r="CG1840" s="85"/>
    </row>
    <row r="1841" spans="1:85" s="9" customFormat="1" x14ac:dyDescent="0.2">
      <c r="A1841" s="85"/>
      <c r="J1841" s="85"/>
      <c r="K1841" s="85"/>
      <c r="L1841" s="85"/>
      <c r="M1841" s="85"/>
      <c r="N1841" s="85"/>
      <c r="O1841" s="85"/>
      <c r="P1841" s="85"/>
      <c r="Q1841" s="85"/>
      <c r="R1841" s="85"/>
      <c r="S1841" s="85"/>
      <c r="T1841" s="85"/>
      <c r="U1841" s="85"/>
      <c r="V1841" s="85"/>
      <c r="W1841" s="85"/>
      <c r="X1841" s="85"/>
      <c r="Y1841" s="85"/>
      <c r="Z1841" s="85"/>
      <c r="AA1841" s="85"/>
      <c r="AB1841" s="85"/>
      <c r="AC1841" s="85"/>
      <c r="AD1841" s="85"/>
      <c r="AE1841" s="85"/>
      <c r="AF1841" s="85"/>
      <c r="AG1841" s="85"/>
      <c r="AH1841" s="85"/>
      <c r="AI1841" s="85"/>
      <c r="AJ1841" s="85"/>
      <c r="AK1841" s="85"/>
      <c r="AL1841" s="85"/>
      <c r="AM1841" s="85"/>
      <c r="AN1841" s="85"/>
      <c r="AO1841" s="85"/>
      <c r="AP1841" s="85"/>
      <c r="AQ1841" s="85"/>
      <c r="AR1841" s="85"/>
      <c r="AS1841" s="85"/>
      <c r="AT1841" s="85"/>
      <c r="AU1841" s="85"/>
      <c r="AV1841" s="85"/>
      <c r="AW1841" s="85"/>
      <c r="AX1841" s="85"/>
      <c r="AY1841" s="85"/>
      <c r="AZ1841" s="85"/>
      <c r="BA1841" s="85"/>
      <c r="BB1841" s="85"/>
      <c r="BC1841" s="85"/>
      <c r="BD1841" s="85"/>
      <c r="BE1841" s="85"/>
      <c r="BF1841" s="85"/>
      <c r="BG1841" s="85"/>
      <c r="BH1841" s="85"/>
      <c r="BI1841" s="85"/>
      <c r="BJ1841" s="85"/>
      <c r="BK1841" s="85"/>
      <c r="BL1841" s="85"/>
      <c r="BM1841" s="85"/>
      <c r="BN1841" s="85"/>
      <c r="BO1841" s="85"/>
      <c r="BP1841" s="85"/>
      <c r="BQ1841" s="85"/>
      <c r="BR1841" s="85"/>
      <c r="BS1841" s="85"/>
      <c r="BT1841" s="85"/>
      <c r="BU1841" s="85"/>
      <c r="BV1841" s="85"/>
      <c r="BW1841" s="85"/>
      <c r="BX1841" s="85"/>
      <c r="BY1841" s="85"/>
      <c r="BZ1841" s="85"/>
      <c r="CA1841" s="85"/>
      <c r="CB1841" s="85"/>
      <c r="CC1841" s="85"/>
      <c r="CD1841" s="85"/>
      <c r="CE1841" s="85"/>
      <c r="CF1841" s="85"/>
      <c r="CG1841" s="85"/>
    </row>
    <row r="1842" spans="1:85" s="9" customFormat="1" x14ac:dyDescent="0.2">
      <c r="A1842" s="85"/>
      <c r="J1842" s="85"/>
      <c r="K1842" s="85"/>
      <c r="L1842" s="85"/>
      <c r="M1842" s="85"/>
      <c r="N1842" s="85"/>
      <c r="O1842" s="85"/>
      <c r="P1842" s="85"/>
      <c r="Q1842" s="85"/>
      <c r="R1842" s="85"/>
      <c r="S1842" s="85"/>
      <c r="T1842" s="85"/>
      <c r="U1842" s="85"/>
      <c r="V1842" s="85"/>
      <c r="W1842" s="85"/>
      <c r="X1842" s="85"/>
      <c r="Y1842" s="85"/>
      <c r="Z1842" s="85"/>
      <c r="AA1842" s="85"/>
      <c r="AB1842" s="85"/>
      <c r="AC1842" s="85"/>
      <c r="AD1842" s="85"/>
      <c r="AE1842" s="85"/>
      <c r="AF1842" s="85"/>
      <c r="AG1842" s="85"/>
      <c r="AH1842" s="85"/>
      <c r="AI1842" s="85"/>
      <c r="AJ1842" s="85"/>
      <c r="AK1842" s="85"/>
      <c r="AL1842" s="85"/>
      <c r="AM1842" s="85"/>
      <c r="AN1842" s="85"/>
      <c r="AO1842" s="85"/>
      <c r="AP1842" s="85"/>
      <c r="AQ1842" s="85"/>
      <c r="AR1842" s="85"/>
      <c r="AS1842" s="85"/>
      <c r="AT1842" s="85"/>
      <c r="AU1842" s="85"/>
      <c r="AV1842" s="85"/>
      <c r="AW1842" s="85"/>
      <c r="AX1842" s="85"/>
      <c r="AY1842" s="85"/>
      <c r="AZ1842" s="85"/>
      <c r="BA1842" s="85"/>
      <c r="BB1842" s="85"/>
      <c r="BC1842" s="85"/>
      <c r="BD1842" s="85"/>
      <c r="BE1842" s="85"/>
      <c r="BF1842" s="85"/>
      <c r="BG1842" s="85"/>
      <c r="BH1842" s="85"/>
      <c r="BI1842" s="85"/>
      <c r="BJ1842" s="85"/>
      <c r="BK1842" s="85"/>
      <c r="BL1842" s="85"/>
      <c r="BM1842" s="85"/>
      <c r="BN1842" s="85"/>
      <c r="BO1842" s="85"/>
      <c r="BP1842" s="85"/>
      <c r="BQ1842" s="85"/>
      <c r="BR1842" s="85"/>
      <c r="BS1842" s="85"/>
      <c r="BT1842" s="85"/>
      <c r="BU1842" s="85"/>
      <c r="BV1842" s="85"/>
      <c r="BW1842" s="85"/>
      <c r="BX1842" s="85"/>
      <c r="BY1842" s="85"/>
      <c r="BZ1842" s="85"/>
      <c r="CA1842" s="85"/>
      <c r="CB1842" s="85"/>
      <c r="CC1842" s="85"/>
      <c r="CD1842" s="85"/>
      <c r="CE1842" s="85"/>
      <c r="CF1842" s="85"/>
      <c r="CG1842" s="85"/>
    </row>
    <row r="1843" spans="1:85" s="9" customFormat="1" x14ac:dyDescent="0.2">
      <c r="A1843" s="85"/>
      <c r="J1843" s="85"/>
      <c r="K1843" s="85"/>
      <c r="L1843" s="85"/>
      <c r="M1843" s="85"/>
      <c r="N1843" s="85"/>
      <c r="O1843" s="85"/>
      <c r="P1843" s="85"/>
      <c r="Q1843" s="85"/>
      <c r="R1843" s="85"/>
      <c r="S1843" s="85"/>
      <c r="T1843" s="85"/>
      <c r="U1843" s="85"/>
      <c r="V1843" s="85"/>
      <c r="W1843" s="85"/>
      <c r="X1843" s="85"/>
      <c r="Y1843" s="85"/>
      <c r="Z1843" s="85"/>
      <c r="AA1843" s="85"/>
      <c r="AB1843" s="85"/>
      <c r="AC1843" s="85"/>
      <c r="AD1843" s="85"/>
      <c r="AE1843" s="85"/>
      <c r="AF1843" s="85"/>
      <c r="AG1843" s="85"/>
      <c r="AH1843" s="85"/>
      <c r="AI1843" s="85"/>
      <c r="AJ1843" s="85"/>
      <c r="AK1843" s="85"/>
      <c r="AL1843" s="85"/>
      <c r="AM1843" s="85"/>
      <c r="AN1843" s="85"/>
      <c r="AO1843" s="85"/>
      <c r="AP1843" s="85"/>
      <c r="AQ1843" s="85"/>
      <c r="AR1843" s="85"/>
      <c r="AS1843" s="85"/>
      <c r="AT1843" s="85"/>
      <c r="AU1843" s="85"/>
      <c r="AV1843" s="85"/>
      <c r="AW1843" s="85"/>
      <c r="AX1843" s="85"/>
      <c r="AY1843" s="85"/>
      <c r="AZ1843" s="85"/>
      <c r="BA1843" s="85"/>
      <c r="BB1843" s="85"/>
      <c r="BC1843" s="85"/>
      <c r="BD1843" s="85"/>
      <c r="BE1843" s="85"/>
      <c r="BF1843" s="85"/>
      <c r="BG1843" s="85"/>
      <c r="BH1843" s="85"/>
      <c r="BI1843" s="85"/>
      <c r="BJ1843" s="85"/>
      <c r="BK1843" s="85"/>
      <c r="BL1843" s="85"/>
      <c r="BM1843" s="85"/>
      <c r="BN1843" s="85"/>
      <c r="BO1843" s="85"/>
      <c r="BP1843" s="85"/>
      <c r="BQ1843" s="85"/>
      <c r="BR1843" s="85"/>
      <c r="BS1843" s="85"/>
      <c r="BT1843" s="85"/>
      <c r="BU1843" s="85"/>
      <c r="BV1843" s="85"/>
      <c r="BW1843" s="85"/>
      <c r="BX1843" s="85"/>
      <c r="BY1843" s="85"/>
      <c r="BZ1843" s="85"/>
      <c r="CA1843" s="85"/>
      <c r="CB1843" s="85"/>
      <c r="CC1843" s="85"/>
      <c r="CD1843" s="85"/>
      <c r="CE1843" s="85"/>
      <c r="CF1843" s="85"/>
      <c r="CG1843" s="85"/>
    </row>
    <row r="1844" spans="1:85" s="9" customFormat="1" x14ac:dyDescent="0.2">
      <c r="A1844" s="85"/>
      <c r="J1844" s="85"/>
      <c r="K1844" s="85"/>
      <c r="L1844" s="85"/>
      <c r="M1844" s="85"/>
      <c r="N1844" s="85"/>
      <c r="O1844" s="85"/>
      <c r="P1844" s="85"/>
      <c r="Q1844" s="85"/>
      <c r="R1844" s="85"/>
      <c r="S1844" s="85"/>
      <c r="T1844" s="85"/>
      <c r="U1844" s="85"/>
      <c r="V1844" s="85"/>
      <c r="W1844" s="85"/>
      <c r="X1844" s="85"/>
      <c r="Y1844" s="85"/>
      <c r="Z1844" s="85"/>
      <c r="AA1844" s="85"/>
      <c r="AB1844" s="85"/>
      <c r="AC1844" s="85"/>
      <c r="AD1844" s="85"/>
      <c r="AE1844" s="85"/>
      <c r="AF1844" s="85"/>
      <c r="AG1844" s="85"/>
      <c r="AH1844" s="85"/>
      <c r="AI1844" s="85"/>
      <c r="AJ1844" s="85"/>
      <c r="AK1844" s="85"/>
      <c r="AL1844" s="85"/>
      <c r="AM1844" s="85"/>
      <c r="AN1844" s="85"/>
      <c r="AO1844" s="85"/>
      <c r="AP1844" s="85"/>
      <c r="AQ1844" s="85"/>
      <c r="AR1844" s="85"/>
      <c r="AS1844" s="85"/>
      <c r="AT1844" s="85"/>
      <c r="AU1844" s="85"/>
      <c r="AV1844" s="85"/>
      <c r="AW1844" s="85"/>
      <c r="AX1844" s="85"/>
      <c r="AY1844" s="85"/>
      <c r="AZ1844" s="85"/>
      <c r="BA1844" s="85"/>
      <c r="BB1844" s="85"/>
      <c r="BC1844" s="85"/>
      <c r="BD1844" s="85"/>
      <c r="BE1844" s="85"/>
      <c r="BF1844" s="85"/>
      <c r="BG1844" s="85"/>
      <c r="BH1844" s="85"/>
      <c r="BI1844" s="85"/>
      <c r="BJ1844" s="85"/>
      <c r="BK1844" s="85"/>
      <c r="BL1844" s="85"/>
      <c r="BM1844" s="85"/>
      <c r="BN1844" s="85"/>
      <c r="BO1844" s="85"/>
      <c r="BP1844" s="85"/>
      <c r="BQ1844" s="85"/>
      <c r="BR1844" s="85"/>
      <c r="BS1844" s="85"/>
      <c r="BT1844" s="85"/>
      <c r="BU1844" s="85"/>
      <c r="BV1844" s="85"/>
      <c r="BW1844" s="85"/>
      <c r="BX1844" s="85"/>
      <c r="BY1844" s="85"/>
      <c r="BZ1844" s="85"/>
      <c r="CA1844" s="85"/>
      <c r="CB1844" s="85"/>
      <c r="CC1844" s="85"/>
      <c r="CD1844" s="85"/>
      <c r="CE1844" s="85"/>
      <c r="CF1844" s="85"/>
      <c r="CG1844" s="85"/>
    </row>
    <row r="1845" spans="1:85" s="9" customFormat="1" x14ac:dyDescent="0.2">
      <c r="A1845" s="85"/>
      <c r="J1845" s="85"/>
      <c r="K1845" s="85"/>
      <c r="L1845" s="85"/>
      <c r="M1845" s="85"/>
      <c r="N1845" s="85"/>
      <c r="O1845" s="85"/>
      <c r="P1845" s="85"/>
      <c r="Q1845" s="85"/>
      <c r="R1845" s="85"/>
      <c r="S1845" s="85"/>
      <c r="T1845" s="85"/>
      <c r="U1845" s="85"/>
      <c r="V1845" s="85"/>
      <c r="W1845" s="85"/>
      <c r="X1845" s="85"/>
      <c r="Y1845" s="85"/>
      <c r="Z1845" s="85"/>
      <c r="AA1845" s="85"/>
      <c r="AB1845" s="85"/>
      <c r="AC1845" s="85"/>
      <c r="AD1845" s="85"/>
      <c r="AE1845" s="85"/>
      <c r="AF1845" s="85"/>
      <c r="AG1845" s="85"/>
      <c r="AH1845" s="85"/>
      <c r="AI1845" s="85"/>
      <c r="AJ1845" s="85"/>
      <c r="AK1845" s="85"/>
      <c r="AL1845" s="85"/>
      <c r="AM1845" s="85"/>
      <c r="AN1845" s="85"/>
      <c r="AO1845" s="85"/>
      <c r="AP1845" s="85"/>
      <c r="AQ1845" s="85"/>
      <c r="AR1845" s="85"/>
      <c r="AS1845" s="85"/>
      <c r="AT1845" s="85"/>
      <c r="AU1845" s="85"/>
      <c r="AV1845" s="85"/>
      <c r="AW1845" s="85"/>
      <c r="AX1845" s="85"/>
      <c r="AY1845" s="85"/>
      <c r="AZ1845" s="85"/>
      <c r="BA1845" s="85"/>
      <c r="BB1845" s="85"/>
      <c r="BC1845" s="85"/>
      <c r="BD1845" s="85"/>
      <c r="BE1845" s="85"/>
      <c r="BF1845" s="85"/>
      <c r="BG1845" s="85"/>
      <c r="BH1845" s="85"/>
      <c r="BI1845" s="85"/>
      <c r="BJ1845" s="85"/>
      <c r="BK1845" s="85"/>
      <c r="BL1845" s="85"/>
      <c r="BM1845" s="85"/>
      <c r="BN1845" s="85"/>
      <c r="BO1845" s="85"/>
      <c r="BP1845" s="85"/>
      <c r="BQ1845" s="85"/>
      <c r="BR1845" s="85"/>
      <c r="BS1845" s="85"/>
      <c r="BT1845" s="85"/>
      <c r="BU1845" s="85"/>
      <c r="BV1845" s="85"/>
      <c r="BW1845" s="85"/>
      <c r="BX1845" s="85"/>
      <c r="BY1845" s="85"/>
      <c r="BZ1845" s="85"/>
      <c r="CA1845" s="85"/>
      <c r="CB1845" s="85"/>
      <c r="CC1845" s="85"/>
      <c r="CD1845" s="85"/>
      <c r="CE1845" s="85"/>
      <c r="CF1845" s="85"/>
      <c r="CG1845" s="85"/>
    </row>
    <row r="1846" spans="1:85" s="9" customFormat="1" x14ac:dyDescent="0.2">
      <c r="A1846" s="85"/>
      <c r="J1846" s="85"/>
      <c r="K1846" s="85"/>
      <c r="L1846" s="85"/>
      <c r="M1846" s="85"/>
      <c r="N1846" s="85"/>
      <c r="O1846" s="85"/>
      <c r="P1846" s="85"/>
      <c r="Q1846" s="85"/>
      <c r="R1846" s="85"/>
      <c r="S1846" s="85"/>
      <c r="T1846" s="85"/>
      <c r="U1846" s="85"/>
      <c r="V1846" s="85"/>
      <c r="W1846" s="85"/>
      <c r="X1846" s="85"/>
      <c r="Y1846" s="85"/>
      <c r="Z1846" s="85"/>
      <c r="AA1846" s="85"/>
      <c r="AB1846" s="85"/>
      <c r="AC1846" s="85"/>
      <c r="AD1846" s="85"/>
      <c r="AE1846" s="85"/>
      <c r="AF1846" s="85"/>
      <c r="AG1846" s="85"/>
      <c r="AH1846" s="85"/>
      <c r="AI1846" s="85"/>
      <c r="AJ1846" s="85"/>
      <c r="AK1846" s="85"/>
      <c r="AL1846" s="85"/>
      <c r="AM1846" s="85"/>
      <c r="AN1846" s="85"/>
      <c r="AO1846" s="85"/>
      <c r="AP1846" s="85"/>
      <c r="AQ1846" s="85"/>
      <c r="AR1846" s="85"/>
      <c r="AS1846" s="85"/>
      <c r="AT1846" s="85"/>
      <c r="AU1846" s="85"/>
      <c r="AV1846" s="85"/>
      <c r="AW1846" s="85"/>
      <c r="AX1846" s="85"/>
      <c r="AY1846" s="85"/>
      <c r="AZ1846" s="85"/>
      <c r="BA1846" s="85"/>
      <c r="BB1846" s="85"/>
      <c r="BC1846" s="85"/>
      <c r="BD1846" s="85"/>
      <c r="BE1846" s="85"/>
      <c r="BF1846" s="85"/>
      <c r="BG1846" s="85"/>
      <c r="BH1846" s="85"/>
      <c r="BI1846" s="85"/>
      <c r="BJ1846" s="85"/>
      <c r="BK1846" s="85"/>
      <c r="BL1846" s="85"/>
      <c r="BM1846" s="85"/>
      <c r="BN1846" s="85"/>
      <c r="BO1846" s="85"/>
      <c r="BP1846" s="85"/>
      <c r="BQ1846" s="85"/>
      <c r="BR1846" s="85"/>
      <c r="BS1846" s="85"/>
      <c r="BT1846" s="85"/>
      <c r="BU1846" s="85"/>
      <c r="BV1846" s="85"/>
      <c r="BW1846" s="85"/>
      <c r="BX1846" s="85"/>
      <c r="BY1846" s="85"/>
      <c r="BZ1846" s="85"/>
      <c r="CA1846" s="85"/>
      <c r="CB1846" s="85"/>
      <c r="CC1846" s="85"/>
      <c r="CD1846" s="85"/>
      <c r="CE1846" s="85"/>
      <c r="CF1846" s="85"/>
      <c r="CG1846" s="85"/>
    </row>
    <row r="1847" spans="1:85" s="9" customFormat="1" x14ac:dyDescent="0.2">
      <c r="A1847" s="85"/>
      <c r="J1847" s="85"/>
      <c r="K1847" s="85"/>
      <c r="L1847" s="85"/>
      <c r="M1847" s="85"/>
      <c r="N1847" s="85"/>
      <c r="O1847" s="85"/>
      <c r="P1847" s="85"/>
      <c r="Q1847" s="85"/>
      <c r="R1847" s="85"/>
      <c r="S1847" s="85"/>
      <c r="T1847" s="85"/>
      <c r="U1847" s="85"/>
      <c r="V1847" s="85"/>
      <c r="W1847" s="85"/>
      <c r="X1847" s="85"/>
      <c r="Y1847" s="85"/>
      <c r="Z1847" s="85"/>
      <c r="AA1847" s="85"/>
      <c r="AB1847" s="85"/>
      <c r="AC1847" s="85"/>
      <c r="AD1847" s="85"/>
      <c r="AE1847" s="85"/>
      <c r="AF1847" s="85"/>
      <c r="AG1847" s="85"/>
      <c r="AH1847" s="85"/>
      <c r="AI1847" s="85"/>
      <c r="AJ1847" s="85"/>
      <c r="AK1847" s="85"/>
      <c r="AL1847" s="85"/>
      <c r="AM1847" s="85"/>
      <c r="AN1847" s="85"/>
      <c r="AO1847" s="85"/>
      <c r="AP1847" s="85"/>
      <c r="AQ1847" s="85"/>
      <c r="AR1847" s="85"/>
      <c r="AS1847" s="85"/>
      <c r="AT1847" s="85"/>
      <c r="AU1847" s="85"/>
      <c r="AV1847" s="85"/>
      <c r="AW1847" s="85"/>
      <c r="AX1847" s="85"/>
      <c r="AY1847" s="85"/>
      <c r="AZ1847" s="85"/>
      <c r="BA1847" s="85"/>
      <c r="BB1847" s="85"/>
      <c r="BC1847" s="85"/>
      <c r="BD1847" s="85"/>
      <c r="BE1847" s="85"/>
      <c r="BF1847" s="85"/>
      <c r="BG1847" s="85"/>
      <c r="BH1847" s="85"/>
      <c r="BI1847" s="85"/>
      <c r="BJ1847" s="85"/>
      <c r="BK1847" s="85"/>
      <c r="BL1847" s="85"/>
      <c r="BM1847" s="85"/>
      <c r="BN1847" s="85"/>
      <c r="BO1847" s="85"/>
      <c r="BP1847" s="85"/>
      <c r="BQ1847" s="85"/>
      <c r="BR1847" s="85"/>
      <c r="BS1847" s="85"/>
      <c r="BT1847" s="85"/>
      <c r="BU1847" s="85"/>
      <c r="BV1847" s="85"/>
      <c r="BW1847" s="85"/>
      <c r="BX1847" s="85"/>
      <c r="BY1847" s="85"/>
      <c r="BZ1847" s="85"/>
      <c r="CA1847" s="85"/>
      <c r="CB1847" s="85"/>
      <c r="CC1847" s="85"/>
      <c r="CD1847" s="85"/>
      <c r="CE1847" s="85"/>
      <c r="CF1847" s="85"/>
      <c r="CG1847" s="85"/>
    </row>
    <row r="1848" spans="1:85" s="9" customFormat="1" x14ac:dyDescent="0.2">
      <c r="A1848" s="85"/>
      <c r="J1848" s="85"/>
      <c r="K1848" s="85"/>
      <c r="L1848" s="85"/>
      <c r="M1848" s="85"/>
      <c r="N1848" s="85"/>
      <c r="O1848" s="85"/>
      <c r="P1848" s="85"/>
      <c r="Q1848" s="85"/>
      <c r="R1848" s="85"/>
      <c r="S1848" s="85"/>
      <c r="T1848" s="85"/>
      <c r="U1848" s="85"/>
      <c r="V1848" s="85"/>
      <c r="W1848" s="85"/>
      <c r="X1848" s="85"/>
      <c r="Y1848" s="85"/>
      <c r="Z1848" s="85"/>
      <c r="AA1848" s="85"/>
      <c r="AB1848" s="85"/>
      <c r="AC1848" s="85"/>
      <c r="AD1848" s="85"/>
      <c r="AE1848" s="85"/>
      <c r="AF1848" s="85"/>
      <c r="AG1848" s="85"/>
      <c r="AH1848" s="85"/>
      <c r="AI1848" s="85"/>
      <c r="AJ1848" s="85"/>
      <c r="AK1848" s="85"/>
      <c r="AL1848" s="85"/>
      <c r="AM1848" s="85"/>
      <c r="AN1848" s="85"/>
      <c r="AO1848" s="85"/>
      <c r="AP1848" s="85"/>
      <c r="AQ1848" s="85"/>
      <c r="AR1848" s="85"/>
      <c r="AS1848" s="85"/>
      <c r="AT1848" s="85"/>
      <c r="AU1848" s="85"/>
      <c r="AV1848" s="85"/>
      <c r="AW1848" s="85"/>
      <c r="AX1848" s="85"/>
      <c r="AY1848" s="85"/>
      <c r="AZ1848" s="85"/>
      <c r="BA1848" s="85"/>
      <c r="BB1848" s="85"/>
      <c r="BC1848" s="85"/>
      <c r="BD1848" s="85"/>
      <c r="BE1848" s="85"/>
      <c r="BF1848" s="85"/>
      <c r="BG1848" s="85"/>
      <c r="BH1848" s="85"/>
      <c r="BI1848" s="85"/>
      <c r="BJ1848" s="85"/>
      <c r="BK1848" s="85"/>
      <c r="BL1848" s="85"/>
      <c r="BM1848" s="85"/>
      <c r="BN1848" s="85"/>
      <c r="BO1848" s="85"/>
      <c r="BP1848" s="85"/>
      <c r="BQ1848" s="85"/>
      <c r="BR1848" s="85"/>
      <c r="BS1848" s="85"/>
      <c r="BT1848" s="85"/>
      <c r="BU1848" s="85"/>
      <c r="BV1848" s="85"/>
      <c r="BW1848" s="85"/>
      <c r="BX1848" s="85"/>
      <c r="BY1848" s="85"/>
      <c r="BZ1848" s="85"/>
      <c r="CA1848" s="85"/>
      <c r="CB1848" s="85"/>
      <c r="CC1848" s="85"/>
      <c r="CD1848" s="85"/>
      <c r="CE1848" s="85"/>
      <c r="CF1848" s="85"/>
      <c r="CG1848" s="85"/>
    </row>
    <row r="1849" spans="1:85" s="9" customFormat="1" x14ac:dyDescent="0.2">
      <c r="A1849" s="85"/>
      <c r="J1849" s="85"/>
      <c r="K1849" s="85"/>
      <c r="L1849" s="85"/>
      <c r="M1849" s="85"/>
      <c r="N1849" s="85"/>
      <c r="O1849" s="85"/>
      <c r="P1849" s="85"/>
      <c r="Q1849" s="85"/>
      <c r="R1849" s="85"/>
      <c r="S1849" s="85"/>
      <c r="T1849" s="85"/>
      <c r="U1849" s="85"/>
      <c r="V1849" s="85"/>
      <c r="W1849" s="85"/>
      <c r="X1849" s="85"/>
      <c r="Y1849" s="85"/>
      <c r="Z1849" s="85"/>
      <c r="AA1849" s="85"/>
      <c r="AB1849" s="85"/>
      <c r="AC1849" s="85"/>
      <c r="AD1849" s="85"/>
      <c r="AE1849" s="85"/>
      <c r="AF1849" s="85"/>
      <c r="AG1849" s="85"/>
      <c r="AH1849" s="85"/>
      <c r="AI1849" s="85"/>
      <c r="AJ1849" s="85"/>
      <c r="AK1849" s="85"/>
      <c r="AL1849" s="85"/>
      <c r="AM1849" s="85"/>
      <c r="AN1849" s="85"/>
      <c r="AO1849" s="85"/>
      <c r="AP1849" s="85"/>
      <c r="AQ1849" s="85"/>
      <c r="AR1849" s="85"/>
      <c r="AS1849" s="85"/>
      <c r="AT1849" s="85"/>
      <c r="AU1849" s="85"/>
      <c r="AV1849" s="85"/>
      <c r="AW1849" s="85"/>
      <c r="AX1849" s="85"/>
      <c r="AY1849" s="85"/>
      <c r="AZ1849" s="85"/>
      <c r="BA1849" s="85"/>
      <c r="BB1849" s="85"/>
      <c r="BC1849" s="85"/>
      <c r="BD1849" s="85"/>
      <c r="BE1849" s="85"/>
      <c r="BF1849" s="85"/>
      <c r="BG1849" s="85"/>
      <c r="BH1849" s="85"/>
      <c r="BI1849" s="85"/>
      <c r="BJ1849" s="85"/>
      <c r="BK1849" s="85"/>
      <c r="BL1849" s="85"/>
      <c r="BM1849" s="85"/>
      <c r="BN1849" s="85"/>
      <c r="BO1849" s="85"/>
      <c r="BP1849" s="85"/>
      <c r="BQ1849" s="85"/>
      <c r="BR1849" s="85"/>
      <c r="BS1849" s="85"/>
      <c r="BT1849" s="85"/>
      <c r="BU1849" s="85"/>
      <c r="BV1849" s="85"/>
      <c r="BW1849" s="85"/>
      <c r="BX1849" s="85"/>
      <c r="BY1849" s="85"/>
      <c r="BZ1849" s="85"/>
      <c r="CA1849" s="85"/>
      <c r="CB1849" s="85"/>
      <c r="CC1849" s="85"/>
      <c r="CD1849" s="85"/>
      <c r="CE1849" s="85"/>
      <c r="CF1849" s="85"/>
      <c r="CG1849" s="85"/>
    </row>
    <row r="1850" spans="1:85" s="9" customFormat="1" x14ac:dyDescent="0.2">
      <c r="A1850" s="85"/>
      <c r="J1850" s="85"/>
      <c r="K1850" s="85"/>
      <c r="L1850" s="85"/>
      <c r="M1850" s="85"/>
      <c r="N1850" s="85"/>
      <c r="O1850" s="85"/>
      <c r="P1850" s="85"/>
      <c r="Q1850" s="85"/>
      <c r="R1850" s="85"/>
      <c r="S1850" s="85"/>
      <c r="T1850" s="85"/>
      <c r="U1850" s="85"/>
      <c r="V1850" s="85"/>
      <c r="W1850" s="85"/>
      <c r="X1850" s="85"/>
      <c r="Y1850" s="85"/>
      <c r="Z1850" s="85"/>
      <c r="AA1850" s="85"/>
      <c r="AB1850" s="85"/>
      <c r="AC1850" s="85"/>
      <c r="AD1850" s="85"/>
      <c r="AE1850" s="85"/>
      <c r="AF1850" s="85"/>
      <c r="AG1850" s="85"/>
      <c r="AH1850" s="85"/>
      <c r="AI1850" s="85"/>
      <c r="AJ1850" s="85"/>
      <c r="AK1850" s="85"/>
      <c r="AL1850" s="85"/>
      <c r="AM1850" s="85"/>
      <c r="AN1850" s="85"/>
      <c r="AO1850" s="85"/>
      <c r="AP1850" s="85"/>
      <c r="AQ1850" s="85"/>
      <c r="AR1850" s="85"/>
      <c r="AS1850" s="85"/>
      <c r="AT1850" s="85"/>
      <c r="AU1850" s="85"/>
      <c r="AV1850" s="85"/>
      <c r="AW1850" s="85"/>
      <c r="AX1850" s="85"/>
      <c r="AY1850" s="85"/>
      <c r="AZ1850" s="85"/>
      <c r="BA1850" s="85"/>
      <c r="BB1850" s="85"/>
      <c r="BC1850" s="85"/>
      <c r="BD1850" s="85"/>
      <c r="BE1850" s="85"/>
      <c r="BF1850" s="85"/>
      <c r="BG1850" s="85"/>
      <c r="BH1850" s="85"/>
      <c r="BI1850" s="85"/>
      <c r="BJ1850" s="85"/>
      <c r="BK1850" s="85"/>
      <c r="BL1850" s="85"/>
      <c r="BM1850" s="85"/>
      <c r="BN1850" s="85"/>
      <c r="BO1850" s="85"/>
      <c r="BP1850" s="85"/>
      <c r="BQ1850" s="85"/>
      <c r="BR1850" s="85"/>
      <c r="BS1850" s="85"/>
      <c r="BT1850" s="85"/>
      <c r="BU1850" s="85"/>
      <c r="BV1850" s="85"/>
      <c r="BW1850" s="85"/>
      <c r="BX1850" s="85"/>
      <c r="BY1850" s="85"/>
      <c r="BZ1850" s="85"/>
      <c r="CA1850" s="85"/>
      <c r="CB1850" s="85"/>
      <c r="CC1850" s="85"/>
      <c r="CD1850" s="85"/>
      <c r="CE1850" s="85"/>
      <c r="CF1850" s="85"/>
      <c r="CG1850" s="85"/>
    </row>
    <row r="1851" spans="1:85" s="9" customFormat="1" x14ac:dyDescent="0.2">
      <c r="A1851" s="85"/>
      <c r="J1851" s="85"/>
      <c r="K1851" s="85"/>
      <c r="L1851" s="85"/>
      <c r="M1851" s="85"/>
      <c r="N1851" s="85"/>
      <c r="O1851" s="85"/>
      <c r="P1851" s="85"/>
      <c r="Q1851" s="85"/>
      <c r="R1851" s="85"/>
      <c r="S1851" s="85"/>
      <c r="T1851" s="85"/>
      <c r="U1851" s="85"/>
      <c r="V1851" s="85"/>
      <c r="W1851" s="85"/>
      <c r="X1851" s="85"/>
      <c r="Y1851" s="85"/>
      <c r="Z1851" s="85"/>
      <c r="AA1851" s="85"/>
      <c r="AB1851" s="85"/>
      <c r="AC1851" s="85"/>
      <c r="AD1851" s="85"/>
      <c r="AE1851" s="85"/>
      <c r="AF1851" s="85"/>
      <c r="AG1851" s="85"/>
      <c r="AH1851" s="85"/>
      <c r="AI1851" s="85"/>
      <c r="AJ1851" s="85"/>
      <c r="AK1851" s="85"/>
      <c r="AL1851" s="85"/>
      <c r="AM1851" s="85"/>
      <c r="AN1851" s="85"/>
      <c r="AO1851" s="85"/>
      <c r="AP1851" s="85"/>
      <c r="AQ1851" s="85"/>
      <c r="AR1851" s="85"/>
      <c r="AS1851" s="85"/>
      <c r="AT1851" s="85"/>
      <c r="AU1851" s="85"/>
      <c r="AV1851" s="85"/>
      <c r="AW1851" s="85"/>
      <c r="AX1851" s="85"/>
      <c r="AY1851" s="85"/>
      <c r="AZ1851" s="85"/>
      <c r="BA1851" s="85"/>
      <c r="BB1851" s="85"/>
      <c r="BC1851" s="85"/>
      <c r="BD1851" s="85"/>
      <c r="BE1851" s="85"/>
      <c r="BF1851" s="85"/>
      <c r="BG1851" s="85"/>
      <c r="BH1851" s="85"/>
      <c r="BI1851" s="85"/>
      <c r="BJ1851" s="85"/>
      <c r="BK1851" s="85"/>
      <c r="BL1851" s="85"/>
      <c r="BM1851" s="85"/>
      <c r="BN1851" s="85"/>
      <c r="BO1851" s="85"/>
      <c r="BP1851" s="85"/>
      <c r="BQ1851" s="85"/>
      <c r="BR1851" s="85"/>
      <c r="BS1851" s="85"/>
      <c r="BT1851" s="85"/>
      <c r="BU1851" s="85"/>
      <c r="BV1851" s="85"/>
      <c r="BW1851" s="85"/>
      <c r="BX1851" s="85"/>
      <c r="BY1851" s="85"/>
      <c r="BZ1851" s="85"/>
      <c r="CA1851" s="85"/>
      <c r="CB1851" s="85"/>
      <c r="CC1851" s="85"/>
      <c r="CD1851" s="85"/>
      <c r="CE1851" s="85"/>
      <c r="CF1851" s="85"/>
      <c r="CG1851" s="85"/>
    </row>
    <row r="1852" spans="1:85" s="9" customFormat="1" x14ac:dyDescent="0.2">
      <c r="A1852" s="85"/>
      <c r="J1852" s="85"/>
      <c r="K1852" s="85"/>
      <c r="L1852" s="85"/>
      <c r="M1852" s="85"/>
      <c r="N1852" s="85"/>
      <c r="O1852" s="85"/>
      <c r="P1852" s="85"/>
      <c r="Q1852" s="85"/>
      <c r="R1852" s="85"/>
      <c r="S1852" s="85"/>
      <c r="T1852" s="85"/>
      <c r="U1852" s="85"/>
      <c r="V1852" s="85"/>
      <c r="W1852" s="85"/>
      <c r="X1852" s="85"/>
      <c r="Y1852" s="85"/>
      <c r="Z1852" s="85"/>
      <c r="AA1852" s="85"/>
      <c r="AB1852" s="85"/>
      <c r="AC1852" s="85"/>
      <c r="AD1852" s="85"/>
      <c r="AE1852" s="85"/>
      <c r="AF1852" s="85"/>
      <c r="AG1852" s="85"/>
      <c r="AH1852" s="85"/>
      <c r="AI1852" s="85"/>
      <c r="AJ1852" s="85"/>
      <c r="AK1852" s="85"/>
      <c r="AL1852" s="85"/>
      <c r="AM1852" s="85"/>
      <c r="AN1852" s="85"/>
      <c r="AO1852" s="85"/>
      <c r="AP1852" s="85"/>
      <c r="AQ1852" s="85"/>
      <c r="AR1852" s="85"/>
      <c r="AS1852" s="85"/>
      <c r="AT1852" s="85"/>
      <c r="AU1852" s="85"/>
      <c r="AV1852" s="85"/>
      <c r="AW1852" s="85"/>
      <c r="AX1852" s="85"/>
      <c r="AY1852" s="85"/>
      <c r="AZ1852" s="85"/>
      <c r="BA1852" s="85"/>
      <c r="BB1852" s="85"/>
      <c r="BC1852" s="85"/>
      <c r="BD1852" s="85"/>
      <c r="BE1852" s="85"/>
      <c r="BF1852" s="85"/>
      <c r="BG1852" s="85"/>
      <c r="BH1852" s="85"/>
      <c r="BI1852" s="85"/>
      <c r="BJ1852" s="85"/>
      <c r="BK1852" s="85"/>
      <c r="BL1852" s="85"/>
      <c r="BM1852" s="85"/>
      <c r="BN1852" s="85"/>
      <c r="BO1852" s="85"/>
      <c r="BP1852" s="85"/>
      <c r="BQ1852" s="85"/>
      <c r="BR1852" s="85"/>
      <c r="BS1852" s="85"/>
      <c r="BT1852" s="85"/>
      <c r="BU1852" s="85"/>
      <c r="BV1852" s="85"/>
      <c r="BW1852" s="85"/>
      <c r="BX1852" s="85"/>
      <c r="BY1852" s="85"/>
      <c r="BZ1852" s="85"/>
      <c r="CA1852" s="85"/>
      <c r="CB1852" s="85"/>
      <c r="CC1852" s="85"/>
      <c r="CD1852" s="85"/>
      <c r="CE1852" s="85"/>
      <c r="CF1852" s="85"/>
      <c r="CG1852" s="85"/>
    </row>
    <row r="1853" spans="1:85" s="9" customFormat="1" x14ac:dyDescent="0.2">
      <c r="A1853" s="85"/>
      <c r="J1853" s="85"/>
      <c r="K1853" s="85"/>
      <c r="L1853" s="85"/>
      <c r="M1853" s="85"/>
      <c r="N1853" s="85"/>
      <c r="O1853" s="85"/>
      <c r="P1853" s="85"/>
      <c r="Q1853" s="85"/>
      <c r="R1853" s="85"/>
      <c r="S1853" s="85"/>
      <c r="T1853" s="85"/>
      <c r="U1853" s="85"/>
      <c r="V1853" s="85"/>
      <c r="W1853" s="85"/>
      <c r="X1853" s="85"/>
      <c r="Y1853" s="85"/>
      <c r="Z1853" s="85"/>
      <c r="AA1853" s="85"/>
      <c r="AB1853" s="85"/>
      <c r="AC1853" s="85"/>
      <c r="AD1853" s="85"/>
      <c r="AE1853" s="85"/>
      <c r="AF1853" s="85"/>
      <c r="AG1853" s="85"/>
      <c r="AH1853" s="85"/>
      <c r="AI1853" s="85"/>
      <c r="AJ1853" s="85"/>
      <c r="AK1853" s="85"/>
      <c r="AL1853" s="85"/>
      <c r="AM1853" s="85"/>
      <c r="AN1853" s="85"/>
      <c r="AO1853" s="85"/>
      <c r="AP1853" s="85"/>
      <c r="AQ1853" s="85"/>
      <c r="AR1853" s="85"/>
      <c r="AS1853" s="85"/>
      <c r="AT1853" s="85"/>
      <c r="AU1853" s="85"/>
      <c r="AV1853" s="85"/>
      <c r="AW1853" s="85"/>
      <c r="AX1853" s="85"/>
      <c r="AY1853" s="85"/>
      <c r="AZ1853" s="85"/>
      <c r="BA1853" s="85"/>
      <c r="BB1853" s="85"/>
      <c r="BC1853" s="85"/>
      <c r="BD1853" s="85"/>
      <c r="BE1853" s="85"/>
      <c r="BF1853" s="85"/>
      <c r="BG1853" s="85"/>
      <c r="BH1853" s="85"/>
      <c r="BI1853" s="85"/>
      <c r="BJ1853" s="85"/>
      <c r="BK1853" s="85"/>
      <c r="BL1853" s="85"/>
      <c r="BM1853" s="85"/>
      <c r="BN1853" s="85"/>
      <c r="BO1853" s="85"/>
      <c r="BP1853" s="85"/>
      <c r="BQ1853" s="85"/>
      <c r="BR1853" s="85"/>
      <c r="BS1853" s="85"/>
      <c r="BT1853" s="85"/>
      <c r="BU1853" s="85"/>
      <c r="BV1853" s="85"/>
      <c r="BW1853" s="85"/>
      <c r="BX1853" s="85"/>
      <c r="BY1853" s="85"/>
      <c r="BZ1853" s="85"/>
      <c r="CA1853" s="85"/>
      <c r="CB1853" s="85"/>
      <c r="CC1853" s="85"/>
      <c r="CD1853" s="85"/>
      <c r="CE1853" s="85"/>
      <c r="CF1853" s="85"/>
      <c r="CG1853" s="85"/>
    </row>
    <row r="1854" spans="1:85" s="9" customFormat="1" x14ac:dyDescent="0.2">
      <c r="A1854" s="85"/>
      <c r="J1854" s="85"/>
      <c r="K1854" s="85"/>
      <c r="L1854" s="85"/>
      <c r="M1854" s="85"/>
      <c r="N1854" s="85"/>
      <c r="O1854" s="85"/>
      <c r="P1854" s="85"/>
      <c r="Q1854" s="85"/>
      <c r="R1854" s="85"/>
      <c r="S1854" s="85"/>
      <c r="T1854" s="85"/>
      <c r="U1854" s="85"/>
      <c r="V1854" s="85"/>
      <c r="W1854" s="85"/>
      <c r="X1854" s="85"/>
      <c r="Y1854" s="85"/>
      <c r="Z1854" s="85"/>
      <c r="AA1854" s="85"/>
      <c r="AB1854" s="85"/>
      <c r="AC1854" s="85"/>
      <c r="AD1854" s="85"/>
      <c r="AE1854" s="85"/>
      <c r="AF1854" s="85"/>
      <c r="AG1854" s="85"/>
      <c r="AH1854" s="85"/>
      <c r="AI1854" s="85"/>
      <c r="AJ1854" s="85"/>
      <c r="AK1854" s="85"/>
      <c r="AL1854" s="85"/>
      <c r="AM1854" s="85"/>
      <c r="AN1854" s="85"/>
      <c r="AO1854" s="85"/>
      <c r="AP1854" s="85"/>
      <c r="AQ1854" s="85"/>
      <c r="AR1854" s="85"/>
      <c r="AS1854" s="85"/>
      <c r="AT1854" s="85"/>
      <c r="AU1854" s="85"/>
      <c r="AV1854" s="85"/>
      <c r="AW1854" s="85"/>
      <c r="AX1854" s="85"/>
      <c r="AY1854" s="85"/>
      <c r="AZ1854" s="85"/>
      <c r="BA1854" s="85"/>
      <c r="BB1854" s="85"/>
      <c r="BC1854" s="85"/>
      <c r="BD1854" s="85"/>
      <c r="BE1854" s="85"/>
      <c r="BF1854" s="85"/>
      <c r="BG1854" s="85"/>
      <c r="BH1854" s="85"/>
      <c r="BI1854" s="85"/>
      <c r="BJ1854" s="85"/>
      <c r="BK1854" s="85"/>
      <c r="BL1854" s="85"/>
      <c r="BM1854" s="85"/>
      <c r="BN1854" s="85"/>
      <c r="BO1854" s="85"/>
      <c r="BP1854" s="85"/>
      <c r="BQ1854" s="85"/>
      <c r="BR1854" s="85"/>
      <c r="BS1854" s="85"/>
      <c r="BT1854" s="85"/>
      <c r="BU1854" s="85"/>
      <c r="BV1854" s="85"/>
      <c r="BW1854" s="85"/>
      <c r="BX1854" s="85"/>
      <c r="BY1854" s="85"/>
      <c r="BZ1854" s="85"/>
      <c r="CA1854" s="85"/>
      <c r="CB1854" s="85"/>
      <c r="CC1854" s="85"/>
      <c r="CD1854" s="85"/>
      <c r="CE1854" s="85"/>
      <c r="CF1854" s="85"/>
      <c r="CG1854" s="85"/>
    </row>
    <row r="1855" spans="1:85" s="9" customFormat="1" x14ac:dyDescent="0.2">
      <c r="A1855" s="85"/>
      <c r="J1855" s="85"/>
      <c r="K1855" s="85"/>
      <c r="L1855" s="85"/>
      <c r="M1855" s="85"/>
      <c r="N1855" s="85"/>
      <c r="O1855" s="85"/>
      <c r="P1855" s="85"/>
      <c r="Q1855" s="85"/>
      <c r="R1855" s="85"/>
      <c r="S1855" s="85"/>
      <c r="T1855" s="85"/>
      <c r="U1855" s="85"/>
      <c r="V1855" s="85"/>
      <c r="W1855" s="85"/>
      <c r="X1855" s="85"/>
      <c r="Y1855" s="85"/>
      <c r="Z1855" s="85"/>
      <c r="AA1855" s="85"/>
      <c r="AB1855" s="85"/>
      <c r="AC1855" s="85"/>
      <c r="AD1855" s="85"/>
      <c r="AE1855" s="85"/>
      <c r="AF1855" s="85"/>
      <c r="AG1855" s="85"/>
      <c r="AH1855" s="85"/>
      <c r="AI1855" s="85"/>
      <c r="AJ1855" s="85"/>
      <c r="AK1855" s="85"/>
      <c r="AL1855" s="85"/>
      <c r="AM1855" s="85"/>
      <c r="AN1855" s="85"/>
      <c r="AO1855" s="85"/>
      <c r="AP1855" s="85"/>
      <c r="AQ1855" s="85"/>
      <c r="AR1855" s="85"/>
      <c r="AS1855" s="85"/>
      <c r="AT1855" s="85"/>
      <c r="AU1855" s="85"/>
      <c r="AV1855" s="85"/>
      <c r="AW1855" s="85"/>
      <c r="AX1855" s="85"/>
      <c r="AY1855" s="85"/>
      <c r="AZ1855" s="85"/>
      <c r="BA1855" s="85"/>
      <c r="BB1855" s="85"/>
      <c r="BC1855" s="85"/>
      <c r="BD1855" s="85"/>
      <c r="BE1855" s="85"/>
      <c r="BF1855" s="85"/>
      <c r="BG1855" s="85"/>
      <c r="BH1855" s="85"/>
      <c r="BI1855" s="85"/>
      <c r="BJ1855" s="85"/>
      <c r="BK1855" s="85"/>
      <c r="BL1855" s="85"/>
      <c r="BM1855" s="85"/>
      <c r="BN1855" s="85"/>
      <c r="BO1855" s="85"/>
      <c r="BP1855" s="85"/>
      <c r="BQ1855" s="85"/>
      <c r="BR1855" s="85"/>
      <c r="BS1855" s="85"/>
      <c r="BT1855" s="85"/>
      <c r="BU1855" s="85"/>
      <c r="BV1855" s="85"/>
      <c r="BW1855" s="85"/>
      <c r="BX1855" s="85"/>
      <c r="BY1855" s="85"/>
      <c r="BZ1855" s="85"/>
      <c r="CA1855" s="85"/>
      <c r="CB1855" s="85"/>
      <c r="CC1855" s="85"/>
      <c r="CD1855" s="85"/>
      <c r="CE1855" s="85"/>
      <c r="CF1855" s="85"/>
      <c r="CG1855" s="85"/>
    </row>
    <row r="1856" spans="1:85" s="9" customFormat="1" x14ac:dyDescent="0.2">
      <c r="A1856" s="85"/>
      <c r="J1856" s="85"/>
      <c r="K1856" s="85"/>
      <c r="L1856" s="85"/>
      <c r="M1856" s="85"/>
      <c r="N1856" s="85"/>
      <c r="O1856" s="85"/>
      <c r="P1856" s="85"/>
      <c r="Q1856" s="85"/>
      <c r="R1856" s="85"/>
      <c r="S1856" s="85"/>
      <c r="T1856" s="85"/>
      <c r="U1856" s="85"/>
      <c r="V1856" s="85"/>
      <c r="W1856" s="85"/>
      <c r="X1856" s="85"/>
      <c r="Y1856" s="85"/>
      <c r="Z1856" s="85"/>
      <c r="AA1856" s="85"/>
      <c r="AB1856" s="85"/>
      <c r="AC1856" s="85"/>
      <c r="AD1856" s="85"/>
      <c r="AE1856" s="85"/>
      <c r="AF1856" s="85"/>
      <c r="AG1856" s="85"/>
      <c r="AH1856" s="85"/>
      <c r="AI1856" s="85"/>
      <c r="AJ1856" s="85"/>
      <c r="AK1856" s="85"/>
      <c r="AL1856" s="85"/>
      <c r="AM1856" s="85"/>
      <c r="AN1856" s="85"/>
      <c r="AO1856" s="85"/>
      <c r="AP1856" s="85"/>
      <c r="AQ1856" s="85"/>
      <c r="AR1856" s="85"/>
      <c r="AS1856" s="85"/>
      <c r="AT1856" s="85"/>
      <c r="AU1856" s="85"/>
      <c r="AV1856" s="85"/>
      <c r="AW1856" s="85"/>
      <c r="AX1856" s="85"/>
      <c r="AY1856" s="85"/>
      <c r="AZ1856" s="85"/>
      <c r="BA1856" s="85"/>
      <c r="BB1856" s="85"/>
      <c r="BC1856" s="85"/>
      <c r="BD1856" s="85"/>
      <c r="BE1856" s="85"/>
      <c r="BF1856" s="85"/>
      <c r="BG1856" s="85"/>
      <c r="BH1856" s="85"/>
      <c r="BI1856" s="85"/>
      <c r="BJ1856" s="85"/>
      <c r="BK1856" s="85"/>
      <c r="BL1856" s="85"/>
      <c r="BM1856" s="85"/>
      <c r="BN1856" s="85"/>
      <c r="BO1856" s="85"/>
      <c r="BP1856" s="85"/>
      <c r="BQ1856" s="85"/>
      <c r="BR1856" s="85"/>
      <c r="BS1856" s="85"/>
      <c r="BT1856" s="85"/>
      <c r="BU1856" s="85"/>
      <c r="BV1856" s="85"/>
      <c r="BW1856" s="85"/>
      <c r="BX1856" s="85"/>
      <c r="BY1856" s="85"/>
      <c r="BZ1856" s="85"/>
      <c r="CA1856" s="85"/>
      <c r="CB1856" s="85"/>
      <c r="CC1856" s="85"/>
      <c r="CD1856" s="85"/>
      <c r="CE1856" s="85"/>
      <c r="CF1856" s="85"/>
      <c r="CG1856" s="85"/>
    </row>
    <row r="1857" spans="1:85" s="9" customFormat="1" x14ac:dyDescent="0.2">
      <c r="A1857" s="85"/>
      <c r="J1857" s="85"/>
      <c r="K1857" s="85"/>
      <c r="L1857" s="85"/>
      <c r="M1857" s="85"/>
      <c r="N1857" s="85"/>
      <c r="O1857" s="85"/>
      <c r="P1857" s="85"/>
      <c r="Q1857" s="85"/>
      <c r="R1857" s="85"/>
      <c r="S1857" s="85"/>
      <c r="T1857" s="85"/>
      <c r="U1857" s="85"/>
      <c r="V1857" s="85"/>
      <c r="W1857" s="85"/>
      <c r="X1857" s="85"/>
      <c r="Y1857" s="85"/>
      <c r="Z1857" s="85"/>
      <c r="AA1857" s="85"/>
      <c r="AB1857" s="85"/>
      <c r="AC1857" s="85"/>
      <c r="AD1857" s="85"/>
      <c r="AE1857" s="85"/>
      <c r="AF1857" s="85"/>
      <c r="AG1857" s="85"/>
      <c r="AH1857" s="85"/>
      <c r="AI1857" s="85"/>
      <c r="AJ1857" s="85"/>
      <c r="AK1857" s="85"/>
      <c r="AL1857" s="85"/>
      <c r="AM1857" s="85"/>
      <c r="AN1857" s="85"/>
      <c r="AO1857" s="85"/>
      <c r="AP1857" s="85"/>
      <c r="AQ1857" s="85"/>
      <c r="AR1857" s="85"/>
      <c r="AS1857" s="85"/>
      <c r="AT1857" s="85"/>
      <c r="AU1857" s="85"/>
      <c r="AV1857" s="85"/>
      <c r="AW1857" s="85"/>
      <c r="AX1857" s="85"/>
      <c r="AY1857" s="85"/>
      <c r="AZ1857" s="85"/>
      <c r="BA1857" s="85"/>
      <c r="BB1857" s="85"/>
      <c r="BC1857" s="85"/>
      <c r="BD1857" s="85"/>
      <c r="BE1857" s="85"/>
      <c r="BF1857" s="85"/>
      <c r="BG1857" s="85"/>
      <c r="BH1857" s="85"/>
      <c r="BI1857" s="85"/>
      <c r="BJ1857" s="85"/>
      <c r="BK1857" s="85"/>
      <c r="BL1857" s="85"/>
      <c r="BM1857" s="85"/>
      <c r="BN1857" s="85"/>
      <c r="BO1857" s="85"/>
      <c r="BP1857" s="85"/>
      <c r="BQ1857" s="85"/>
      <c r="BR1857" s="85"/>
      <c r="BS1857" s="85"/>
      <c r="BT1857" s="85"/>
      <c r="BU1857" s="85"/>
      <c r="BV1857" s="85"/>
      <c r="BW1857" s="85"/>
      <c r="BX1857" s="85"/>
      <c r="BY1857" s="85"/>
      <c r="BZ1857" s="85"/>
      <c r="CA1857" s="85"/>
      <c r="CB1857" s="85"/>
      <c r="CC1857" s="85"/>
      <c r="CD1857" s="85"/>
      <c r="CE1857" s="85"/>
      <c r="CF1857" s="85"/>
      <c r="CG1857" s="85"/>
    </row>
    <row r="1858" spans="1:85" s="9" customFormat="1" x14ac:dyDescent="0.2">
      <c r="A1858" s="85"/>
      <c r="J1858" s="85"/>
      <c r="K1858" s="85"/>
      <c r="L1858" s="85"/>
      <c r="M1858" s="85"/>
      <c r="N1858" s="85"/>
      <c r="O1858" s="85"/>
      <c r="P1858" s="85"/>
      <c r="Q1858" s="85"/>
      <c r="R1858" s="85"/>
      <c r="S1858" s="85"/>
      <c r="T1858" s="85"/>
      <c r="U1858" s="85"/>
      <c r="V1858" s="85"/>
      <c r="W1858" s="85"/>
      <c r="X1858" s="85"/>
      <c r="Y1858" s="85"/>
      <c r="Z1858" s="85"/>
      <c r="AA1858" s="85"/>
      <c r="AB1858" s="85"/>
      <c r="AC1858" s="85"/>
      <c r="AD1858" s="85"/>
      <c r="AE1858" s="85"/>
      <c r="AF1858" s="85"/>
      <c r="AG1858" s="85"/>
      <c r="AH1858" s="85"/>
      <c r="AI1858" s="85"/>
      <c r="AJ1858" s="85"/>
      <c r="AK1858" s="85"/>
      <c r="AL1858" s="85"/>
      <c r="AM1858" s="85"/>
      <c r="AN1858" s="85"/>
      <c r="AO1858" s="85"/>
      <c r="AP1858" s="85"/>
      <c r="AQ1858" s="85"/>
      <c r="AR1858" s="85"/>
      <c r="AS1858" s="85"/>
      <c r="AT1858" s="85"/>
      <c r="AU1858" s="85"/>
      <c r="AV1858" s="85"/>
      <c r="AW1858" s="85"/>
      <c r="AX1858" s="85"/>
      <c r="AY1858" s="85"/>
      <c r="AZ1858" s="85"/>
      <c r="BA1858" s="85"/>
      <c r="BB1858" s="85"/>
      <c r="BC1858" s="85"/>
      <c r="BD1858" s="85"/>
      <c r="BE1858" s="85"/>
      <c r="BF1858" s="85"/>
      <c r="BG1858" s="85"/>
      <c r="BH1858" s="85"/>
      <c r="BI1858" s="85"/>
      <c r="BJ1858" s="85"/>
      <c r="BK1858" s="85"/>
      <c r="BL1858" s="85"/>
      <c r="BM1858" s="85"/>
      <c r="BN1858" s="85"/>
      <c r="BO1858" s="85"/>
      <c r="BP1858" s="85"/>
      <c r="BQ1858" s="85"/>
      <c r="BR1858" s="85"/>
      <c r="BS1858" s="85"/>
      <c r="BT1858" s="85"/>
      <c r="BU1858" s="85"/>
      <c r="BV1858" s="85"/>
      <c r="BW1858" s="85"/>
      <c r="BX1858" s="85"/>
      <c r="BY1858" s="85"/>
      <c r="BZ1858" s="85"/>
      <c r="CA1858" s="85"/>
      <c r="CB1858" s="85"/>
      <c r="CC1858" s="85"/>
      <c r="CD1858" s="85"/>
      <c r="CE1858" s="85"/>
      <c r="CF1858" s="85"/>
      <c r="CG1858" s="85"/>
    </row>
    <row r="1859" spans="1:85" s="9" customFormat="1" x14ac:dyDescent="0.2">
      <c r="A1859" s="85"/>
      <c r="J1859" s="85"/>
      <c r="K1859" s="85"/>
      <c r="L1859" s="85"/>
      <c r="M1859" s="85"/>
      <c r="N1859" s="85"/>
      <c r="O1859" s="85"/>
      <c r="P1859" s="85"/>
      <c r="Q1859" s="85"/>
      <c r="R1859" s="85"/>
      <c r="S1859" s="85"/>
      <c r="T1859" s="85"/>
      <c r="U1859" s="85"/>
      <c r="V1859" s="85"/>
      <c r="W1859" s="85"/>
      <c r="X1859" s="85"/>
      <c r="Y1859" s="85"/>
      <c r="Z1859" s="85"/>
      <c r="AA1859" s="85"/>
      <c r="AB1859" s="85"/>
      <c r="AC1859" s="85"/>
      <c r="AD1859" s="85"/>
      <c r="AE1859" s="85"/>
      <c r="AF1859" s="85"/>
      <c r="AG1859" s="85"/>
      <c r="AH1859" s="85"/>
      <c r="AI1859" s="85"/>
      <c r="AJ1859" s="85"/>
      <c r="AK1859" s="85"/>
      <c r="AL1859" s="85"/>
      <c r="AM1859" s="85"/>
      <c r="AN1859" s="85"/>
      <c r="AO1859" s="85"/>
      <c r="AP1859" s="85"/>
      <c r="AQ1859" s="85"/>
      <c r="AR1859" s="85"/>
      <c r="AS1859" s="85"/>
      <c r="AT1859" s="85"/>
      <c r="AU1859" s="85"/>
      <c r="AV1859" s="85"/>
      <c r="AW1859" s="85"/>
      <c r="AX1859" s="85"/>
      <c r="AY1859" s="85"/>
      <c r="AZ1859" s="85"/>
      <c r="BA1859" s="85"/>
      <c r="BB1859" s="85"/>
      <c r="BC1859" s="85"/>
      <c r="BD1859" s="85"/>
      <c r="BE1859" s="85"/>
      <c r="BF1859" s="85"/>
      <c r="BG1859" s="85"/>
      <c r="BH1859" s="85"/>
      <c r="BI1859" s="85"/>
      <c r="BJ1859" s="85"/>
      <c r="BK1859" s="85"/>
      <c r="BL1859" s="85"/>
      <c r="BM1859" s="85"/>
      <c r="BN1859" s="85"/>
      <c r="BO1859" s="85"/>
      <c r="BP1859" s="85"/>
      <c r="BQ1859" s="85"/>
      <c r="BR1859" s="85"/>
      <c r="BS1859" s="85"/>
      <c r="BT1859" s="85"/>
      <c r="BU1859" s="85"/>
      <c r="BV1859" s="85"/>
      <c r="BW1859" s="85"/>
      <c r="BX1859" s="85"/>
      <c r="BY1859" s="85"/>
      <c r="BZ1859" s="85"/>
      <c r="CA1859" s="85"/>
      <c r="CB1859" s="85"/>
      <c r="CC1859" s="85"/>
      <c r="CD1859" s="85"/>
      <c r="CE1859" s="85"/>
      <c r="CF1859" s="85"/>
      <c r="CG1859" s="85"/>
    </row>
    <row r="1860" spans="1:85" s="9" customFormat="1" x14ac:dyDescent="0.2">
      <c r="A1860" s="85"/>
      <c r="J1860" s="85"/>
      <c r="K1860" s="85"/>
      <c r="L1860" s="85"/>
      <c r="M1860" s="85"/>
      <c r="N1860" s="85"/>
      <c r="O1860" s="85"/>
      <c r="P1860" s="85"/>
      <c r="Q1860" s="85"/>
      <c r="R1860" s="85"/>
      <c r="S1860" s="85"/>
      <c r="T1860" s="85"/>
      <c r="U1860" s="85"/>
      <c r="V1860" s="85"/>
      <c r="W1860" s="85"/>
      <c r="X1860" s="85"/>
      <c r="Y1860" s="85"/>
      <c r="Z1860" s="85"/>
      <c r="AA1860" s="85"/>
      <c r="AB1860" s="85"/>
      <c r="AC1860" s="85"/>
      <c r="AD1860" s="85"/>
      <c r="AE1860" s="85"/>
      <c r="AF1860" s="85"/>
      <c r="AG1860" s="85"/>
      <c r="AH1860" s="85"/>
      <c r="AI1860" s="85"/>
      <c r="AJ1860" s="85"/>
      <c r="AK1860" s="85"/>
      <c r="AL1860" s="85"/>
      <c r="AM1860" s="85"/>
      <c r="AN1860" s="85"/>
      <c r="AO1860" s="85"/>
      <c r="AP1860" s="85"/>
      <c r="AQ1860" s="85"/>
      <c r="AR1860" s="85"/>
      <c r="AS1860" s="85"/>
      <c r="AT1860" s="85"/>
      <c r="AU1860" s="85"/>
      <c r="AV1860" s="85"/>
      <c r="AW1860" s="85"/>
      <c r="AX1860" s="85"/>
      <c r="AY1860" s="85"/>
      <c r="AZ1860" s="85"/>
      <c r="BA1860" s="85"/>
      <c r="BB1860" s="85"/>
      <c r="BC1860" s="85"/>
      <c r="BD1860" s="85"/>
      <c r="BE1860" s="85"/>
      <c r="BF1860" s="85"/>
      <c r="BG1860" s="85"/>
      <c r="BH1860" s="85"/>
      <c r="BI1860" s="85"/>
      <c r="BJ1860" s="85"/>
      <c r="BK1860" s="85"/>
      <c r="BL1860" s="85"/>
      <c r="BM1860" s="85"/>
      <c r="BN1860" s="85"/>
      <c r="BO1860" s="85"/>
      <c r="BP1860" s="85"/>
      <c r="BQ1860" s="85"/>
      <c r="BR1860" s="85"/>
      <c r="BS1860" s="85"/>
      <c r="BT1860" s="85"/>
      <c r="BU1860" s="85"/>
      <c r="BV1860" s="85"/>
      <c r="BW1860" s="85"/>
      <c r="BX1860" s="85"/>
      <c r="BY1860" s="85"/>
      <c r="BZ1860" s="85"/>
      <c r="CA1860" s="85"/>
      <c r="CB1860" s="85"/>
      <c r="CC1860" s="85"/>
      <c r="CD1860" s="85"/>
      <c r="CE1860" s="85"/>
      <c r="CF1860" s="85"/>
      <c r="CG1860" s="85"/>
    </row>
    <row r="1861" spans="1:85" s="9" customFormat="1" x14ac:dyDescent="0.2">
      <c r="A1861" s="85"/>
      <c r="J1861" s="85"/>
      <c r="K1861" s="85"/>
      <c r="L1861" s="85"/>
      <c r="M1861" s="85"/>
      <c r="N1861" s="85"/>
      <c r="O1861" s="85"/>
      <c r="P1861" s="85"/>
      <c r="Q1861" s="85"/>
      <c r="R1861" s="85"/>
      <c r="S1861" s="85"/>
      <c r="T1861" s="85"/>
      <c r="U1861" s="85"/>
      <c r="V1861" s="85"/>
      <c r="W1861" s="85"/>
      <c r="X1861" s="85"/>
      <c r="Y1861" s="85"/>
      <c r="Z1861" s="85"/>
      <c r="AA1861" s="85"/>
      <c r="AB1861" s="85"/>
      <c r="AC1861" s="85"/>
      <c r="AD1861" s="85"/>
      <c r="AE1861" s="85"/>
      <c r="AF1861" s="85"/>
      <c r="AG1861" s="85"/>
      <c r="AH1861" s="85"/>
      <c r="AI1861" s="85"/>
      <c r="AJ1861" s="85"/>
      <c r="AK1861" s="85"/>
      <c r="AL1861" s="85"/>
      <c r="AM1861" s="85"/>
      <c r="AN1861" s="85"/>
      <c r="AO1861" s="85"/>
      <c r="AP1861" s="85"/>
      <c r="AQ1861" s="85"/>
      <c r="AR1861" s="85"/>
      <c r="AS1861" s="85"/>
      <c r="AT1861" s="85"/>
      <c r="AU1861" s="85"/>
      <c r="AV1861" s="85"/>
      <c r="AW1861" s="85"/>
      <c r="AX1861" s="85"/>
      <c r="AY1861" s="85"/>
      <c r="AZ1861" s="85"/>
      <c r="BA1861" s="85"/>
      <c r="BB1861" s="85"/>
      <c r="BC1861" s="85"/>
      <c r="BD1861" s="85"/>
      <c r="BE1861" s="85"/>
      <c r="BF1861" s="85"/>
      <c r="BG1861" s="85"/>
      <c r="BH1861" s="85"/>
      <c r="BI1861" s="85"/>
      <c r="BJ1861" s="85"/>
      <c r="BK1861" s="85"/>
      <c r="BL1861" s="85"/>
      <c r="BM1861" s="85"/>
      <c r="BN1861" s="85"/>
      <c r="BO1861" s="85"/>
      <c r="BP1861" s="85"/>
      <c r="BQ1861" s="85"/>
      <c r="BR1861" s="85"/>
      <c r="BS1861" s="85"/>
      <c r="BT1861" s="85"/>
      <c r="BU1861" s="85"/>
      <c r="BV1861" s="85"/>
      <c r="BW1861" s="85"/>
      <c r="BX1861" s="85"/>
      <c r="BY1861" s="85"/>
      <c r="BZ1861" s="85"/>
      <c r="CA1861" s="85"/>
      <c r="CB1861" s="85"/>
      <c r="CC1861" s="85"/>
      <c r="CD1861" s="85"/>
      <c r="CE1861" s="85"/>
      <c r="CF1861" s="85"/>
      <c r="CG1861" s="85"/>
    </row>
    <row r="1862" spans="1:85" s="9" customFormat="1" x14ac:dyDescent="0.2">
      <c r="A1862" s="85"/>
      <c r="J1862" s="85"/>
      <c r="K1862" s="85"/>
      <c r="L1862" s="85"/>
      <c r="M1862" s="85"/>
      <c r="N1862" s="85"/>
      <c r="O1862" s="85"/>
      <c r="P1862" s="85"/>
      <c r="Q1862" s="85"/>
      <c r="R1862" s="85"/>
      <c r="S1862" s="85"/>
      <c r="T1862" s="85"/>
      <c r="U1862" s="85"/>
      <c r="V1862" s="85"/>
      <c r="W1862" s="85"/>
      <c r="X1862" s="85"/>
      <c r="Y1862" s="85"/>
      <c r="Z1862" s="85"/>
      <c r="AA1862" s="85"/>
      <c r="AB1862" s="85"/>
      <c r="AC1862" s="85"/>
      <c r="AD1862" s="85"/>
      <c r="AE1862" s="85"/>
      <c r="AF1862" s="85"/>
      <c r="AG1862" s="85"/>
      <c r="AH1862" s="85"/>
      <c r="AI1862" s="85"/>
      <c r="AJ1862" s="85"/>
      <c r="AK1862" s="85"/>
      <c r="AL1862" s="85"/>
      <c r="AM1862" s="85"/>
      <c r="AN1862" s="85"/>
      <c r="AO1862" s="85"/>
      <c r="AP1862" s="85"/>
      <c r="AQ1862" s="85"/>
      <c r="AR1862" s="85"/>
      <c r="AS1862" s="85"/>
      <c r="AT1862" s="85"/>
      <c r="AU1862" s="85"/>
      <c r="AV1862" s="85"/>
      <c r="AW1862" s="85"/>
      <c r="AX1862" s="85"/>
      <c r="AY1862" s="85"/>
      <c r="AZ1862" s="85"/>
      <c r="BA1862" s="85"/>
      <c r="BB1862" s="85"/>
      <c r="BC1862" s="85"/>
      <c r="BD1862" s="85"/>
      <c r="BE1862" s="85"/>
      <c r="BF1862" s="85"/>
      <c r="BG1862" s="85"/>
      <c r="BH1862" s="85"/>
      <c r="BI1862" s="85"/>
      <c r="BJ1862" s="85"/>
      <c r="BK1862" s="85"/>
      <c r="BL1862" s="85"/>
      <c r="BM1862" s="85"/>
      <c r="BN1862" s="85"/>
      <c r="BO1862" s="85"/>
      <c r="BP1862" s="85"/>
      <c r="BQ1862" s="85"/>
      <c r="BR1862" s="85"/>
      <c r="BS1862" s="85"/>
      <c r="BT1862" s="85"/>
      <c r="BU1862" s="85"/>
      <c r="BV1862" s="85"/>
      <c r="BW1862" s="85"/>
      <c r="BX1862" s="85"/>
      <c r="BY1862" s="85"/>
      <c r="BZ1862" s="85"/>
      <c r="CA1862" s="85"/>
      <c r="CB1862" s="85"/>
      <c r="CC1862" s="85"/>
      <c r="CD1862" s="85"/>
      <c r="CE1862" s="85"/>
      <c r="CF1862" s="85"/>
      <c r="CG1862" s="85"/>
    </row>
    <row r="1863" spans="1:85" s="9" customFormat="1" x14ac:dyDescent="0.2">
      <c r="A1863" s="85"/>
      <c r="J1863" s="85"/>
      <c r="K1863" s="85"/>
      <c r="L1863" s="85"/>
      <c r="M1863" s="85"/>
      <c r="N1863" s="85"/>
      <c r="O1863" s="85"/>
      <c r="P1863" s="85"/>
      <c r="Q1863" s="85"/>
      <c r="R1863" s="85"/>
      <c r="S1863" s="85"/>
      <c r="T1863" s="85"/>
      <c r="U1863" s="85"/>
      <c r="V1863" s="85"/>
      <c r="W1863" s="85"/>
      <c r="X1863" s="85"/>
      <c r="Y1863" s="85"/>
      <c r="Z1863" s="85"/>
      <c r="AA1863" s="85"/>
      <c r="AB1863" s="85"/>
      <c r="AC1863" s="85"/>
      <c r="AD1863" s="85"/>
      <c r="AE1863" s="85"/>
      <c r="AF1863" s="85"/>
      <c r="AG1863" s="85"/>
      <c r="AH1863" s="85"/>
      <c r="AI1863" s="85"/>
      <c r="AJ1863" s="85"/>
      <c r="AK1863" s="85"/>
      <c r="AL1863" s="85"/>
      <c r="AM1863" s="85"/>
      <c r="AN1863" s="85"/>
      <c r="AO1863" s="85"/>
      <c r="AP1863" s="85"/>
      <c r="AQ1863" s="85"/>
      <c r="AR1863" s="85"/>
      <c r="AS1863" s="85"/>
      <c r="AT1863" s="85"/>
      <c r="AU1863" s="85"/>
      <c r="AV1863" s="85"/>
      <c r="AW1863" s="85"/>
      <c r="AX1863" s="85"/>
      <c r="AY1863" s="85"/>
      <c r="AZ1863" s="85"/>
      <c r="BA1863" s="85"/>
      <c r="BB1863" s="85"/>
      <c r="BC1863" s="85"/>
      <c r="BD1863" s="85"/>
      <c r="BE1863" s="85"/>
      <c r="BF1863" s="85"/>
      <c r="BG1863" s="85"/>
      <c r="BH1863" s="85"/>
      <c r="BI1863" s="85"/>
      <c r="BJ1863" s="85"/>
      <c r="BK1863" s="85"/>
      <c r="BL1863" s="85"/>
      <c r="BM1863" s="85"/>
      <c r="BN1863" s="85"/>
      <c r="BO1863" s="85"/>
      <c r="BP1863" s="85"/>
      <c r="BQ1863" s="85"/>
      <c r="BR1863" s="85"/>
      <c r="BS1863" s="85"/>
      <c r="BT1863" s="85"/>
      <c r="BU1863" s="85"/>
      <c r="BV1863" s="85"/>
      <c r="BW1863" s="85"/>
      <c r="BX1863" s="85"/>
      <c r="BY1863" s="85"/>
      <c r="BZ1863" s="85"/>
      <c r="CA1863" s="85"/>
      <c r="CB1863" s="85"/>
      <c r="CC1863" s="85"/>
      <c r="CD1863" s="85"/>
      <c r="CE1863" s="85"/>
      <c r="CF1863" s="85"/>
      <c r="CG1863" s="85"/>
    </row>
    <row r="1864" spans="1:85" s="9" customFormat="1" x14ac:dyDescent="0.2">
      <c r="A1864" s="85"/>
      <c r="J1864" s="85"/>
      <c r="K1864" s="85"/>
      <c r="L1864" s="85"/>
      <c r="M1864" s="85"/>
      <c r="N1864" s="85"/>
      <c r="O1864" s="85"/>
      <c r="P1864" s="85"/>
      <c r="Q1864" s="85"/>
      <c r="R1864" s="85"/>
      <c r="S1864" s="85"/>
      <c r="T1864" s="85"/>
      <c r="U1864" s="85"/>
      <c r="V1864" s="85"/>
      <c r="W1864" s="85"/>
      <c r="X1864" s="85"/>
      <c r="Y1864" s="85"/>
      <c r="Z1864" s="85"/>
      <c r="AA1864" s="85"/>
      <c r="AB1864" s="85"/>
      <c r="AC1864" s="85"/>
      <c r="AD1864" s="85"/>
      <c r="AE1864" s="85"/>
      <c r="AF1864" s="85"/>
      <c r="AG1864" s="85"/>
      <c r="AH1864" s="85"/>
      <c r="AI1864" s="85"/>
      <c r="AJ1864" s="85"/>
      <c r="AK1864" s="85"/>
      <c r="AL1864" s="85"/>
      <c r="AM1864" s="85"/>
      <c r="AN1864" s="85"/>
      <c r="AO1864" s="85"/>
      <c r="AP1864" s="85"/>
      <c r="AQ1864" s="85"/>
      <c r="AR1864" s="85"/>
      <c r="AS1864" s="85"/>
      <c r="AT1864" s="85"/>
      <c r="AU1864" s="85"/>
      <c r="AV1864" s="85"/>
      <c r="AW1864" s="85"/>
      <c r="AX1864" s="85"/>
      <c r="AY1864" s="85"/>
      <c r="AZ1864" s="85"/>
      <c r="BA1864" s="85"/>
      <c r="BB1864" s="85"/>
      <c r="BC1864" s="85"/>
      <c r="BD1864" s="85"/>
      <c r="BE1864" s="85"/>
      <c r="BF1864" s="85"/>
      <c r="BG1864" s="85"/>
      <c r="BH1864" s="85"/>
      <c r="BI1864" s="85"/>
      <c r="BJ1864" s="85"/>
      <c r="BK1864" s="85"/>
      <c r="BL1864" s="85"/>
      <c r="BM1864" s="85"/>
      <c r="BN1864" s="85"/>
      <c r="BO1864" s="85"/>
      <c r="BP1864" s="85"/>
      <c r="BQ1864" s="85"/>
      <c r="BR1864" s="85"/>
      <c r="BS1864" s="85"/>
      <c r="BT1864" s="85"/>
      <c r="BU1864" s="85"/>
      <c r="BV1864" s="85"/>
      <c r="BW1864" s="85"/>
      <c r="BX1864" s="85"/>
      <c r="BY1864" s="85"/>
      <c r="BZ1864" s="85"/>
      <c r="CA1864" s="85"/>
      <c r="CB1864" s="85"/>
      <c r="CC1864" s="85"/>
      <c r="CD1864" s="85"/>
      <c r="CE1864" s="85"/>
      <c r="CF1864" s="85"/>
      <c r="CG1864" s="85"/>
    </row>
    <row r="1865" spans="1:85" s="9" customFormat="1" x14ac:dyDescent="0.2">
      <c r="A1865" s="85"/>
      <c r="J1865" s="85"/>
      <c r="K1865" s="85"/>
      <c r="L1865" s="85"/>
      <c r="M1865" s="85"/>
      <c r="N1865" s="85"/>
      <c r="O1865" s="85"/>
      <c r="P1865" s="85"/>
      <c r="Q1865" s="85"/>
      <c r="R1865" s="85"/>
      <c r="S1865" s="85"/>
      <c r="T1865" s="85"/>
      <c r="U1865" s="85"/>
      <c r="V1865" s="85"/>
      <c r="W1865" s="85"/>
      <c r="X1865" s="85"/>
      <c r="Y1865" s="85"/>
      <c r="Z1865" s="85"/>
      <c r="AA1865" s="85"/>
      <c r="AB1865" s="85"/>
      <c r="AC1865" s="85"/>
      <c r="AD1865" s="85"/>
      <c r="AE1865" s="85"/>
      <c r="AF1865" s="85"/>
      <c r="AG1865" s="85"/>
      <c r="AH1865" s="85"/>
      <c r="AI1865" s="85"/>
      <c r="AJ1865" s="85"/>
      <c r="AK1865" s="85"/>
      <c r="AL1865" s="85"/>
      <c r="AM1865" s="85"/>
      <c r="AN1865" s="85"/>
      <c r="AO1865" s="85"/>
      <c r="AP1865" s="85"/>
      <c r="AQ1865" s="85"/>
      <c r="AR1865" s="85"/>
      <c r="AS1865" s="85"/>
      <c r="AT1865" s="85"/>
      <c r="AU1865" s="85"/>
      <c r="AV1865" s="85"/>
      <c r="AW1865" s="85"/>
      <c r="AX1865" s="85"/>
      <c r="AY1865" s="85"/>
      <c r="AZ1865" s="85"/>
      <c r="BA1865" s="85"/>
      <c r="BB1865" s="85"/>
      <c r="BC1865" s="85"/>
      <c r="BD1865" s="85"/>
      <c r="BE1865" s="85"/>
      <c r="BF1865" s="85"/>
      <c r="BG1865" s="85"/>
      <c r="BH1865" s="85"/>
      <c r="BI1865" s="85"/>
      <c r="BJ1865" s="85"/>
      <c r="BK1865" s="85"/>
      <c r="BL1865" s="85"/>
      <c r="BM1865" s="85"/>
      <c r="BN1865" s="85"/>
      <c r="BO1865" s="85"/>
      <c r="BP1865" s="85"/>
      <c r="BQ1865" s="85"/>
      <c r="BR1865" s="85"/>
      <c r="BS1865" s="85"/>
      <c r="BT1865" s="85"/>
      <c r="BU1865" s="85"/>
      <c r="BV1865" s="85"/>
      <c r="BW1865" s="85"/>
      <c r="BX1865" s="85"/>
      <c r="BY1865" s="85"/>
      <c r="BZ1865" s="85"/>
      <c r="CA1865" s="85"/>
      <c r="CB1865" s="85"/>
      <c r="CC1865" s="85"/>
      <c r="CD1865" s="85"/>
      <c r="CE1865" s="85"/>
      <c r="CF1865" s="85"/>
      <c r="CG1865" s="85"/>
    </row>
    <row r="1866" spans="1:85" s="9" customFormat="1" x14ac:dyDescent="0.2">
      <c r="A1866" s="85"/>
      <c r="J1866" s="85"/>
      <c r="K1866" s="85"/>
      <c r="L1866" s="85"/>
      <c r="M1866" s="85"/>
      <c r="N1866" s="85"/>
      <c r="O1866" s="85"/>
      <c r="P1866" s="85"/>
      <c r="Q1866" s="85"/>
      <c r="R1866" s="85"/>
      <c r="S1866" s="85"/>
      <c r="T1866" s="85"/>
      <c r="U1866" s="85"/>
      <c r="V1866" s="85"/>
      <c r="W1866" s="85"/>
      <c r="X1866" s="85"/>
      <c r="Y1866" s="85"/>
      <c r="Z1866" s="85"/>
      <c r="AA1866" s="85"/>
      <c r="AB1866" s="85"/>
      <c r="AC1866" s="85"/>
      <c r="AD1866" s="85"/>
      <c r="AE1866" s="85"/>
      <c r="AF1866" s="85"/>
      <c r="AG1866" s="85"/>
      <c r="AH1866" s="85"/>
      <c r="AI1866" s="85"/>
      <c r="AJ1866" s="85"/>
      <c r="AK1866" s="85"/>
      <c r="AL1866" s="85"/>
      <c r="AM1866" s="85"/>
      <c r="AN1866" s="85"/>
      <c r="AO1866" s="85"/>
      <c r="AP1866" s="85"/>
      <c r="AQ1866" s="85"/>
      <c r="AR1866" s="85"/>
      <c r="AS1866" s="85"/>
      <c r="AT1866" s="85"/>
      <c r="AU1866" s="85"/>
      <c r="AV1866" s="85"/>
      <c r="AW1866" s="85"/>
      <c r="AX1866" s="85"/>
      <c r="AY1866" s="85"/>
      <c r="AZ1866" s="85"/>
      <c r="BA1866" s="85"/>
      <c r="BB1866" s="85"/>
      <c r="BC1866" s="85"/>
      <c r="BD1866" s="85"/>
      <c r="BE1866" s="85"/>
      <c r="BF1866" s="85"/>
      <c r="BG1866" s="85"/>
      <c r="BH1866" s="85"/>
      <c r="BI1866" s="85"/>
      <c r="BJ1866" s="85"/>
      <c r="BK1866" s="85"/>
      <c r="BL1866" s="85"/>
      <c r="BM1866" s="85"/>
      <c r="BN1866" s="85"/>
      <c r="BO1866" s="85"/>
      <c r="BP1866" s="85"/>
      <c r="BQ1866" s="85"/>
      <c r="BR1866" s="85"/>
      <c r="BS1866" s="85"/>
      <c r="BT1866" s="85"/>
      <c r="BU1866" s="85"/>
      <c r="BV1866" s="85"/>
      <c r="BW1866" s="85"/>
      <c r="BX1866" s="85"/>
      <c r="BY1866" s="85"/>
      <c r="BZ1866" s="85"/>
      <c r="CA1866" s="85"/>
      <c r="CB1866" s="85"/>
      <c r="CC1866" s="85"/>
      <c r="CD1866" s="85"/>
      <c r="CE1866" s="85"/>
      <c r="CF1866" s="85"/>
      <c r="CG1866" s="85"/>
    </row>
    <row r="1867" spans="1:85" s="9" customFormat="1" x14ac:dyDescent="0.2">
      <c r="A1867" s="85"/>
      <c r="J1867" s="85"/>
      <c r="K1867" s="85"/>
      <c r="L1867" s="85"/>
      <c r="M1867" s="85"/>
      <c r="N1867" s="85"/>
      <c r="O1867" s="85"/>
      <c r="P1867" s="85"/>
      <c r="Q1867" s="85"/>
      <c r="R1867" s="85"/>
      <c r="S1867" s="85"/>
      <c r="T1867" s="85"/>
      <c r="U1867" s="85"/>
      <c r="V1867" s="85"/>
      <c r="W1867" s="85"/>
      <c r="X1867" s="85"/>
      <c r="Y1867" s="85"/>
      <c r="Z1867" s="85"/>
      <c r="AA1867" s="85"/>
      <c r="AB1867" s="85"/>
      <c r="AC1867" s="85"/>
      <c r="AD1867" s="85"/>
      <c r="AE1867" s="85"/>
      <c r="AF1867" s="85"/>
      <c r="AG1867" s="85"/>
      <c r="AH1867" s="85"/>
      <c r="AI1867" s="85"/>
      <c r="AJ1867" s="85"/>
      <c r="AK1867" s="85"/>
      <c r="AL1867" s="85"/>
      <c r="AM1867" s="85"/>
      <c r="AN1867" s="85"/>
      <c r="AO1867" s="85"/>
      <c r="AP1867" s="85"/>
      <c r="AQ1867" s="85"/>
      <c r="AR1867" s="85"/>
      <c r="AS1867" s="85"/>
      <c r="AT1867" s="85"/>
      <c r="AU1867" s="85"/>
      <c r="AV1867" s="85"/>
      <c r="AW1867" s="85"/>
      <c r="AX1867" s="85"/>
      <c r="AY1867" s="85"/>
      <c r="AZ1867" s="85"/>
      <c r="BA1867" s="85"/>
      <c r="BB1867" s="85"/>
      <c r="BC1867" s="85"/>
      <c r="BD1867" s="85"/>
      <c r="BE1867" s="85"/>
      <c r="BF1867" s="85"/>
      <c r="BG1867" s="85"/>
      <c r="BH1867" s="85"/>
      <c r="BI1867" s="85"/>
      <c r="BJ1867" s="85"/>
      <c r="BK1867" s="85"/>
      <c r="BL1867" s="85"/>
      <c r="BM1867" s="85"/>
      <c r="BN1867" s="85"/>
      <c r="BO1867" s="85"/>
      <c r="BP1867" s="85"/>
      <c r="BQ1867" s="85"/>
      <c r="BR1867" s="85"/>
      <c r="BS1867" s="85"/>
      <c r="BT1867" s="85"/>
      <c r="BU1867" s="85"/>
      <c r="BV1867" s="85"/>
      <c r="BW1867" s="85"/>
      <c r="BX1867" s="85"/>
      <c r="BY1867" s="85"/>
      <c r="BZ1867" s="85"/>
      <c r="CA1867" s="85"/>
      <c r="CB1867" s="85"/>
      <c r="CC1867" s="85"/>
      <c r="CD1867" s="85"/>
      <c r="CE1867" s="85"/>
      <c r="CF1867" s="85"/>
      <c r="CG1867" s="85"/>
    </row>
    <row r="1868" spans="1:85" s="9" customFormat="1" x14ac:dyDescent="0.2">
      <c r="A1868" s="85"/>
      <c r="J1868" s="85"/>
      <c r="K1868" s="85"/>
      <c r="L1868" s="85"/>
      <c r="M1868" s="85"/>
      <c r="N1868" s="85"/>
      <c r="O1868" s="85"/>
      <c r="P1868" s="85"/>
      <c r="Q1868" s="85"/>
      <c r="R1868" s="85"/>
      <c r="S1868" s="85"/>
      <c r="T1868" s="85"/>
      <c r="U1868" s="85"/>
      <c r="V1868" s="85"/>
      <c r="W1868" s="85"/>
      <c r="X1868" s="85"/>
      <c r="Y1868" s="85"/>
      <c r="Z1868" s="85"/>
      <c r="AA1868" s="85"/>
      <c r="AB1868" s="85"/>
      <c r="AC1868" s="85"/>
      <c r="AD1868" s="85"/>
      <c r="AE1868" s="85"/>
      <c r="AF1868" s="85"/>
      <c r="AG1868" s="85"/>
      <c r="AH1868" s="85"/>
      <c r="AI1868" s="85"/>
      <c r="AJ1868" s="85"/>
      <c r="AK1868" s="85"/>
      <c r="AL1868" s="85"/>
      <c r="AM1868" s="85"/>
      <c r="AN1868" s="85"/>
      <c r="AO1868" s="85"/>
      <c r="AP1868" s="85"/>
      <c r="AQ1868" s="85"/>
      <c r="AR1868" s="85"/>
      <c r="AS1868" s="85"/>
      <c r="AT1868" s="85"/>
      <c r="AU1868" s="85"/>
      <c r="AV1868" s="85"/>
      <c r="AW1868" s="85"/>
      <c r="AX1868" s="85"/>
      <c r="AY1868" s="85"/>
      <c r="AZ1868" s="85"/>
      <c r="BA1868" s="85"/>
      <c r="BB1868" s="85"/>
      <c r="BC1868" s="85"/>
      <c r="BD1868" s="85"/>
      <c r="BE1868" s="85"/>
      <c r="BF1868" s="85"/>
      <c r="BG1868" s="85"/>
      <c r="BH1868" s="85"/>
      <c r="BI1868" s="85"/>
      <c r="BJ1868" s="85"/>
      <c r="BK1868" s="85"/>
      <c r="BL1868" s="85"/>
      <c r="BM1868" s="85"/>
      <c r="BN1868" s="85"/>
      <c r="BO1868" s="85"/>
      <c r="BP1868" s="85"/>
      <c r="BQ1868" s="85"/>
      <c r="BR1868" s="85"/>
      <c r="BS1868" s="85"/>
      <c r="BT1868" s="85"/>
      <c r="BU1868" s="85"/>
      <c r="BV1868" s="85"/>
      <c r="BW1868" s="85"/>
      <c r="BX1868" s="85"/>
      <c r="BY1868" s="85"/>
      <c r="BZ1868" s="85"/>
      <c r="CA1868" s="85"/>
      <c r="CB1868" s="85"/>
      <c r="CC1868" s="85"/>
      <c r="CD1868" s="85"/>
      <c r="CE1868" s="85"/>
      <c r="CF1868" s="85"/>
      <c r="CG1868" s="85"/>
    </row>
    <row r="1869" spans="1:85" s="9" customFormat="1" x14ac:dyDescent="0.2">
      <c r="A1869" s="85"/>
      <c r="J1869" s="85"/>
      <c r="K1869" s="85"/>
      <c r="L1869" s="85"/>
      <c r="M1869" s="85"/>
      <c r="N1869" s="85"/>
      <c r="O1869" s="85"/>
      <c r="P1869" s="85"/>
      <c r="Q1869" s="85"/>
      <c r="R1869" s="85"/>
      <c r="S1869" s="85"/>
      <c r="T1869" s="85"/>
      <c r="U1869" s="85"/>
      <c r="V1869" s="85"/>
      <c r="W1869" s="85"/>
      <c r="X1869" s="85"/>
      <c r="Y1869" s="85"/>
      <c r="Z1869" s="85"/>
      <c r="AA1869" s="85"/>
      <c r="AB1869" s="85"/>
      <c r="AC1869" s="85"/>
      <c r="AD1869" s="85"/>
      <c r="AE1869" s="85"/>
      <c r="AF1869" s="85"/>
      <c r="AG1869" s="85"/>
      <c r="AH1869" s="85"/>
      <c r="AI1869" s="85"/>
      <c r="AJ1869" s="85"/>
      <c r="AK1869" s="85"/>
      <c r="AL1869" s="85"/>
      <c r="AM1869" s="85"/>
      <c r="AN1869" s="85"/>
      <c r="AO1869" s="85"/>
      <c r="AP1869" s="85"/>
      <c r="AQ1869" s="85"/>
      <c r="AR1869" s="85"/>
      <c r="AS1869" s="85"/>
      <c r="AT1869" s="85"/>
      <c r="AU1869" s="85"/>
      <c r="AV1869" s="85"/>
      <c r="AW1869" s="85"/>
      <c r="AX1869" s="85"/>
      <c r="AY1869" s="85"/>
      <c r="AZ1869" s="85"/>
      <c r="BA1869" s="85"/>
      <c r="BB1869" s="85"/>
      <c r="BC1869" s="85"/>
      <c r="BD1869" s="85"/>
      <c r="BE1869" s="85"/>
      <c r="BF1869" s="85"/>
      <c r="BG1869" s="85"/>
      <c r="BH1869" s="85"/>
      <c r="BI1869" s="85"/>
      <c r="BJ1869" s="85"/>
      <c r="BK1869" s="85"/>
      <c r="BL1869" s="85"/>
      <c r="BM1869" s="85"/>
      <c r="BN1869" s="85"/>
      <c r="BO1869" s="85"/>
      <c r="BP1869" s="85"/>
      <c r="BQ1869" s="85"/>
      <c r="BR1869" s="85"/>
      <c r="BS1869" s="85"/>
      <c r="BT1869" s="85"/>
      <c r="BU1869" s="85"/>
      <c r="BV1869" s="85"/>
      <c r="BW1869" s="85"/>
      <c r="BX1869" s="85"/>
      <c r="BY1869" s="85"/>
      <c r="BZ1869" s="85"/>
      <c r="CA1869" s="85"/>
      <c r="CB1869" s="85"/>
      <c r="CC1869" s="85"/>
      <c r="CD1869" s="85"/>
      <c r="CE1869" s="85"/>
      <c r="CF1869" s="85"/>
      <c r="CG1869" s="85"/>
    </row>
    <row r="1870" spans="1:85" s="9" customFormat="1" x14ac:dyDescent="0.2">
      <c r="A1870" s="85"/>
      <c r="J1870" s="85"/>
      <c r="K1870" s="85"/>
      <c r="L1870" s="85"/>
      <c r="M1870" s="85"/>
      <c r="N1870" s="85"/>
      <c r="O1870" s="85"/>
      <c r="P1870" s="85"/>
      <c r="Q1870" s="85"/>
      <c r="R1870" s="85"/>
      <c r="S1870" s="85"/>
      <c r="T1870" s="85"/>
      <c r="U1870" s="85"/>
      <c r="V1870" s="85"/>
      <c r="W1870" s="85"/>
      <c r="X1870" s="85"/>
      <c r="Y1870" s="85"/>
      <c r="Z1870" s="85"/>
      <c r="AA1870" s="85"/>
      <c r="AB1870" s="85"/>
      <c r="AC1870" s="85"/>
      <c r="AD1870" s="85"/>
      <c r="AE1870" s="85"/>
      <c r="AF1870" s="85"/>
      <c r="AG1870" s="85"/>
      <c r="AH1870" s="85"/>
      <c r="AI1870" s="85"/>
      <c r="AJ1870" s="85"/>
      <c r="AK1870" s="85"/>
      <c r="AL1870" s="85"/>
      <c r="AM1870" s="85"/>
      <c r="AN1870" s="85"/>
      <c r="AO1870" s="85"/>
      <c r="AP1870" s="85"/>
      <c r="AQ1870" s="85"/>
      <c r="AR1870" s="85"/>
      <c r="AS1870" s="85"/>
      <c r="AT1870" s="85"/>
      <c r="AU1870" s="85"/>
      <c r="AV1870" s="85"/>
      <c r="AW1870" s="85"/>
      <c r="AX1870" s="85"/>
      <c r="AY1870" s="85"/>
      <c r="AZ1870" s="85"/>
      <c r="BA1870" s="85"/>
      <c r="BB1870" s="85"/>
      <c r="BC1870" s="85"/>
      <c r="BD1870" s="85"/>
      <c r="BE1870" s="85"/>
      <c r="BF1870" s="85"/>
      <c r="BG1870" s="85"/>
      <c r="BH1870" s="85"/>
      <c r="BI1870" s="85"/>
      <c r="BJ1870" s="85"/>
      <c r="BK1870" s="85"/>
      <c r="BL1870" s="85"/>
      <c r="BM1870" s="85"/>
      <c r="BN1870" s="85"/>
      <c r="BO1870" s="85"/>
      <c r="BP1870" s="85"/>
      <c r="BQ1870" s="85"/>
      <c r="BR1870" s="85"/>
      <c r="BS1870" s="85"/>
      <c r="BT1870" s="85"/>
      <c r="BU1870" s="85"/>
      <c r="BV1870" s="85"/>
      <c r="BW1870" s="85"/>
      <c r="BX1870" s="85"/>
      <c r="BY1870" s="85"/>
      <c r="BZ1870" s="85"/>
      <c r="CA1870" s="85"/>
      <c r="CB1870" s="85"/>
      <c r="CC1870" s="85"/>
      <c r="CD1870" s="85"/>
      <c r="CE1870" s="85"/>
      <c r="CF1870" s="85"/>
      <c r="CG1870" s="85"/>
    </row>
    <row r="1871" spans="1:85" s="9" customFormat="1" x14ac:dyDescent="0.2">
      <c r="A1871" s="85"/>
      <c r="J1871" s="85"/>
      <c r="K1871" s="85"/>
      <c r="L1871" s="85"/>
      <c r="M1871" s="85"/>
      <c r="N1871" s="85"/>
      <c r="O1871" s="85"/>
      <c r="P1871" s="85"/>
      <c r="Q1871" s="85"/>
      <c r="R1871" s="85"/>
      <c r="S1871" s="85"/>
      <c r="T1871" s="85"/>
      <c r="U1871" s="85"/>
      <c r="V1871" s="85"/>
      <c r="W1871" s="85"/>
      <c r="X1871" s="85"/>
      <c r="Y1871" s="85"/>
      <c r="Z1871" s="85"/>
      <c r="AA1871" s="85"/>
      <c r="AB1871" s="85"/>
      <c r="AC1871" s="85"/>
      <c r="AD1871" s="85"/>
      <c r="AE1871" s="85"/>
      <c r="AF1871" s="85"/>
      <c r="AG1871" s="85"/>
      <c r="AH1871" s="85"/>
      <c r="AI1871" s="85"/>
      <c r="AJ1871" s="85"/>
      <c r="AK1871" s="85"/>
      <c r="AL1871" s="85"/>
      <c r="AM1871" s="85"/>
      <c r="AN1871" s="85"/>
      <c r="AO1871" s="85"/>
      <c r="AP1871" s="85"/>
      <c r="AQ1871" s="85"/>
      <c r="AR1871" s="85"/>
      <c r="AS1871" s="85"/>
      <c r="AT1871" s="85"/>
      <c r="AU1871" s="85"/>
      <c r="AV1871" s="85"/>
      <c r="AW1871" s="85"/>
      <c r="AX1871" s="85"/>
      <c r="AY1871" s="85"/>
      <c r="AZ1871" s="85"/>
      <c r="BA1871" s="85"/>
      <c r="BB1871" s="85"/>
      <c r="BC1871" s="85"/>
      <c r="BD1871" s="85"/>
      <c r="BE1871" s="85"/>
      <c r="BF1871" s="85"/>
      <c r="BG1871" s="85"/>
      <c r="BH1871" s="85"/>
      <c r="BI1871" s="85"/>
      <c r="BJ1871" s="85"/>
      <c r="BK1871" s="85"/>
      <c r="BL1871" s="85"/>
      <c r="BM1871" s="85"/>
      <c r="BN1871" s="85"/>
      <c r="BO1871" s="85"/>
      <c r="BP1871" s="85"/>
      <c r="BQ1871" s="85"/>
      <c r="BR1871" s="85"/>
      <c r="BS1871" s="85"/>
      <c r="BT1871" s="85"/>
      <c r="BU1871" s="85"/>
      <c r="BV1871" s="85"/>
      <c r="BW1871" s="85"/>
      <c r="BX1871" s="85"/>
      <c r="BY1871" s="85"/>
      <c r="BZ1871" s="85"/>
      <c r="CA1871" s="85"/>
      <c r="CB1871" s="85"/>
      <c r="CC1871" s="85"/>
      <c r="CD1871" s="85"/>
      <c r="CE1871" s="85"/>
      <c r="CF1871" s="85"/>
      <c r="CG1871" s="85"/>
    </row>
    <row r="1872" spans="1:85" s="9" customFormat="1" x14ac:dyDescent="0.2">
      <c r="A1872" s="85"/>
      <c r="J1872" s="85"/>
      <c r="K1872" s="85"/>
      <c r="L1872" s="85"/>
      <c r="M1872" s="85"/>
      <c r="N1872" s="85"/>
      <c r="O1872" s="85"/>
      <c r="P1872" s="85"/>
      <c r="Q1872" s="85"/>
      <c r="R1872" s="85"/>
      <c r="S1872" s="85"/>
      <c r="T1872" s="85"/>
      <c r="U1872" s="85"/>
      <c r="V1872" s="85"/>
      <c r="W1872" s="85"/>
      <c r="X1872" s="85"/>
      <c r="Y1872" s="85"/>
      <c r="Z1872" s="85"/>
      <c r="AA1872" s="85"/>
      <c r="AB1872" s="85"/>
      <c r="AC1872" s="85"/>
      <c r="AD1872" s="85"/>
      <c r="AE1872" s="85"/>
      <c r="AF1872" s="85"/>
      <c r="AG1872" s="85"/>
      <c r="AH1872" s="85"/>
      <c r="AI1872" s="85"/>
      <c r="AJ1872" s="85"/>
      <c r="AK1872" s="85"/>
      <c r="AL1872" s="85"/>
      <c r="AM1872" s="85"/>
      <c r="AN1872" s="85"/>
      <c r="AO1872" s="85"/>
      <c r="AP1872" s="85"/>
      <c r="AQ1872" s="85"/>
      <c r="AR1872" s="85"/>
      <c r="AS1872" s="85"/>
      <c r="AT1872" s="85"/>
      <c r="AU1872" s="85"/>
      <c r="AV1872" s="85"/>
      <c r="AW1872" s="85"/>
      <c r="AX1872" s="85"/>
      <c r="AY1872" s="85"/>
      <c r="AZ1872" s="85"/>
      <c r="BA1872" s="85"/>
      <c r="BB1872" s="85"/>
      <c r="BC1872" s="85"/>
      <c r="BD1872" s="85"/>
      <c r="BE1872" s="85"/>
      <c r="BF1872" s="85"/>
      <c r="BG1872" s="85"/>
      <c r="BH1872" s="85"/>
      <c r="BI1872" s="85"/>
      <c r="BJ1872" s="85"/>
      <c r="BK1872" s="85"/>
      <c r="BL1872" s="85"/>
      <c r="BM1872" s="85"/>
      <c r="BN1872" s="85"/>
      <c r="BO1872" s="85"/>
      <c r="BP1872" s="85"/>
      <c r="BQ1872" s="85"/>
      <c r="BR1872" s="85"/>
      <c r="BS1872" s="85"/>
      <c r="BT1872" s="85"/>
      <c r="BU1872" s="85"/>
      <c r="BV1872" s="85"/>
      <c r="BW1872" s="85"/>
      <c r="BX1872" s="85"/>
      <c r="BY1872" s="85"/>
      <c r="BZ1872" s="85"/>
      <c r="CA1872" s="85"/>
      <c r="CB1872" s="85"/>
      <c r="CC1872" s="85"/>
      <c r="CD1872" s="85"/>
      <c r="CE1872" s="85"/>
      <c r="CF1872" s="85"/>
      <c r="CG1872" s="85"/>
    </row>
    <row r="1873" spans="1:85" s="9" customFormat="1" x14ac:dyDescent="0.2">
      <c r="A1873" s="85"/>
      <c r="J1873" s="85"/>
      <c r="K1873" s="85"/>
      <c r="L1873" s="85"/>
      <c r="M1873" s="85"/>
      <c r="N1873" s="85"/>
      <c r="O1873" s="85"/>
      <c r="P1873" s="85"/>
      <c r="Q1873" s="85"/>
      <c r="R1873" s="85"/>
      <c r="S1873" s="85"/>
      <c r="T1873" s="85"/>
      <c r="U1873" s="85"/>
      <c r="V1873" s="85"/>
      <c r="W1873" s="85"/>
      <c r="X1873" s="85"/>
      <c r="Y1873" s="85"/>
      <c r="Z1873" s="85"/>
      <c r="AA1873" s="85"/>
      <c r="AB1873" s="85"/>
      <c r="AC1873" s="85"/>
      <c r="AD1873" s="85"/>
      <c r="AE1873" s="85"/>
      <c r="AF1873" s="85"/>
      <c r="AG1873" s="85"/>
      <c r="AH1873" s="85"/>
      <c r="AI1873" s="85"/>
      <c r="AJ1873" s="85"/>
      <c r="AK1873" s="85"/>
      <c r="AL1873" s="85"/>
      <c r="AM1873" s="85"/>
      <c r="AN1873" s="85"/>
      <c r="AO1873" s="85"/>
      <c r="AP1873" s="85"/>
      <c r="AQ1873" s="85"/>
      <c r="AR1873" s="85"/>
      <c r="AS1873" s="85"/>
      <c r="AT1873" s="85"/>
      <c r="AU1873" s="85"/>
      <c r="AV1873" s="85"/>
      <c r="AW1873" s="85"/>
      <c r="AX1873" s="85"/>
      <c r="AY1873" s="85"/>
      <c r="AZ1873" s="85"/>
      <c r="BA1873" s="85"/>
      <c r="BB1873" s="85"/>
      <c r="BC1873" s="85"/>
      <c r="BD1873" s="85"/>
      <c r="BE1873" s="85"/>
      <c r="BF1873" s="85"/>
      <c r="BG1873" s="85"/>
      <c r="BH1873" s="85"/>
      <c r="BI1873" s="85"/>
      <c r="BJ1873" s="85"/>
      <c r="BK1873" s="85"/>
      <c r="BL1873" s="85"/>
      <c r="BM1873" s="85"/>
      <c r="BN1873" s="85"/>
      <c r="BO1873" s="85"/>
      <c r="BP1873" s="85"/>
      <c r="BQ1873" s="85"/>
      <c r="BR1873" s="85"/>
      <c r="BS1873" s="85"/>
      <c r="BT1873" s="85"/>
      <c r="BU1873" s="85"/>
      <c r="BV1873" s="85"/>
      <c r="BW1873" s="85"/>
      <c r="BX1873" s="85"/>
      <c r="BY1873" s="85"/>
      <c r="BZ1873" s="85"/>
      <c r="CA1873" s="85"/>
      <c r="CB1873" s="85"/>
      <c r="CC1873" s="85"/>
      <c r="CD1873" s="85"/>
      <c r="CE1873" s="85"/>
      <c r="CF1873" s="85"/>
      <c r="CG1873" s="85"/>
    </row>
    <row r="1874" spans="1:85" s="9" customFormat="1" x14ac:dyDescent="0.2">
      <c r="A1874" s="85"/>
      <c r="J1874" s="85"/>
      <c r="K1874" s="85"/>
      <c r="L1874" s="85"/>
      <c r="M1874" s="85"/>
      <c r="N1874" s="85"/>
      <c r="O1874" s="85"/>
      <c r="P1874" s="85"/>
      <c r="Q1874" s="85"/>
      <c r="R1874" s="85"/>
      <c r="S1874" s="85"/>
      <c r="T1874" s="85"/>
      <c r="U1874" s="85"/>
      <c r="V1874" s="85"/>
      <c r="W1874" s="85"/>
      <c r="X1874" s="85"/>
      <c r="Y1874" s="85"/>
      <c r="Z1874" s="85"/>
      <c r="AA1874" s="85"/>
      <c r="AB1874" s="85"/>
      <c r="AC1874" s="85"/>
      <c r="AD1874" s="85"/>
      <c r="AE1874" s="85"/>
      <c r="AF1874" s="85"/>
      <c r="AG1874" s="85"/>
      <c r="AH1874" s="85"/>
      <c r="AI1874" s="85"/>
      <c r="AJ1874" s="85"/>
      <c r="AK1874" s="85"/>
      <c r="AL1874" s="85"/>
      <c r="AM1874" s="85"/>
      <c r="AN1874" s="85"/>
      <c r="AO1874" s="85"/>
      <c r="AP1874" s="85"/>
      <c r="AQ1874" s="85"/>
      <c r="AR1874" s="85"/>
      <c r="AS1874" s="85"/>
      <c r="AT1874" s="85"/>
      <c r="AU1874" s="85"/>
      <c r="AV1874" s="85"/>
      <c r="AW1874" s="85"/>
      <c r="AX1874" s="85"/>
      <c r="AY1874" s="85"/>
      <c r="AZ1874" s="85"/>
      <c r="BA1874" s="85"/>
      <c r="BB1874" s="85"/>
      <c r="BC1874" s="85"/>
      <c r="BD1874" s="85"/>
      <c r="BE1874" s="85"/>
      <c r="BF1874" s="85"/>
      <c r="BG1874" s="85"/>
      <c r="BH1874" s="85"/>
      <c r="BI1874" s="85"/>
      <c r="BJ1874" s="85"/>
      <c r="BK1874" s="85"/>
      <c r="BL1874" s="85"/>
      <c r="BM1874" s="85"/>
      <c r="BN1874" s="85"/>
      <c r="BO1874" s="85"/>
      <c r="BP1874" s="85"/>
      <c r="BQ1874" s="85"/>
      <c r="BR1874" s="85"/>
      <c r="BS1874" s="85"/>
      <c r="BT1874" s="85"/>
      <c r="BU1874" s="85"/>
      <c r="BV1874" s="85"/>
      <c r="BW1874" s="85"/>
      <c r="BX1874" s="85"/>
      <c r="BY1874" s="85"/>
      <c r="BZ1874" s="85"/>
      <c r="CA1874" s="85"/>
      <c r="CB1874" s="85"/>
      <c r="CC1874" s="85"/>
      <c r="CD1874" s="85"/>
      <c r="CE1874" s="85"/>
      <c r="CF1874" s="85"/>
      <c r="CG1874" s="85"/>
    </row>
    <row r="1875" spans="1:85" s="9" customFormat="1" x14ac:dyDescent="0.2">
      <c r="A1875" s="85"/>
      <c r="J1875" s="85"/>
      <c r="K1875" s="85"/>
      <c r="L1875" s="85"/>
      <c r="M1875" s="85"/>
      <c r="N1875" s="85"/>
      <c r="O1875" s="85"/>
      <c r="P1875" s="85"/>
      <c r="Q1875" s="85"/>
      <c r="R1875" s="85"/>
      <c r="S1875" s="85"/>
      <c r="T1875" s="85"/>
      <c r="U1875" s="85"/>
      <c r="V1875" s="85"/>
      <c r="W1875" s="85"/>
      <c r="X1875" s="85"/>
      <c r="Y1875" s="85"/>
      <c r="Z1875" s="85"/>
      <c r="AA1875" s="85"/>
      <c r="AB1875" s="85"/>
      <c r="AC1875" s="85"/>
      <c r="AD1875" s="85"/>
      <c r="AE1875" s="85"/>
      <c r="AF1875" s="85"/>
      <c r="AG1875" s="85"/>
      <c r="AH1875" s="85"/>
      <c r="AI1875" s="85"/>
      <c r="AJ1875" s="85"/>
      <c r="AK1875" s="85"/>
      <c r="AL1875" s="85"/>
      <c r="AM1875" s="85"/>
      <c r="AN1875" s="85"/>
      <c r="AO1875" s="85"/>
      <c r="AP1875" s="85"/>
      <c r="AQ1875" s="85"/>
      <c r="AR1875" s="85"/>
      <c r="AS1875" s="85"/>
      <c r="AT1875" s="85"/>
      <c r="AU1875" s="85"/>
      <c r="AV1875" s="85"/>
      <c r="AW1875" s="85"/>
      <c r="AX1875" s="85"/>
      <c r="AY1875" s="85"/>
      <c r="AZ1875" s="85"/>
      <c r="BA1875" s="85"/>
      <c r="BB1875" s="85"/>
      <c r="BC1875" s="85"/>
      <c r="BD1875" s="85"/>
      <c r="BE1875" s="85"/>
      <c r="BF1875" s="85"/>
      <c r="BG1875" s="85"/>
      <c r="BH1875" s="85"/>
      <c r="BI1875" s="85"/>
      <c r="BJ1875" s="85"/>
      <c r="BK1875" s="85"/>
      <c r="BL1875" s="85"/>
      <c r="BM1875" s="85"/>
      <c r="BN1875" s="85"/>
      <c r="BO1875" s="85"/>
      <c r="BP1875" s="85"/>
      <c r="BQ1875" s="85"/>
      <c r="BR1875" s="85"/>
      <c r="BS1875" s="85"/>
      <c r="BT1875" s="85"/>
      <c r="BU1875" s="85"/>
      <c r="BV1875" s="85"/>
      <c r="BW1875" s="85"/>
      <c r="BX1875" s="85"/>
      <c r="BY1875" s="85"/>
      <c r="BZ1875" s="85"/>
      <c r="CA1875" s="85"/>
      <c r="CB1875" s="85"/>
      <c r="CC1875" s="85"/>
      <c r="CD1875" s="85"/>
      <c r="CE1875" s="85"/>
      <c r="CF1875" s="85"/>
      <c r="CG1875" s="85"/>
    </row>
    <row r="1876" spans="1:85" s="9" customFormat="1" x14ac:dyDescent="0.2">
      <c r="A1876" s="85"/>
      <c r="J1876" s="85"/>
      <c r="K1876" s="85"/>
      <c r="L1876" s="85"/>
      <c r="M1876" s="85"/>
      <c r="N1876" s="85"/>
      <c r="O1876" s="85"/>
      <c r="P1876" s="85"/>
      <c r="Q1876" s="85"/>
      <c r="R1876" s="85"/>
      <c r="S1876" s="85"/>
      <c r="T1876" s="85"/>
      <c r="U1876" s="85"/>
      <c r="V1876" s="85"/>
      <c r="W1876" s="85"/>
      <c r="X1876" s="85"/>
      <c r="Y1876" s="85"/>
      <c r="Z1876" s="85"/>
      <c r="AA1876" s="85"/>
      <c r="AB1876" s="85"/>
      <c r="AC1876" s="85"/>
      <c r="AD1876" s="85"/>
      <c r="AE1876" s="85"/>
      <c r="AF1876" s="85"/>
      <c r="AG1876" s="85"/>
      <c r="AH1876" s="85"/>
      <c r="AI1876" s="85"/>
      <c r="AJ1876" s="85"/>
      <c r="AK1876" s="85"/>
      <c r="AL1876" s="85"/>
      <c r="AM1876" s="85"/>
      <c r="AN1876" s="85"/>
      <c r="AO1876" s="85"/>
      <c r="AP1876" s="85"/>
      <c r="AQ1876" s="85"/>
      <c r="AR1876" s="85"/>
      <c r="AS1876" s="85"/>
      <c r="AT1876" s="85"/>
      <c r="AU1876" s="85"/>
      <c r="AV1876" s="85"/>
      <c r="AW1876" s="85"/>
      <c r="AX1876" s="85"/>
      <c r="AY1876" s="85"/>
      <c r="AZ1876" s="85"/>
      <c r="BA1876" s="85"/>
      <c r="BB1876" s="85"/>
      <c r="BC1876" s="85"/>
      <c r="BD1876" s="85"/>
      <c r="BE1876" s="85"/>
      <c r="BF1876" s="85"/>
      <c r="BG1876" s="85"/>
      <c r="BH1876" s="85"/>
      <c r="BI1876" s="85"/>
      <c r="BJ1876" s="85"/>
      <c r="BK1876" s="85"/>
      <c r="BL1876" s="85"/>
      <c r="BM1876" s="85"/>
      <c r="BN1876" s="85"/>
      <c r="BO1876" s="85"/>
      <c r="BP1876" s="85"/>
      <c r="BQ1876" s="85"/>
      <c r="BR1876" s="85"/>
      <c r="BS1876" s="85"/>
      <c r="BT1876" s="85"/>
      <c r="BU1876" s="85"/>
      <c r="BV1876" s="85"/>
      <c r="BW1876" s="85"/>
      <c r="BX1876" s="85"/>
      <c r="BY1876" s="85"/>
      <c r="BZ1876" s="85"/>
      <c r="CA1876" s="85"/>
      <c r="CB1876" s="85"/>
      <c r="CC1876" s="85"/>
      <c r="CD1876" s="85"/>
      <c r="CE1876" s="85"/>
      <c r="CF1876" s="85"/>
      <c r="CG1876" s="85"/>
    </row>
    <row r="1877" spans="1:85" s="9" customFormat="1" x14ac:dyDescent="0.2">
      <c r="A1877" s="85"/>
      <c r="J1877" s="85"/>
      <c r="K1877" s="85"/>
      <c r="L1877" s="85"/>
      <c r="M1877" s="85"/>
      <c r="N1877" s="85"/>
      <c r="O1877" s="85"/>
      <c r="P1877" s="85"/>
      <c r="Q1877" s="85"/>
      <c r="R1877" s="85"/>
      <c r="S1877" s="85"/>
      <c r="T1877" s="85"/>
      <c r="U1877" s="85"/>
      <c r="V1877" s="85"/>
      <c r="W1877" s="85"/>
      <c r="X1877" s="85"/>
      <c r="Y1877" s="85"/>
      <c r="Z1877" s="85"/>
      <c r="AA1877" s="85"/>
      <c r="AB1877" s="85"/>
      <c r="AC1877" s="85"/>
      <c r="AD1877" s="85"/>
      <c r="AE1877" s="85"/>
      <c r="AF1877" s="85"/>
      <c r="AG1877" s="85"/>
      <c r="AH1877" s="85"/>
      <c r="AI1877" s="85"/>
      <c r="AJ1877" s="85"/>
      <c r="AK1877" s="85"/>
      <c r="AL1877" s="85"/>
      <c r="AM1877" s="85"/>
      <c r="AN1877" s="85"/>
      <c r="AO1877" s="85"/>
      <c r="AP1877" s="85"/>
      <c r="AQ1877" s="85"/>
      <c r="AR1877" s="85"/>
      <c r="AS1877" s="85"/>
      <c r="AT1877" s="85"/>
      <c r="AU1877" s="85"/>
      <c r="AV1877" s="85"/>
      <c r="AW1877" s="85"/>
      <c r="AX1877" s="85"/>
      <c r="AY1877" s="85"/>
      <c r="AZ1877" s="85"/>
      <c r="BA1877" s="85"/>
      <c r="BB1877" s="85"/>
      <c r="BC1877" s="85"/>
      <c r="BD1877" s="85"/>
      <c r="BE1877" s="85"/>
      <c r="BF1877" s="85"/>
      <c r="BG1877" s="85"/>
      <c r="BH1877" s="85"/>
      <c r="BI1877" s="85"/>
      <c r="BJ1877" s="85"/>
      <c r="BK1877" s="85"/>
      <c r="BL1877" s="85"/>
      <c r="BM1877" s="85"/>
      <c r="BN1877" s="85"/>
      <c r="BO1877" s="85"/>
      <c r="BP1877" s="85"/>
      <c r="BQ1877" s="85"/>
      <c r="BR1877" s="85"/>
      <c r="BS1877" s="85"/>
      <c r="BT1877" s="85"/>
      <c r="BU1877" s="85"/>
      <c r="BV1877" s="85"/>
      <c r="BW1877" s="85"/>
      <c r="BX1877" s="85"/>
      <c r="BY1877" s="85"/>
      <c r="BZ1877" s="85"/>
      <c r="CA1877" s="85"/>
      <c r="CB1877" s="85"/>
      <c r="CC1877" s="85"/>
      <c r="CD1877" s="85"/>
      <c r="CE1877" s="85"/>
      <c r="CF1877" s="85"/>
      <c r="CG1877" s="85"/>
    </row>
    <row r="1878" spans="1:85" s="9" customFormat="1" x14ac:dyDescent="0.2">
      <c r="A1878" s="85"/>
      <c r="J1878" s="85"/>
      <c r="K1878" s="85"/>
      <c r="L1878" s="85"/>
      <c r="M1878" s="85"/>
      <c r="N1878" s="85"/>
      <c r="O1878" s="85"/>
      <c r="P1878" s="85"/>
      <c r="Q1878" s="85"/>
      <c r="R1878" s="85"/>
      <c r="S1878" s="85"/>
      <c r="T1878" s="85"/>
      <c r="U1878" s="85"/>
      <c r="V1878" s="85"/>
      <c r="W1878" s="85"/>
      <c r="X1878" s="85"/>
      <c r="Y1878" s="85"/>
      <c r="Z1878" s="85"/>
      <c r="AA1878" s="85"/>
      <c r="AB1878" s="85"/>
      <c r="AC1878" s="85"/>
      <c r="AD1878" s="85"/>
      <c r="AE1878" s="85"/>
      <c r="AF1878" s="85"/>
      <c r="AG1878" s="85"/>
      <c r="AH1878" s="85"/>
      <c r="AI1878" s="85"/>
      <c r="AJ1878" s="85"/>
      <c r="AK1878" s="85"/>
      <c r="AL1878" s="85"/>
      <c r="AM1878" s="85"/>
      <c r="AN1878" s="85"/>
      <c r="AO1878" s="85"/>
      <c r="AP1878" s="85"/>
      <c r="AQ1878" s="85"/>
      <c r="AR1878" s="85"/>
      <c r="AS1878" s="85"/>
      <c r="AT1878" s="85"/>
      <c r="AU1878" s="85"/>
      <c r="AV1878" s="85"/>
      <c r="AW1878" s="85"/>
      <c r="AX1878" s="85"/>
      <c r="AY1878" s="85"/>
      <c r="AZ1878" s="85"/>
      <c r="BA1878" s="85"/>
      <c r="BB1878" s="85"/>
      <c r="BC1878" s="85"/>
      <c r="BD1878" s="85"/>
      <c r="BE1878" s="85"/>
      <c r="BF1878" s="85"/>
      <c r="BG1878" s="85"/>
      <c r="BH1878" s="85"/>
      <c r="BI1878" s="85"/>
      <c r="BJ1878" s="85"/>
      <c r="BK1878" s="85"/>
      <c r="BL1878" s="85"/>
      <c r="BM1878" s="85"/>
      <c r="BN1878" s="85"/>
      <c r="BO1878" s="85"/>
      <c r="BP1878" s="85"/>
      <c r="BQ1878" s="85"/>
      <c r="BR1878" s="85"/>
      <c r="BS1878" s="85"/>
      <c r="BT1878" s="85"/>
      <c r="BU1878" s="85"/>
      <c r="BV1878" s="85"/>
      <c r="BW1878" s="85"/>
      <c r="BX1878" s="85"/>
      <c r="BY1878" s="85"/>
      <c r="BZ1878" s="85"/>
      <c r="CA1878" s="85"/>
      <c r="CB1878" s="85"/>
      <c r="CC1878" s="85"/>
      <c r="CD1878" s="85"/>
      <c r="CE1878" s="85"/>
      <c r="CF1878" s="85"/>
      <c r="CG1878" s="85"/>
    </row>
    <row r="1879" spans="1:85" s="9" customFormat="1" x14ac:dyDescent="0.2">
      <c r="A1879" s="85"/>
      <c r="J1879" s="85"/>
      <c r="K1879" s="85"/>
      <c r="L1879" s="85"/>
      <c r="M1879" s="85"/>
      <c r="N1879" s="85"/>
      <c r="O1879" s="85"/>
      <c r="P1879" s="85"/>
      <c r="Q1879" s="85"/>
      <c r="R1879" s="85"/>
      <c r="S1879" s="85"/>
      <c r="T1879" s="85"/>
      <c r="U1879" s="85"/>
      <c r="V1879" s="85"/>
      <c r="W1879" s="85"/>
      <c r="X1879" s="85"/>
      <c r="Y1879" s="85"/>
      <c r="Z1879" s="85"/>
      <c r="AA1879" s="85"/>
      <c r="AB1879" s="85"/>
      <c r="AC1879" s="85"/>
      <c r="AD1879" s="85"/>
      <c r="AE1879" s="85"/>
      <c r="AF1879" s="85"/>
      <c r="AG1879" s="85"/>
      <c r="AH1879" s="85"/>
      <c r="AI1879" s="85"/>
      <c r="AJ1879" s="85"/>
      <c r="AK1879" s="85"/>
      <c r="AL1879" s="85"/>
      <c r="AM1879" s="85"/>
      <c r="AN1879" s="85"/>
      <c r="AO1879" s="85"/>
      <c r="AP1879" s="85"/>
      <c r="AQ1879" s="85"/>
      <c r="AR1879" s="85"/>
      <c r="AS1879" s="85"/>
      <c r="AT1879" s="85"/>
      <c r="AU1879" s="85"/>
      <c r="AV1879" s="85"/>
      <c r="AW1879" s="85"/>
      <c r="AX1879" s="85"/>
      <c r="AY1879" s="85"/>
      <c r="AZ1879" s="85"/>
      <c r="BA1879" s="85"/>
      <c r="BB1879" s="85"/>
      <c r="BC1879" s="85"/>
      <c r="BD1879" s="85"/>
      <c r="BE1879" s="85"/>
      <c r="BF1879" s="85"/>
      <c r="BG1879" s="85"/>
      <c r="BH1879" s="85"/>
      <c r="BI1879" s="85"/>
      <c r="BJ1879" s="85"/>
      <c r="BK1879" s="85"/>
      <c r="BL1879" s="85"/>
      <c r="BM1879" s="85"/>
      <c r="BN1879" s="85"/>
      <c r="BO1879" s="85"/>
      <c r="BP1879" s="85"/>
      <c r="BQ1879" s="85"/>
      <c r="BR1879" s="85"/>
      <c r="BS1879" s="85"/>
      <c r="BT1879" s="85"/>
      <c r="BU1879" s="85"/>
      <c r="BV1879" s="85"/>
      <c r="BW1879" s="85"/>
      <c r="BX1879" s="85"/>
      <c r="BY1879" s="85"/>
      <c r="BZ1879" s="85"/>
      <c r="CA1879" s="85"/>
      <c r="CB1879" s="85"/>
      <c r="CC1879" s="85"/>
      <c r="CD1879" s="85"/>
      <c r="CE1879" s="85"/>
      <c r="CF1879" s="85"/>
      <c r="CG1879" s="85"/>
    </row>
    <row r="1880" spans="1:85" s="9" customFormat="1" x14ac:dyDescent="0.2">
      <c r="A1880" s="85"/>
      <c r="J1880" s="85"/>
      <c r="K1880" s="85"/>
      <c r="L1880" s="85"/>
      <c r="M1880" s="85"/>
      <c r="N1880" s="85"/>
      <c r="O1880" s="85"/>
      <c r="P1880" s="85"/>
      <c r="Q1880" s="85"/>
      <c r="R1880" s="85"/>
      <c r="S1880" s="85"/>
      <c r="T1880" s="85"/>
      <c r="U1880" s="85"/>
      <c r="V1880" s="85"/>
      <c r="W1880" s="85"/>
      <c r="X1880" s="85"/>
      <c r="Y1880" s="85"/>
      <c r="Z1880" s="85"/>
      <c r="AA1880" s="85"/>
      <c r="AB1880" s="85"/>
      <c r="AC1880" s="85"/>
      <c r="AD1880" s="85"/>
      <c r="AE1880" s="85"/>
      <c r="AF1880" s="85"/>
      <c r="AG1880" s="85"/>
      <c r="AH1880" s="85"/>
      <c r="AI1880" s="85"/>
      <c r="AJ1880" s="85"/>
      <c r="AK1880" s="85"/>
      <c r="AL1880" s="85"/>
      <c r="AM1880" s="85"/>
      <c r="AN1880" s="85"/>
      <c r="AO1880" s="85"/>
      <c r="AP1880" s="85"/>
      <c r="AQ1880" s="85"/>
      <c r="AR1880" s="85"/>
      <c r="AS1880" s="85"/>
      <c r="AT1880" s="85"/>
      <c r="AU1880" s="85"/>
      <c r="AV1880" s="85"/>
      <c r="AW1880" s="85"/>
      <c r="AX1880" s="85"/>
      <c r="AY1880" s="85"/>
      <c r="AZ1880" s="85"/>
      <c r="BA1880" s="85"/>
      <c r="BB1880" s="85"/>
      <c r="BC1880" s="85"/>
      <c r="BD1880" s="85"/>
      <c r="BE1880" s="85"/>
      <c r="BF1880" s="85"/>
      <c r="BG1880" s="85"/>
      <c r="BH1880" s="85"/>
      <c r="BI1880" s="85"/>
      <c r="BJ1880" s="85"/>
      <c r="BK1880" s="85"/>
      <c r="BL1880" s="85"/>
      <c r="BM1880" s="85"/>
      <c r="BN1880" s="85"/>
      <c r="BO1880" s="85"/>
      <c r="BP1880" s="85"/>
      <c r="BQ1880" s="85"/>
      <c r="BR1880" s="85"/>
      <c r="BS1880" s="85"/>
      <c r="BT1880" s="85"/>
      <c r="BU1880" s="85"/>
      <c r="BV1880" s="85"/>
      <c r="BW1880" s="85"/>
      <c r="BX1880" s="85"/>
      <c r="BY1880" s="85"/>
      <c r="BZ1880" s="85"/>
      <c r="CA1880" s="85"/>
      <c r="CB1880" s="85"/>
      <c r="CC1880" s="85"/>
      <c r="CD1880" s="85"/>
      <c r="CE1880" s="85"/>
      <c r="CF1880" s="85"/>
      <c r="CG1880" s="85"/>
    </row>
    <row r="1881" spans="1:85" s="9" customFormat="1" x14ac:dyDescent="0.2">
      <c r="A1881" s="85"/>
      <c r="J1881" s="85"/>
      <c r="K1881" s="85"/>
      <c r="L1881" s="85"/>
      <c r="M1881" s="85"/>
      <c r="N1881" s="85"/>
      <c r="O1881" s="85"/>
      <c r="P1881" s="85"/>
      <c r="Q1881" s="85"/>
      <c r="R1881" s="85"/>
      <c r="S1881" s="85"/>
      <c r="T1881" s="85"/>
      <c r="U1881" s="85"/>
      <c r="V1881" s="85"/>
      <c r="W1881" s="85"/>
      <c r="X1881" s="85"/>
      <c r="Y1881" s="85"/>
      <c r="Z1881" s="85"/>
      <c r="AA1881" s="85"/>
      <c r="AB1881" s="85"/>
      <c r="AC1881" s="85"/>
      <c r="AD1881" s="85"/>
      <c r="AE1881" s="85"/>
      <c r="AF1881" s="85"/>
      <c r="AG1881" s="85"/>
      <c r="AH1881" s="85"/>
      <c r="AI1881" s="85"/>
      <c r="AJ1881" s="85"/>
      <c r="AK1881" s="85"/>
      <c r="AL1881" s="85"/>
      <c r="AM1881" s="85"/>
      <c r="AN1881" s="85"/>
      <c r="AO1881" s="85"/>
      <c r="AP1881" s="85"/>
      <c r="AQ1881" s="85"/>
      <c r="AR1881" s="85"/>
      <c r="AS1881" s="85"/>
      <c r="AT1881" s="85"/>
      <c r="AU1881" s="85"/>
      <c r="AV1881" s="85"/>
      <c r="AW1881" s="85"/>
      <c r="AX1881" s="85"/>
      <c r="AY1881" s="85"/>
      <c r="AZ1881" s="85"/>
      <c r="BA1881" s="85"/>
      <c r="BB1881" s="85"/>
      <c r="BC1881" s="85"/>
      <c r="BD1881" s="85"/>
      <c r="BE1881" s="85"/>
      <c r="BF1881" s="85"/>
      <c r="BG1881" s="85"/>
      <c r="BH1881" s="85"/>
      <c r="BI1881" s="85"/>
      <c r="BJ1881" s="85"/>
      <c r="BK1881" s="85"/>
      <c r="BL1881" s="85"/>
      <c r="BM1881" s="85"/>
      <c r="BN1881" s="85"/>
      <c r="BO1881" s="85"/>
      <c r="BP1881" s="85"/>
      <c r="BQ1881" s="85"/>
      <c r="BR1881" s="85"/>
      <c r="BS1881" s="85"/>
      <c r="BT1881" s="85"/>
      <c r="BU1881" s="85"/>
      <c r="BV1881" s="85"/>
      <c r="BW1881" s="85"/>
      <c r="BX1881" s="85"/>
      <c r="BY1881" s="85"/>
      <c r="BZ1881" s="85"/>
      <c r="CA1881" s="85"/>
      <c r="CB1881" s="85"/>
      <c r="CC1881" s="85"/>
      <c r="CD1881" s="85"/>
      <c r="CE1881" s="85"/>
      <c r="CF1881" s="85"/>
      <c r="CG1881" s="85"/>
    </row>
    <row r="1882" spans="1:85" s="9" customFormat="1" x14ac:dyDescent="0.2">
      <c r="A1882" s="85"/>
      <c r="J1882" s="85"/>
      <c r="K1882" s="85"/>
      <c r="L1882" s="85"/>
      <c r="M1882" s="85"/>
      <c r="N1882" s="85"/>
      <c r="O1882" s="85"/>
      <c r="P1882" s="85"/>
      <c r="Q1882" s="85"/>
      <c r="R1882" s="85"/>
      <c r="S1882" s="85"/>
      <c r="T1882" s="85"/>
      <c r="U1882" s="85"/>
      <c r="V1882" s="85"/>
      <c r="W1882" s="85"/>
      <c r="X1882" s="85"/>
      <c r="Y1882" s="85"/>
      <c r="Z1882" s="85"/>
      <c r="AA1882" s="85"/>
      <c r="AB1882" s="85"/>
      <c r="AC1882" s="85"/>
      <c r="AD1882" s="85"/>
      <c r="AE1882" s="85"/>
      <c r="AF1882" s="85"/>
      <c r="AG1882" s="85"/>
      <c r="AH1882" s="85"/>
      <c r="AI1882" s="85"/>
      <c r="AJ1882" s="85"/>
      <c r="AK1882" s="85"/>
      <c r="AL1882" s="85"/>
      <c r="AM1882" s="85"/>
      <c r="AN1882" s="85"/>
      <c r="AO1882" s="85"/>
      <c r="AP1882" s="85"/>
      <c r="AQ1882" s="85"/>
      <c r="AR1882" s="85"/>
      <c r="AS1882" s="85"/>
      <c r="AT1882" s="85"/>
      <c r="AU1882" s="85"/>
      <c r="AV1882" s="85"/>
      <c r="AW1882" s="85"/>
      <c r="AX1882" s="85"/>
      <c r="AY1882" s="85"/>
      <c r="AZ1882" s="85"/>
      <c r="BA1882" s="85"/>
      <c r="BB1882" s="85"/>
      <c r="BC1882" s="85"/>
      <c r="BD1882" s="85"/>
      <c r="BE1882" s="85"/>
      <c r="BF1882" s="85"/>
      <c r="BG1882" s="85"/>
      <c r="BH1882" s="85"/>
      <c r="BI1882" s="85"/>
      <c r="BJ1882" s="85"/>
      <c r="BK1882" s="85"/>
      <c r="BL1882" s="85"/>
      <c r="BM1882" s="85"/>
      <c r="BN1882" s="85"/>
      <c r="BO1882" s="85"/>
      <c r="BP1882" s="85"/>
      <c r="BQ1882" s="85"/>
      <c r="BR1882" s="85"/>
      <c r="BS1882" s="85"/>
      <c r="BT1882" s="85"/>
      <c r="BU1882" s="85"/>
      <c r="BV1882" s="85"/>
      <c r="BW1882" s="85"/>
      <c r="BX1882" s="85"/>
      <c r="BY1882" s="85"/>
      <c r="BZ1882" s="85"/>
      <c r="CA1882" s="85"/>
      <c r="CB1882" s="85"/>
      <c r="CC1882" s="85"/>
      <c r="CD1882" s="85"/>
      <c r="CE1882" s="85"/>
      <c r="CF1882" s="85"/>
      <c r="CG1882" s="85"/>
    </row>
    <row r="1883" spans="1:85" s="9" customFormat="1" x14ac:dyDescent="0.2">
      <c r="A1883" s="85"/>
      <c r="J1883" s="85"/>
      <c r="K1883" s="85"/>
      <c r="L1883" s="85"/>
      <c r="M1883" s="85"/>
      <c r="N1883" s="85"/>
      <c r="O1883" s="85"/>
      <c r="P1883" s="85"/>
      <c r="Q1883" s="85"/>
      <c r="R1883" s="85"/>
      <c r="S1883" s="85"/>
      <c r="T1883" s="85"/>
      <c r="U1883" s="85"/>
      <c r="V1883" s="85"/>
      <c r="W1883" s="85"/>
      <c r="X1883" s="85"/>
      <c r="Y1883" s="85"/>
      <c r="Z1883" s="85"/>
      <c r="AA1883" s="85"/>
      <c r="AB1883" s="85"/>
      <c r="AC1883" s="85"/>
      <c r="AD1883" s="85"/>
      <c r="AE1883" s="85"/>
      <c r="AF1883" s="85"/>
      <c r="AG1883" s="85"/>
      <c r="AH1883" s="85"/>
      <c r="AI1883" s="85"/>
      <c r="AJ1883" s="85"/>
      <c r="AK1883" s="85"/>
      <c r="AL1883" s="85"/>
      <c r="AM1883" s="85"/>
      <c r="AN1883" s="85"/>
      <c r="AO1883" s="85"/>
      <c r="AP1883" s="85"/>
      <c r="AQ1883" s="85"/>
      <c r="AR1883" s="85"/>
      <c r="AS1883" s="85"/>
      <c r="AT1883" s="85"/>
      <c r="AU1883" s="85"/>
      <c r="AV1883" s="85"/>
      <c r="AW1883" s="85"/>
      <c r="AX1883" s="85"/>
      <c r="AY1883" s="85"/>
      <c r="AZ1883" s="85"/>
      <c r="BA1883" s="85"/>
      <c r="BB1883" s="85"/>
      <c r="BC1883" s="85"/>
      <c r="BD1883" s="85"/>
      <c r="BE1883" s="85"/>
      <c r="BF1883" s="85"/>
      <c r="BG1883" s="85"/>
      <c r="BH1883" s="85"/>
      <c r="BI1883" s="85"/>
      <c r="BJ1883" s="85"/>
      <c r="BK1883" s="85"/>
      <c r="BL1883" s="85"/>
      <c r="BM1883" s="85"/>
      <c r="BN1883" s="85"/>
      <c r="BO1883" s="85"/>
      <c r="BP1883" s="85"/>
      <c r="BQ1883" s="85"/>
      <c r="BR1883" s="85"/>
      <c r="BS1883" s="85"/>
      <c r="BT1883" s="85"/>
      <c r="BU1883" s="85"/>
      <c r="BV1883" s="85"/>
      <c r="BW1883" s="85"/>
      <c r="BX1883" s="85"/>
      <c r="BY1883" s="85"/>
      <c r="BZ1883" s="85"/>
      <c r="CA1883" s="85"/>
      <c r="CB1883" s="85"/>
      <c r="CC1883" s="85"/>
      <c r="CD1883" s="85"/>
      <c r="CE1883" s="85"/>
      <c r="CF1883" s="85"/>
      <c r="CG1883" s="85"/>
    </row>
    <row r="1884" spans="1:85" s="9" customFormat="1" x14ac:dyDescent="0.2">
      <c r="A1884" s="85"/>
      <c r="J1884" s="85"/>
      <c r="K1884" s="85"/>
      <c r="L1884" s="85"/>
      <c r="M1884" s="85"/>
      <c r="N1884" s="85"/>
      <c r="O1884" s="85"/>
      <c r="P1884" s="85"/>
      <c r="Q1884" s="85"/>
      <c r="R1884" s="85"/>
      <c r="S1884" s="85"/>
      <c r="T1884" s="85"/>
      <c r="U1884" s="85"/>
      <c r="V1884" s="85"/>
      <c r="W1884" s="85"/>
      <c r="X1884" s="85"/>
      <c r="Y1884" s="85"/>
      <c r="Z1884" s="85"/>
      <c r="AA1884" s="85"/>
      <c r="AB1884" s="85"/>
      <c r="AC1884" s="85"/>
      <c r="AD1884" s="85"/>
      <c r="AE1884" s="85"/>
      <c r="AF1884" s="85"/>
      <c r="AG1884" s="85"/>
      <c r="AH1884" s="85"/>
      <c r="AI1884" s="85"/>
      <c r="AJ1884" s="85"/>
      <c r="AK1884" s="85"/>
      <c r="AL1884" s="85"/>
      <c r="AM1884" s="85"/>
      <c r="AN1884" s="85"/>
      <c r="AO1884" s="85"/>
      <c r="AP1884" s="85"/>
      <c r="AQ1884" s="85"/>
      <c r="AR1884" s="85"/>
      <c r="AS1884" s="85"/>
      <c r="AT1884" s="85"/>
      <c r="AU1884" s="85"/>
      <c r="AV1884" s="85"/>
      <c r="AW1884" s="85"/>
      <c r="AX1884" s="85"/>
      <c r="AY1884" s="85"/>
      <c r="AZ1884" s="85"/>
      <c r="BA1884" s="85"/>
      <c r="BB1884" s="85"/>
      <c r="BC1884" s="85"/>
      <c r="BD1884" s="85"/>
      <c r="BE1884" s="85"/>
      <c r="BF1884" s="85"/>
      <c r="BG1884" s="85"/>
      <c r="BH1884" s="85"/>
      <c r="BI1884" s="85"/>
      <c r="BJ1884" s="85"/>
      <c r="BK1884" s="85"/>
      <c r="BL1884" s="85"/>
      <c r="BM1884" s="85"/>
      <c r="BN1884" s="85"/>
      <c r="BO1884" s="85"/>
      <c r="BP1884" s="85"/>
      <c r="BQ1884" s="85"/>
      <c r="BR1884" s="85"/>
      <c r="BS1884" s="85"/>
      <c r="BT1884" s="85"/>
      <c r="BU1884" s="85"/>
      <c r="BV1884" s="85"/>
      <c r="BW1884" s="85"/>
      <c r="BX1884" s="85"/>
      <c r="BY1884" s="85"/>
      <c r="BZ1884" s="85"/>
      <c r="CA1884" s="85"/>
      <c r="CB1884" s="85"/>
      <c r="CC1884" s="85"/>
      <c r="CD1884" s="85"/>
      <c r="CE1884" s="85"/>
      <c r="CF1884" s="85"/>
      <c r="CG1884" s="85"/>
    </row>
    <row r="1885" spans="1:85" s="9" customFormat="1" x14ac:dyDescent="0.2">
      <c r="A1885" s="85"/>
      <c r="J1885" s="85"/>
      <c r="K1885" s="85"/>
      <c r="L1885" s="85"/>
      <c r="M1885" s="85"/>
      <c r="N1885" s="85"/>
      <c r="O1885" s="85"/>
      <c r="P1885" s="85"/>
      <c r="Q1885" s="85"/>
      <c r="R1885" s="85"/>
      <c r="S1885" s="85"/>
      <c r="T1885" s="85"/>
      <c r="U1885" s="85"/>
      <c r="V1885" s="85"/>
      <c r="W1885" s="85"/>
      <c r="X1885" s="85"/>
      <c r="Y1885" s="85"/>
      <c r="Z1885" s="85"/>
      <c r="AA1885" s="85"/>
      <c r="AB1885" s="85"/>
      <c r="AC1885" s="85"/>
      <c r="AD1885" s="85"/>
      <c r="AE1885" s="85"/>
      <c r="AF1885" s="85"/>
      <c r="AG1885" s="85"/>
      <c r="AH1885" s="85"/>
      <c r="AI1885" s="85"/>
      <c r="AJ1885" s="85"/>
      <c r="AK1885" s="85"/>
      <c r="AL1885" s="85"/>
      <c r="AM1885" s="85"/>
      <c r="AN1885" s="85"/>
      <c r="AO1885" s="85"/>
      <c r="AP1885" s="85"/>
      <c r="AQ1885" s="85"/>
      <c r="AR1885" s="85"/>
      <c r="AS1885" s="85"/>
      <c r="AT1885" s="85"/>
      <c r="AU1885" s="85"/>
      <c r="AV1885" s="85"/>
      <c r="AW1885" s="85"/>
      <c r="AX1885" s="85"/>
      <c r="AY1885" s="85"/>
      <c r="AZ1885" s="85"/>
      <c r="BA1885" s="85"/>
      <c r="BB1885" s="85"/>
      <c r="BC1885" s="85"/>
      <c r="BD1885" s="85"/>
      <c r="BE1885" s="85"/>
      <c r="BF1885" s="85"/>
      <c r="BG1885" s="85"/>
      <c r="BH1885" s="85"/>
      <c r="BI1885" s="85"/>
      <c r="BJ1885" s="85"/>
      <c r="BK1885" s="85"/>
      <c r="BL1885" s="85"/>
      <c r="BM1885" s="85"/>
      <c r="BN1885" s="85"/>
      <c r="BO1885" s="85"/>
      <c r="BP1885" s="85"/>
      <c r="BQ1885" s="85"/>
      <c r="BR1885" s="85"/>
      <c r="BS1885" s="85"/>
      <c r="BT1885" s="85"/>
      <c r="BU1885" s="85"/>
      <c r="BV1885" s="85"/>
      <c r="BW1885" s="85"/>
      <c r="BX1885" s="85"/>
      <c r="BY1885" s="85"/>
      <c r="BZ1885" s="85"/>
      <c r="CA1885" s="85"/>
      <c r="CB1885" s="85"/>
      <c r="CC1885" s="85"/>
      <c r="CD1885" s="85"/>
      <c r="CE1885" s="85"/>
      <c r="CF1885" s="85"/>
      <c r="CG1885" s="85"/>
    </row>
    <row r="1886" spans="1:85" s="9" customFormat="1" x14ac:dyDescent="0.2">
      <c r="A1886" s="85"/>
      <c r="J1886" s="85"/>
      <c r="K1886" s="85"/>
      <c r="L1886" s="85"/>
      <c r="M1886" s="85"/>
      <c r="N1886" s="85"/>
      <c r="O1886" s="85"/>
      <c r="P1886" s="85"/>
      <c r="Q1886" s="85"/>
      <c r="R1886" s="85"/>
      <c r="S1886" s="85"/>
      <c r="T1886" s="85"/>
      <c r="U1886" s="85"/>
      <c r="V1886" s="85"/>
      <c r="W1886" s="85"/>
      <c r="X1886" s="85"/>
      <c r="Y1886" s="85"/>
      <c r="Z1886" s="85"/>
      <c r="AA1886" s="85"/>
      <c r="AB1886" s="85"/>
      <c r="AC1886" s="85"/>
      <c r="AD1886" s="85"/>
      <c r="AE1886" s="85"/>
      <c r="AF1886" s="85"/>
      <c r="AG1886" s="85"/>
      <c r="AH1886" s="85"/>
      <c r="AI1886" s="85"/>
      <c r="AJ1886" s="85"/>
      <c r="AK1886" s="85"/>
      <c r="AL1886" s="85"/>
      <c r="AM1886" s="85"/>
      <c r="AN1886" s="85"/>
      <c r="AO1886" s="85"/>
      <c r="AP1886" s="85"/>
      <c r="AQ1886" s="85"/>
      <c r="AR1886" s="85"/>
      <c r="AS1886" s="85"/>
      <c r="AT1886" s="85"/>
      <c r="AU1886" s="85"/>
      <c r="AV1886" s="85"/>
      <c r="AW1886" s="85"/>
      <c r="AX1886" s="85"/>
      <c r="AY1886" s="85"/>
      <c r="AZ1886" s="85"/>
      <c r="BA1886" s="85"/>
      <c r="BB1886" s="85"/>
      <c r="BC1886" s="85"/>
      <c r="BD1886" s="85"/>
      <c r="BE1886" s="85"/>
      <c r="BF1886" s="85"/>
      <c r="BG1886" s="85"/>
      <c r="BH1886" s="85"/>
      <c r="BI1886" s="85"/>
      <c r="BJ1886" s="85"/>
      <c r="BK1886" s="85"/>
      <c r="BL1886" s="85"/>
      <c r="BM1886" s="85"/>
      <c r="BN1886" s="85"/>
      <c r="BO1886" s="85"/>
      <c r="BP1886" s="85"/>
      <c r="BQ1886" s="85"/>
      <c r="BR1886" s="85"/>
      <c r="BS1886" s="85"/>
      <c r="BT1886" s="85"/>
      <c r="BU1886" s="85"/>
      <c r="BV1886" s="85"/>
      <c r="BW1886" s="85"/>
      <c r="BX1886" s="85"/>
      <c r="BY1886" s="85"/>
      <c r="BZ1886" s="85"/>
      <c r="CA1886" s="85"/>
      <c r="CB1886" s="85"/>
      <c r="CC1886" s="85"/>
      <c r="CD1886" s="85"/>
      <c r="CE1886" s="85"/>
      <c r="CF1886" s="85"/>
      <c r="CG1886" s="85"/>
    </row>
    <row r="1887" spans="1:85" s="9" customFormat="1" x14ac:dyDescent="0.2">
      <c r="A1887" s="85"/>
      <c r="J1887" s="85"/>
      <c r="K1887" s="85"/>
      <c r="L1887" s="85"/>
      <c r="M1887" s="85"/>
      <c r="N1887" s="85"/>
      <c r="O1887" s="85"/>
      <c r="P1887" s="85"/>
      <c r="Q1887" s="85"/>
      <c r="R1887" s="85"/>
      <c r="S1887" s="85"/>
      <c r="T1887" s="85"/>
      <c r="U1887" s="85"/>
      <c r="V1887" s="85"/>
      <c r="W1887" s="85"/>
      <c r="X1887" s="85"/>
      <c r="Y1887" s="85"/>
      <c r="Z1887" s="85"/>
      <c r="AA1887" s="85"/>
      <c r="AB1887" s="85"/>
      <c r="AC1887" s="85"/>
      <c r="AD1887" s="85"/>
      <c r="AE1887" s="85"/>
      <c r="AF1887" s="85"/>
      <c r="AG1887" s="85"/>
      <c r="AH1887" s="85"/>
      <c r="AI1887" s="85"/>
      <c r="AJ1887" s="85"/>
      <c r="AK1887" s="85"/>
      <c r="AL1887" s="85"/>
      <c r="AM1887" s="85"/>
      <c r="AN1887" s="85"/>
      <c r="AO1887" s="85"/>
      <c r="AP1887" s="85"/>
      <c r="AQ1887" s="85"/>
      <c r="AR1887" s="85"/>
      <c r="AS1887" s="85"/>
      <c r="AT1887" s="85"/>
      <c r="AU1887" s="85"/>
      <c r="AV1887" s="85"/>
      <c r="AW1887" s="85"/>
      <c r="AX1887" s="85"/>
      <c r="AY1887" s="85"/>
      <c r="AZ1887" s="85"/>
      <c r="BA1887" s="85"/>
      <c r="BB1887" s="85"/>
      <c r="BC1887" s="85"/>
      <c r="BD1887" s="85"/>
      <c r="BE1887" s="85"/>
      <c r="BF1887" s="85"/>
      <c r="BG1887" s="85"/>
      <c r="BH1887" s="85"/>
      <c r="BI1887" s="85"/>
      <c r="BJ1887" s="85"/>
      <c r="BK1887" s="85"/>
      <c r="BL1887" s="85"/>
      <c r="BM1887" s="85"/>
      <c r="BN1887" s="85"/>
      <c r="BO1887" s="85"/>
      <c r="BP1887" s="85"/>
      <c r="BQ1887" s="85"/>
      <c r="BR1887" s="85"/>
      <c r="BS1887" s="85"/>
      <c r="BT1887" s="85"/>
      <c r="BU1887" s="85"/>
      <c r="BV1887" s="85"/>
      <c r="BW1887" s="85"/>
      <c r="BX1887" s="85"/>
      <c r="BY1887" s="85"/>
      <c r="BZ1887" s="85"/>
      <c r="CA1887" s="85"/>
      <c r="CB1887" s="85"/>
      <c r="CC1887" s="85"/>
      <c r="CD1887" s="85"/>
      <c r="CE1887" s="85"/>
      <c r="CF1887" s="85"/>
      <c r="CG1887" s="85"/>
    </row>
    <row r="1888" spans="1:85" s="9" customFormat="1" x14ac:dyDescent="0.2">
      <c r="A1888" s="85"/>
      <c r="J1888" s="85"/>
      <c r="K1888" s="85"/>
      <c r="L1888" s="85"/>
      <c r="M1888" s="85"/>
      <c r="N1888" s="85"/>
      <c r="O1888" s="85"/>
      <c r="P1888" s="85"/>
      <c r="Q1888" s="85"/>
      <c r="R1888" s="85"/>
      <c r="S1888" s="85"/>
      <c r="T1888" s="85"/>
      <c r="U1888" s="85"/>
      <c r="V1888" s="85"/>
      <c r="W1888" s="85"/>
      <c r="X1888" s="85"/>
      <c r="Y1888" s="85"/>
      <c r="Z1888" s="85"/>
      <c r="AA1888" s="85"/>
      <c r="AB1888" s="85"/>
      <c r="AC1888" s="85"/>
      <c r="AD1888" s="85"/>
      <c r="AE1888" s="85"/>
      <c r="AF1888" s="85"/>
      <c r="AG1888" s="85"/>
      <c r="AH1888" s="85"/>
      <c r="AI1888" s="85"/>
      <c r="AJ1888" s="85"/>
      <c r="AK1888" s="85"/>
      <c r="AL1888" s="85"/>
      <c r="AM1888" s="85"/>
      <c r="AN1888" s="85"/>
      <c r="AO1888" s="85"/>
      <c r="AP1888" s="85"/>
      <c r="AQ1888" s="85"/>
      <c r="AR1888" s="85"/>
      <c r="AS1888" s="85"/>
      <c r="AT1888" s="85"/>
      <c r="AU1888" s="85"/>
      <c r="AV1888" s="85"/>
      <c r="AW1888" s="85"/>
      <c r="AX1888" s="85"/>
      <c r="AY1888" s="85"/>
      <c r="AZ1888" s="85"/>
      <c r="BA1888" s="85"/>
      <c r="BB1888" s="85"/>
      <c r="BC1888" s="85"/>
      <c r="BD1888" s="85"/>
      <c r="BE1888" s="85"/>
      <c r="BF1888" s="85"/>
      <c r="BG1888" s="85"/>
      <c r="BH1888" s="85"/>
      <c r="BI1888" s="85"/>
      <c r="BJ1888" s="85"/>
      <c r="BK1888" s="85"/>
      <c r="BL1888" s="85"/>
      <c r="BM1888" s="85"/>
      <c r="BN1888" s="85"/>
      <c r="BO1888" s="85"/>
      <c r="BP1888" s="85"/>
      <c r="BQ1888" s="85"/>
      <c r="BR1888" s="85"/>
      <c r="BS1888" s="85"/>
      <c r="BT1888" s="85"/>
      <c r="BU1888" s="85"/>
      <c r="BV1888" s="85"/>
      <c r="BW1888" s="85"/>
      <c r="BX1888" s="85"/>
      <c r="BY1888" s="85"/>
      <c r="BZ1888" s="85"/>
      <c r="CA1888" s="85"/>
      <c r="CB1888" s="85"/>
      <c r="CC1888" s="85"/>
      <c r="CD1888" s="85"/>
      <c r="CE1888" s="85"/>
      <c r="CF1888" s="85"/>
      <c r="CG1888" s="85"/>
    </row>
    <row r="1889" spans="1:85" s="9" customFormat="1" x14ac:dyDescent="0.2">
      <c r="A1889" s="85"/>
      <c r="J1889" s="85"/>
      <c r="K1889" s="85"/>
      <c r="L1889" s="85"/>
      <c r="M1889" s="85"/>
      <c r="N1889" s="85"/>
      <c r="O1889" s="85"/>
      <c r="P1889" s="85"/>
      <c r="Q1889" s="85"/>
      <c r="R1889" s="85"/>
      <c r="S1889" s="85"/>
      <c r="T1889" s="85"/>
      <c r="U1889" s="85"/>
      <c r="V1889" s="85"/>
      <c r="W1889" s="85"/>
      <c r="X1889" s="85"/>
      <c r="Y1889" s="85"/>
      <c r="Z1889" s="85"/>
      <c r="AA1889" s="85"/>
      <c r="AB1889" s="85"/>
      <c r="AC1889" s="85"/>
      <c r="AD1889" s="85"/>
      <c r="AE1889" s="85"/>
      <c r="AF1889" s="85"/>
      <c r="AG1889" s="85"/>
      <c r="AH1889" s="85"/>
      <c r="AI1889" s="85"/>
      <c r="AJ1889" s="85"/>
      <c r="AK1889" s="85"/>
      <c r="AL1889" s="85"/>
      <c r="AM1889" s="85"/>
      <c r="AN1889" s="85"/>
      <c r="AO1889" s="85"/>
      <c r="AP1889" s="85"/>
      <c r="AQ1889" s="85"/>
      <c r="AR1889" s="85"/>
      <c r="AS1889" s="85"/>
      <c r="AT1889" s="85"/>
      <c r="AU1889" s="85"/>
      <c r="AV1889" s="85"/>
      <c r="AW1889" s="85"/>
      <c r="AX1889" s="85"/>
      <c r="AY1889" s="85"/>
      <c r="AZ1889" s="85"/>
      <c r="BA1889" s="85"/>
      <c r="BB1889" s="85"/>
      <c r="BC1889" s="85"/>
      <c r="BD1889" s="85"/>
      <c r="BE1889" s="85"/>
      <c r="BF1889" s="85"/>
      <c r="BG1889" s="85"/>
      <c r="BH1889" s="85"/>
      <c r="BI1889" s="85"/>
      <c r="BJ1889" s="85"/>
      <c r="BK1889" s="85"/>
      <c r="BL1889" s="85"/>
      <c r="BM1889" s="85"/>
      <c r="BN1889" s="85"/>
      <c r="BO1889" s="85"/>
      <c r="BP1889" s="85"/>
      <c r="BQ1889" s="85"/>
      <c r="BR1889" s="85"/>
      <c r="BS1889" s="85"/>
      <c r="BT1889" s="85"/>
      <c r="BU1889" s="85"/>
      <c r="BV1889" s="85"/>
      <c r="BW1889" s="85"/>
      <c r="BX1889" s="85"/>
      <c r="BY1889" s="85"/>
      <c r="BZ1889" s="85"/>
      <c r="CA1889" s="85"/>
      <c r="CB1889" s="85"/>
      <c r="CC1889" s="85"/>
      <c r="CD1889" s="85"/>
      <c r="CE1889" s="85"/>
      <c r="CF1889" s="85"/>
      <c r="CG1889" s="85"/>
    </row>
    <row r="1890" spans="1:85" s="9" customFormat="1" x14ac:dyDescent="0.2">
      <c r="A1890" s="85"/>
      <c r="J1890" s="85"/>
      <c r="K1890" s="85"/>
      <c r="L1890" s="85"/>
      <c r="M1890" s="85"/>
      <c r="N1890" s="85"/>
      <c r="O1890" s="85"/>
      <c r="P1890" s="85"/>
      <c r="Q1890" s="85"/>
      <c r="R1890" s="85"/>
      <c r="S1890" s="85"/>
      <c r="T1890" s="85"/>
      <c r="U1890" s="85"/>
      <c r="V1890" s="85"/>
      <c r="W1890" s="85"/>
      <c r="X1890" s="85"/>
      <c r="Y1890" s="85"/>
      <c r="Z1890" s="85"/>
      <c r="AA1890" s="85"/>
      <c r="AB1890" s="85"/>
      <c r="AC1890" s="85"/>
      <c r="AD1890" s="85"/>
      <c r="AE1890" s="85"/>
      <c r="AF1890" s="85"/>
      <c r="AG1890" s="85"/>
      <c r="AH1890" s="85"/>
      <c r="AI1890" s="85"/>
      <c r="AJ1890" s="85"/>
      <c r="AK1890" s="85"/>
      <c r="AL1890" s="85"/>
      <c r="AM1890" s="85"/>
      <c r="AN1890" s="85"/>
      <c r="AO1890" s="85"/>
      <c r="AP1890" s="85"/>
      <c r="AQ1890" s="85"/>
      <c r="AR1890" s="85"/>
      <c r="AS1890" s="85"/>
      <c r="AT1890" s="85"/>
      <c r="AU1890" s="85"/>
      <c r="AV1890" s="85"/>
      <c r="AW1890" s="85"/>
      <c r="AX1890" s="85"/>
      <c r="AY1890" s="85"/>
      <c r="AZ1890" s="85"/>
      <c r="BA1890" s="85"/>
      <c r="BB1890" s="85"/>
      <c r="BC1890" s="85"/>
      <c r="BD1890" s="85"/>
      <c r="BE1890" s="85"/>
      <c r="BF1890" s="85"/>
      <c r="BG1890" s="85"/>
      <c r="BH1890" s="85"/>
      <c r="BI1890" s="85"/>
      <c r="BJ1890" s="85"/>
      <c r="BK1890" s="85"/>
      <c r="BL1890" s="85"/>
      <c r="BM1890" s="85"/>
      <c r="BN1890" s="85"/>
      <c r="BO1890" s="85"/>
      <c r="BP1890" s="85"/>
      <c r="BQ1890" s="85"/>
      <c r="BR1890" s="85"/>
      <c r="BS1890" s="85"/>
      <c r="BT1890" s="85"/>
      <c r="BU1890" s="85"/>
      <c r="BV1890" s="85"/>
      <c r="BW1890" s="85"/>
      <c r="BX1890" s="85"/>
      <c r="BY1890" s="85"/>
      <c r="BZ1890" s="85"/>
      <c r="CA1890" s="85"/>
      <c r="CB1890" s="85"/>
      <c r="CC1890" s="85"/>
      <c r="CD1890" s="85"/>
      <c r="CE1890" s="85"/>
      <c r="CF1890" s="85"/>
      <c r="CG1890" s="85"/>
    </row>
    <row r="1891" spans="1:85" s="9" customFormat="1" x14ac:dyDescent="0.2">
      <c r="A1891" s="85"/>
      <c r="J1891" s="85"/>
      <c r="K1891" s="85"/>
      <c r="L1891" s="85"/>
      <c r="M1891" s="85"/>
      <c r="N1891" s="85"/>
      <c r="O1891" s="85"/>
      <c r="P1891" s="85"/>
      <c r="Q1891" s="85"/>
      <c r="R1891" s="85"/>
      <c r="S1891" s="85"/>
      <c r="T1891" s="85"/>
      <c r="U1891" s="85"/>
      <c r="V1891" s="85"/>
      <c r="W1891" s="85"/>
      <c r="X1891" s="85"/>
      <c r="Y1891" s="85"/>
      <c r="Z1891" s="85"/>
      <c r="AA1891" s="85"/>
      <c r="AB1891" s="85"/>
      <c r="AC1891" s="85"/>
      <c r="AD1891" s="85"/>
      <c r="AE1891" s="85"/>
      <c r="AF1891" s="85"/>
      <c r="AG1891" s="85"/>
      <c r="AH1891" s="85"/>
      <c r="AI1891" s="85"/>
      <c r="AJ1891" s="85"/>
      <c r="AK1891" s="85"/>
      <c r="AL1891" s="85"/>
      <c r="AM1891" s="85"/>
      <c r="AN1891" s="85"/>
      <c r="AO1891" s="85"/>
      <c r="AP1891" s="85"/>
      <c r="AQ1891" s="85"/>
      <c r="AR1891" s="85"/>
      <c r="AS1891" s="85"/>
      <c r="AT1891" s="85"/>
      <c r="AU1891" s="85"/>
      <c r="AV1891" s="85"/>
      <c r="AW1891" s="85"/>
      <c r="AX1891" s="85"/>
      <c r="AY1891" s="85"/>
      <c r="AZ1891" s="85"/>
      <c r="BA1891" s="85"/>
      <c r="BB1891" s="85"/>
      <c r="BC1891" s="85"/>
      <c r="BD1891" s="85"/>
      <c r="BE1891" s="85"/>
      <c r="BF1891" s="85"/>
      <c r="BG1891" s="85"/>
      <c r="BH1891" s="85"/>
      <c r="BI1891" s="85"/>
      <c r="BJ1891" s="85"/>
      <c r="BK1891" s="85"/>
      <c r="BL1891" s="85"/>
      <c r="BM1891" s="85"/>
      <c r="BN1891" s="85"/>
      <c r="BO1891" s="85"/>
      <c r="BP1891" s="85"/>
      <c r="BQ1891" s="85"/>
      <c r="BR1891" s="85"/>
      <c r="BS1891" s="85"/>
      <c r="BT1891" s="85"/>
      <c r="BU1891" s="85"/>
      <c r="BV1891" s="85"/>
      <c r="BW1891" s="85"/>
      <c r="BX1891" s="85"/>
      <c r="BY1891" s="85"/>
      <c r="BZ1891" s="85"/>
      <c r="CA1891" s="85"/>
      <c r="CB1891" s="85"/>
      <c r="CC1891" s="85"/>
      <c r="CD1891" s="85"/>
      <c r="CE1891" s="85"/>
      <c r="CF1891" s="85"/>
      <c r="CG1891" s="85"/>
    </row>
    <row r="1892" spans="1:85" s="9" customFormat="1" x14ac:dyDescent="0.2">
      <c r="A1892" s="85"/>
      <c r="J1892" s="85"/>
      <c r="K1892" s="85"/>
      <c r="L1892" s="85"/>
      <c r="M1892" s="85"/>
      <c r="N1892" s="85"/>
      <c r="O1892" s="85"/>
      <c r="P1892" s="85"/>
      <c r="Q1892" s="85"/>
      <c r="R1892" s="85"/>
      <c r="S1892" s="85"/>
      <c r="T1892" s="85"/>
      <c r="U1892" s="85"/>
      <c r="V1892" s="85"/>
      <c r="W1892" s="85"/>
      <c r="X1892" s="85"/>
      <c r="Y1892" s="85"/>
      <c r="Z1892" s="85"/>
      <c r="AA1892" s="85"/>
      <c r="AB1892" s="85"/>
      <c r="AC1892" s="85"/>
      <c r="AD1892" s="85"/>
      <c r="AE1892" s="85"/>
      <c r="AF1892" s="85"/>
      <c r="AG1892" s="85"/>
      <c r="AH1892" s="85"/>
      <c r="AI1892" s="85"/>
      <c r="AJ1892" s="85"/>
      <c r="AK1892" s="85"/>
      <c r="AL1892" s="85"/>
      <c r="AM1892" s="85"/>
      <c r="AN1892" s="85"/>
      <c r="AO1892" s="85"/>
      <c r="AP1892" s="85"/>
      <c r="AQ1892" s="85"/>
      <c r="AR1892" s="85"/>
      <c r="AS1892" s="85"/>
      <c r="AT1892" s="85"/>
      <c r="AU1892" s="85"/>
      <c r="AV1892" s="85"/>
      <c r="AW1892" s="85"/>
      <c r="AX1892" s="85"/>
      <c r="AY1892" s="85"/>
      <c r="AZ1892" s="85"/>
      <c r="BA1892" s="85"/>
      <c r="BB1892" s="85"/>
      <c r="BC1892" s="85"/>
      <c r="BD1892" s="85"/>
      <c r="BE1892" s="85"/>
      <c r="BF1892" s="85"/>
      <c r="BG1892" s="85"/>
      <c r="BH1892" s="85"/>
      <c r="BI1892" s="85"/>
      <c r="BJ1892" s="85"/>
      <c r="BK1892" s="85"/>
      <c r="BL1892" s="85"/>
      <c r="BM1892" s="85"/>
      <c r="BN1892" s="85"/>
      <c r="BO1892" s="85"/>
      <c r="BP1892" s="85"/>
      <c r="BQ1892" s="85"/>
      <c r="BR1892" s="85"/>
      <c r="BS1892" s="85"/>
      <c r="BT1892" s="85"/>
      <c r="BU1892" s="85"/>
      <c r="BV1892" s="85"/>
      <c r="BW1892" s="85"/>
      <c r="BX1892" s="85"/>
      <c r="BY1892" s="85"/>
      <c r="BZ1892" s="85"/>
      <c r="CA1892" s="85"/>
      <c r="CB1892" s="85"/>
      <c r="CC1892" s="85"/>
      <c r="CD1892" s="85"/>
      <c r="CE1892" s="85"/>
      <c r="CF1892" s="85"/>
      <c r="CG1892" s="85"/>
    </row>
    <row r="1893" spans="1:85" s="9" customFormat="1" x14ac:dyDescent="0.2">
      <c r="A1893" s="85"/>
      <c r="J1893" s="85"/>
      <c r="K1893" s="85"/>
      <c r="L1893" s="85"/>
      <c r="M1893" s="85"/>
      <c r="N1893" s="85"/>
      <c r="O1893" s="85"/>
      <c r="P1893" s="85"/>
      <c r="Q1893" s="85"/>
      <c r="R1893" s="85"/>
      <c r="S1893" s="85"/>
      <c r="T1893" s="85"/>
      <c r="U1893" s="85"/>
      <c r="V1893" s="85"/>
      <c r="W1893" s="85"/>
      <c r="X1893" s="85"/>
      <c r="Y1893" s="85"/>
      <c r="Z1893" s="85"/>
      <c r="AA1893" s="85"/>
      <c r="AB1893" s="85"/>
      <c r="AC1893" s="85"/>
      <c r="AD1893" s="85"/>
      <c r="AE1893" s="85"/>
      <c r="AF1893" s="85"/>
      <c r="AG1893" s="85"/>
      <c r="AH1893" s="85"/>
      <c r="AI1893" s="85"/>
      <c r="AJ1893" s="85"/>
      <c r="AK1893" s="85"/>
      <c r="AL1893" s="85"/>
      <c r="AM1893" s="85"/>
      <c r="AN1893" s="85"/>
      <c r="AO1893" s="85"/>
      <c r="AP1893" s="85"/>
      <c r="AQ1893" s="85"/>
      <c r="AR1893" s="85"/>
      <c r="AS1893" s="85"/>
      <c r="AT1893" s="85"/>
      <c r="AU1893" s="85"/>
      <c r="AV1893" s="85"/>
      <c r="AW1893" s="85"/>
      <c r="AX1893" s="85"/>
      <c r="AY1893" s="85"/>
      <c r="AZ1893" s="85"/>
      <c r="BA1893" s="85"/>
      <c r="BB1893" s="85"/>
      <c r="BC1893" s="85"/>
      <c r="BD1893" s="85"/>
      <c r="BE1893" s="85"/>
      <c r="BF1893" s="85"/>
      <c r="BG1893" s="85"/>
      <c r="BH1893" s="85"/>
      <c r="BI1893" s="85"/>
      <c r="BJ1893" s="85"/>
      <c r="BK1893" s="85"/>
      <c r="BL1893" s="85"/>
      <c r="BM1893" s="85"/>
      <c r="BN1893" s="85"/>
      <c r="BO1893" s="85"/>
      <c r="BP1893" s="85"/>
      <c r="BQ1893" s="85"/>
      <c r="BR1893" s="85"/>
      <c r="BS1893" s="85"/>
      <c r="BT1893" s="85"/>
      <c r="BU1893" s="85"/>
      <c r="BV1893" s="85"/>
      <c r="BW1893" s="85"/>
      <c r="BX1893" s="85"/>
      <c r="BY1893" s="85"/>
      <c r="BZ1893" s="85"/>
      <c r="CA1893" s="85"/>
      <c r="CB1893" s="85"/>
      <c r="CC1893" s="85"/>
      <c r="CD1893" s="85"/>
      <c r="CE1893" s="85"/>
      <c r="CF1893" s="85"/>
      <c r="CG1893" s="85"/>
    </row>
    <row r="1894" spans="1:85" s="9" customFormat="1" x14ac:dyDescent="0.2">
      <c r="A1894" s="85"/>
      <c r="J1894" s="85"/>
      <c r="K1894" s="85"/>
      <c r="L1894" s="85"/>
      <c r="M1894" s="85"/>
      <c r="N1894" s="85"/>
      <c r="O1894" s="85"/>
      <c r="P1894" s="85"/>
      <c r="Q1894" s="85"/>
      <c r="R1894" s="85"/>
      <c r="S1894" s="85"/>
      <c r="T1894" s="85"/>
      <c r="U1894" s="85"/>
      <c r="V1894" s="85"/>
      <c r="W1894" s="85"/>
      <c r="X1894" s="85"/>
      <c r="Y1894" s="85"/>
      <c r="Z1894" s="85"/>
      <c r="AA1894" s="85"/>
      <c r="AB1894" s="85"/>
      <c r="AC1894" s="85"/>
      <c r="AD1894" s="85"/>
      <c r="AE1894" s="85"/>
      <c r="AF1894" s="85"/>
      <c r="AG1894" s="85"/>
      <c r="AH1894" s="85"/>
      <c r="AI1894" s="85"/>
      <c r="AJ1894" s="85"/>
      <c r="AK1894" s="85"/>
      <c r="AL1894" s="85"/>
      <c r="AM1894" s="85"/>
      <c r="AN1894" s="85"/>
      <c r="AO1894" s="85"/>
      <c r="AP1894" s="85"/>
      <c r="AQ1894" s="85"/>
      <c r="AR1894" s="85"/>
      <c r="AS1894" s="85"/>
      <c r="AT1894" s="85"/>
      <c r="AU1894" s="85"/>
      <c r="AV1894" s="85"/>
      <c r="AW1894" s="85"/>
      <c r="AX1894" s="85"/>
      <c r="AY1894" s="85"/>
      <c r="AZ1894" s="85"/>
      <c r="BA1894" s="85"/>
      <c r="BB1894" s="85"/>
      <c r="BC1894" s="85"/>
      <c r="BD1894" s="85"/>
      <c r="BE1894" s="85"/>
      <c r="BF1894" s="85"/>
      <c r="BG1894" s="85"/>
      <c r="BH1894" s="85"/>
      <c r="BI1894" s="85"/>
      <c r="BJ1894" s="85"/>
      <c r="BK1894" s="85"/>
      <c r="BL1894" s="85"/>
      <c r="BM1894" s="85"/>
      <c r="BN1894" s="85"/>
      <c r="BO1894" s="85"/>
      <c r="BP1894" s="85"/>
      <c r="BQ1894" s="85"/>
      <c r="BR1894" s="85"/>
      <c r="BS1894" s="85"/>
      <c r="BT1894" s="85"/>
      <c r="BU1894" s="85"/>
      <c r="BV1894" s="85"/>
      <c r="BW1894" s="85"/>
      <c r="BX1894" s="85"/>
      <c r="BY1894" s="85"/>
      <c r="BZ1894" s="85"/>
      <c r="CA1894" s="85"/>
      <c r="CB1894" s="85"/>
      <c r="CC1894" s="85"/>
      <c r="CD1894" s="85"/>
      <c r="CE1894" s="85"/>
      <c r="CF1894" s="85"/>
      <c r="CG1894" s="85"/>
    </row>
    <row r="1895" spans="1:85" s="9" customFormat="1" x14ac:dyDescent="0.2">
      <c r="A1895" s="85"/>
      <c r="J1895" s="85"/>
      <c r="K1895" s="85"/>
      <c r="L1895" s="85"/>
      <c r="M1895" s="85"/>
      <c r="N1895" s="85"/>
      <c r="O1895" s="85"/>
      <c r="P1895" s="85"/>
      <c r="Q1895" s="85"/>
      <c r="R1895" s="85"/>
      <c r="S1895" s="85"/>
      <c r="T1895" s="85"/>
      <c r="U1895" s="85"/>
      <c r="V1895" s="85"/>
      <c r="W1895" s="85"/>
      <c r="X1895" s="85"/>
      <c r="Y1895" s="85"/>
      <c r="Z1895" s="85"/>
      <c r="AA1895" s="85"/>
      <c r="AB1895" s="85"/>
      <c r="AC1895" s="85"/>
      <c r="AD1895" s="85"/>
      <c r="AE1895" s="85"/>
      <c r="AF1895" s="85"/>
      <c r="AG1895" s="85"/>
      <c r="AH1895" s="85"/>
      <c r="AI1895" s="85"/>
      <c r="AJ1895" s="85"/>
      <c r="AK1895" s="85"/>
      <c r="AL1895" s="85"/>
      <c r="AM1895" s="85"/>
      <c r="AN1895" s="85"/>
      <c r="AO1895" s="85"/>
      <c r="AP1895" s="85"/>
      <c r="AQ1895" s="85"/>
      <c r="AR1895" s="85"/>
      <c r="AS1895" s="85"/>
      <c r="AT1895" s="85"/>
      <c r="AU1895" s="85"/>
      <c r="AV1895" s="85"/>
      <c r="AW1895" s="85"/>
      <c r="AX1895" s="85"/>
      <c r="AY1895" s="85"/>
      <c r="AZ1895" s="85"/>
      <c r="BA1895" s="85"/>
      <c r="BB1895" s="85"/>
      <c r="BC1895" s="85"/>
      <c r="BD1895" s="85"/>
      <c r="BE1895" s="85"/>
      <c r="BF1895" s="85"/>
      <c r="BG1895" s="85"/>
      <c r="BH1895" s="85"/>
      <c r="BI1895" s="85"/>
      <c r="BJ1895" s="85"/>
      <c r="BK1895" s="85"/>
      <c r="BL1895" s="85"/>
      <c r="BM1895" s="85"/>
      <c r="BN1895" s="85"/>
      <c r="BO1895" s="85"/>
      <c r="BP1895" s="85"/>
      <c r="BQ1895" s="85"/>
      <c r="BR1895" s="85"/>
      <c r="BS1895" s="85"/>
      <c r="BT1895" s="85"/>
      <c r="BU1895" s="85"/>
      <c r="BV1895" s="85"/>
      <c r="BW1895" s="85"/>
      <c r="BX1895" s="85"/>
      <c r="BY1895" s="85"/>
      <c r="BZ1895" s="85"/>
      <c r="CA1895" s="85"/>
      <c r="CB1895" s="85"/>
      <c r="CC1895" s="85"/>
      <c r="CD1895" s="85"/>
      <c r="CE1895" s="85"/>
      <c r="CF1895" s="85"/>
      <c r="CG1895" s="85"/>
    </row>
    <row r="1896" spans="1:85" s="9" customFormat="1" x14ac:dyDescent="0.2">
      <c r="A1896" s="85"/>
      <c r="J1896" s="85"/>
      <c r="K1896" s="85"/>
      <c r="L1896" s="85"/>
      <c r="M1896" s="85"/>
      <c r="N1896" s="85"/>
      <c r="O1896" s="85"/>
      <c r="P1896" s="85"/>
      <c r="Q1896" s="85"/>
      <c r="R1896" s="85"/>
      <c r="S1896" s="85"/>
      <c r="T1896" s="85"/>
      <c r="U1896" s="85"/>
      <c r="V1896" s="85"/>
      <c r="W1896" s="85"/>
      <c r="X1896" s="85"/>
      <c r="Y1896" s="85"/>
      <c r="Z1896" s="85"/>
      <c r="AA1896" s="85"/>
      <c r="AB1896" s="85"/>
      <c r="AC1896" s="85"/>
      <c r="AD1896" s="85"/>
      <c r="AE1896" s="85"/>
      <c r="AF1896" s="85"/>
      <c r="AG1896" s="85"/>
      <c r="AH1896" s="85"/>
      <c r="AI1896" s="85"/>
      <c r="AJ1896" s="85"/>
      <c r="AK1896" s="85"/>
      <c r="AL1896" s="85"/>
      <c r="AM1896" s="85"/>
      <c r="AN1896" s="85"/>
      <c r="AO1896" s="85"/>
      <c r="AP1896" s="85"/>
      <c r="AQ1896" s="85"/>
      <c r="AR1896" s="85"/>
      <c r="AS1896" s="85"/>
      <c r="AT1896" s="85"/>
      <c r="AU1896" s="85"/>
      <c r="AV1896" s="85"/>
      <c r="AW1896" s="85"/>
      <c r="AX1896" s="85"/>
      <c r="AY1896" s="85"/>
      <c r="AZ1896" s="85"/>
      <c r="BA1896" s="85"/>
      <c r="BB1896" s="85"/>
      <c r="BC1896" s="85"/>
      <c r="BD1896" s="85"/>
      <c r="BE1896" s="85"/>
      <c r="BF1896" s="85"/>
      <c r="BG1896" s="85"/>
      <c r="BH1896" s="85"/>
      <c r="BI1896" s="85"/>
      <c r="BJ1896" s="85"/>
      <c r="BK1896" s="85"/>
      <c r="BL1896" s="85"/>
      <c r="BM1896" s="85"/>
      <c r="BN1896" s="85"/>
      <c r="BO1896" s="85"/>
      <c r="BP1896" s="85"/>
      <c r="BQ1896" s="85"/>
      <c r="BR1896" s="85"/>
      <c r="BS1896" s="85"/>
      <c r="BT1896" s="85"/>
      <c r="BU1896" s="85"/>
      <c r="BV1896" s="85"/>
      <c r="BW1896" s="85"/>
      <c r="BX1896" s="85"/>
      <c r="BY1896" s="85"/>
      <c r="BZ1896" s="85"/>
      <c r="CA1896" s="85"/>
      <c r="CB1896" s="85"/>
      <c r="CC1896" s="85"/>
      <c r="CD1896" s="85"/>
      <c r="CE1896" s="85"/>
      <c r="CF1896" s="85"/>
      <c r="CG1896" s="85"/>
    </row>
    <row r="1897" spans="1:85" s="9" customFormat="1" x14ac:dyDescent="0.2">
      <c r="A1897" s="85"/>
      <c r="J1897" s="85"/>
      <c r="K1897" s="85"/>
      <c r="L1897" s="85"/>
      <c r="M1897" s="85"/>
      <c r="N1897" s="85"/>
      <c r="O1897" s="85"/>
      <c r="P1897" s="85"/>
      <c r="Q1897" s="85"/>
      <c r="R1897" s="85"/>
      <c r="S1897" s="85"/>
      <c r="T1897" s="85"/>
      <c r="U1897" s="85"/>
      <c r="V1897" s="85"/>
      <c r="W1897" s="85"/>
      <c r="X1897" s="85"/>
      <c r="Y1897" s="85"/>
      <c r="Z1897" s="85"/>
      <c r="AA1897" s="85"/>
      <c r="AB1897" s="85"/>
      <c r="AC1897" s="85"/>
      <c r="AD1897" s="85"/>
      <c r="AE1897" s="85"/>
      <c r="AF1897" s="85"/>
      <c r="AG1897" s="85"/>
      <c r="AH1897" s="85"/>
      <c r="AI1897" s="85"/>
      <c r="AJ1897" s="85"/>
      <c r="AK1897" s="85"/>
      <c r="AL1897" s="85"/>
      <c r="AM1897" s="85"/>
      <c r="AN1897" s="85"/>
      <c r="AO1897" s="85"/>
      <c r="AP1897" s="85"/>
      <c r="AQ1897" s="85"/>
      <c r="AR1897" s="85"/>
      <c r="AS1897" s="85"/>
      <c r="AT1897" s="85"/>
      <c r="AU1897" s="85"/>
      <c r="AV1897" s="85"/>
      <c r="AW1897" s="85"/>
      <c r="AX1897" s="85"/>
      <c r="AY1897" s="85"/>
      <c r="AZ1897" s="85"/>
      <c r="BA1897" s="85"/>
      <c r="BB1897" s="85"/>
      <c r="BC1897" s="85"/>
      <c r="BD1897" s="85"/>
      <c r="BE1897" s="85"/>
      <c r="BF1897" s="85"/>
      <c r="BG1897" s="85"/>
      <c r="BH1897" s="85"/>
      <c r="BI1897" s="85"/>
      <c r="BJ1897" s="85"/>
      <c r="BK1897" s="85"/>
      <c r="BL1897" s="85"/>
      <c r="BM1897" s="85"/>
      <c r="BN1897" s="85"/>
      <c r="BO1897" s="85"/>
      <c r="BP1897" s="85"/>
      <c r="BQ1897" s="85"/>
      <c r="BR1897" s="85"/>
      <c r="BS1897" s="85"/>
      <c r="BT1897" s="85"/>
      <c r="BU1897" s="85"/>
      <c r="BV1897" s="85"/>
      <c r="BW1897" s="85"/>
      <c r="BX1897" s="85"/>
      <c r="BY1897" s="85"/>
      <c r="BZ1897" s="85"/>
      <c r="CA1897" s="85"/>
      <c r="CB1897" s="85"/>
      <c r="CC1897" s="85"/>
      <c r="CD1897" s="85"/>
      <c r="CE1897" s="85"/>
      <c r="CF1897" s="85"/>
      <c r="CG1897" s="85"/>
    </row>
    <row r="1898" spans="1:85" s="9" customFormat="1" x14ac:dyDescent="0.2">
      <c r="A1898" s="85"/>
      <c r="J1898" s="85"/>
      <c r="K1898" s="85"/>
      <c r="L1898" s="85"/>
      <c r="M1898" s="85"/>
      <c r="N1898" s="85"/>
      <c r="O1898" s="85"/>
      <c r="P1898" s="85"/>
      <c r="Q1898" s="85"/>
      <c r="R1898" s="85"/>
      <c r="S1898" s="85"/>
      <c r="T1898" s="85"/>
      <c r="U1898" s="85"/>
      <c r="V1898" s="85"/>
      <c r="W1898" s="85"/>
      <c r="X1898" s="85"/>
      <c r="Y1898" s="85"/>
      <c r="Z1898" s="85"/>
      <c r="AA1898" s="85"/>
      <c r="AB1898" s="85"/>
      <c r="AC1898" s="85"/>
      <c r="AD1898" s="85"/>
      <c r="AE1898" s="85"/>
      <c r="AF1898" s="85"/>
      <c r="AG1898" s="85"/>
      <c r="AH1898" s="85"/>
      <c r="AI1898" s="85"/>
      <c r="AJ1898" s="85"/>
      <c r="AK1898" s="85"/>
      <c r="AL1898" s="85"/>
      <c r="AM1898" s="85"/>
      <c r="AN1898" s="85"/>
      <c r="AO1898" s="85"/>
      <c r="AP1898" s="85"/>
      <c r="AQ1898" s="85"/>
      <c r="AR1898" s="85"/>
      <c r="AS1898" s="85"/>
      <c r="AT1898" s="85"/>
      <c r="AU1898" s="85"/>
      <c r="AV1898" s="85"/>
      <c r="AW1898" s="85"/>
      <c r="AX1898" s="85"/>
      <c r="AY1898" s="85"/>
      <c r="AZ1898" s="85"/>
      <c r="BA1898" s="85"/>
      <c r="BB1898" s="85"/>
      <c r="BC1898" s="85"/>
      <c r="BD1898" s="85"/>
      <c r="BE1898" s="85"/>
      <c r="BF1898" s="85"/>
      <c r="BG1898" s="85"/>
      <c r="BH1898" s="85"/>
      <c r="BI1898" s="85"/>
      <c r="BJ1898" s="85"/>
      <c r="BK1898" s="85"/>
      <c r="BL1898" s="85"/>
      <c r="BM1898" s="85"/>
      <c r="BN1898" s="85"/>
      <c r="BO1898" s="85"/>
      <c r="BP1898" s="85"/>
      <c r="BQ1898" s="85"/>
      <c r="BR1898" s="85"/>
      <c r="BS1898" s="85"/>
      <c r="BT1898" s="85"/>
      <c r="BU1898" s="85"/>
      <c r="BV1898" s="85"/>
      <c r="BW1898" s="85"/>
      <c r="BX1898" s="85"/>
      <c r="BY1898" s="85"/>
      <c r="BZ1898" s="85"/>
      <c r="CA1898" s="85"/>
      <c r="CB1898" s="85"/>
      <c r="CC1898" s="85"/>
      <c r="CD1898" s="85"/>
      <c r="CE1898" s="85"/>
      <c r="CF1898" s="85"/>
      <c r="CG1898" s="85"/>
    </row>
    <row r="1899" spans="1:85" s="9" customFormat="1" x14ac:dyDescent="0.2">
      <c r="A1899" s="85"/>
      <c r="J1899" s="85"/>
      <c r="K1899" s="85"/>
      <c r="L1899" s="85"/>
      <c r="M1899" s="85"/>
      <c r="N1899" s="85"/>
      <c r="O1899" s="85"/>
      <c r="P1899" s="85"/>
      <c r="Q1899" s="85"/>
      <c r="R1899" s="85"/>
      <c r="S1899" s="85"/>
      <c r="T1899" s="85"/>
      <c r="U1899" s="85"/>
      <c r="V1899" s="85"/>
      <c r="W1899" s="85"/>
      <c r="X1899" s="85"/>
      <c r="Y1899" s="85"/>
      <c r="Z1899" s="85"/>
      <c r="AA1899" s="85"/>
      <c r="AB1899" s="85"/>
      <c r="AC1899" s="85"/>
      <c r="AD1899" s="85"/>
      <c r="AE1899" s="85"/>
      <c r="AF1899" s="85"/>
      <c r="AG1899" s="85"/>
      <c r="AH1899" s="85"/>
      <c r="AI1899" s="85"/>
      <c r="AJ1899" s="85"/>
      <c r="AK1899" s="85"/>
      <c r="AL1899" s="85"/>
      <c r="AM1899" s="85"/>
      <c r="AN1899" s="85"/>
      <c r="AO1899" s="85"/>
      <c r="AP1899" s="85"/>
      <c r="AQ1899" s="85"/>
      <c r="AR1899" s="85"/>
      <c r="AS1899" s="85"/>
      <c r="AT1899" s="85"/>
      <c r="AU1899" s="85"/>
      <c r="AV1899" s="85"/>
      <c r="AW1899" s="85"/>
      <c r="AX1899" s="85"/>
      <c r="AY1899" s="85"/>
      <c r="AZ1899" s="85"/>
      <c r="BA1899" s="85"/>
      <c r="BB1899" s="85"/>
      <c r="BC1899" s="85"/>
      <c r="BD1899" s="85"/>
      <c r="BE1899" s="85"/>
      <c r="BF1899" s="85"/>
      <c r="BG1899" s="85"/>
      <c r="BH1899" s="85"/>
      <c r="BI1899" s="85"/>
      <c r="BJ1899" s="85"/>
      <c r="BK1899" s="85"/>
      <c r="BL1899" s="85"/>
      <c r="BM1899" s="85"/>
      <c r="BN1899" s="85"/>
      <c r="BO1899" s="85"/>
      <c r="BP1899" s="85"/>
      <c r="BQ1899" s="85"/>
      <c r="BR1899" s="85"/>
      <c r="BS1899" s="85"/>
      <c r="BT1899" s="85"/>
      <c r="BU1899" s="85"/>
      <c r="BV1899" s="85"/>
      <c r="BW1899" s="85"/>
      <c r="BX1899" s="85"/>
      <c r="BY1899" s="85"/>
      <c r="BZ1899" s="85"/>
      <c r="CA1899" s="85"/>
      <c r="CB1899" s="85"/>
      <c r="CC1899" s="85"/>
      <c r="CD1899" s="85"/>
      <c r="CE1899" s="85"/>
      <c r="CF1899" s="85"/>
      <c r="CG1899" s="85"/>
    </row>
    <row r="1900" spans="1:85" s="9" customFormat="1" x14ac:dyDescent="0.2">
      <c r="A1900" s="85"/>
      <c r="J1900" s="85"/>
      <c r="K1900" s="85"/>
      <c r="L1900" s="85"/>
      <c r="M1900" s="85"/>
      <c r="N1900" s="85"/>
      <c r="O1900" s="85"/>
      <c r="P1900" s="85"/>
      <c r="Q1900" s="85"/>
      <c r="R1900" s="85"/>
      <c r="S1900" s="85"/>
      <c r="T1900" s="85"/>
      <c r="U1900" s="85"/>
      <c r="V1900" s="85"/>
      <c r="W1900" s="85"/>
      <c r="X1900" s="85"/>
      <c r="Y1900" s="85"/>
      <c r="Z1900" s="85"/>
      <c r="AA1900" s="85"/>
      <c r="AB1900" s="85"/>
      <c r="AC1900" s="85"/>
      <c r="AD1900" s="85"/>
      <c r="AE1900" s="85"/>
      <c r="AF1900" s="85"/>
      <c r="AG1900" s="85"/>
      <c r="AH1900" s="85"/>
      <c r="AI1900" s="85"/>
      <c r="AJ1900" s="85"/>
      <c r="AK1900" s="85"/>
      <c r="AL1900" s="85"/>
      <c r="AM1900" s="85"/>
      <c r="AN1900" s="85"/>
      <c r="AO1900" s="85"/>
      <c r="AP1900" s="85"/>
      <c r="AQ1900" s="85"/>
      <c r="AR1900" s="85"/>
      <c r="AS1900" s="85"/>
      <c r="AT1900" s="85"/>
      <c r="AU1900" s="85"/>
      <c r="AV1900" s="85"/>
      <c r="AW1900" s="85"/>
      <c r="AX1900" s="85"/>
      <c r="AY1900" s="85"/>
      <c r="AZ1900" s="85"/>
      <c r="BA1900" s="85"/>
      <c r="BB1900" s="85"/>
      <c r="BC1900" s="85"/>
      <c r="BD1900" s="85"/>
      <c r="BE1900" s="85"/>
      <c r="BF1900" s="85"/>
      <c r="BG1900" s="85"/>
      <c r="BH1900" s="85"/>
      <c r="BI1900" s="85"/>
      <c r="BJ1900" s="85"/>
      <c r="BK1900" s="85"/>
      <c r="BL1900" s="85"/>
      <c r="BM1900" s="85"/>
      <c r="BN1900" s="85"/>
      <c r="BO1900" s="85"/>
      <c r="BP1900" s="85"/>
      <c r="BQ1900" s="85"/>
      <c r="BR1900" s="85"/>
      <c r="BS1900" s="85"/>
      <c r="BT1900" s="85"/>
      <c r="BU1900" s="85"/>
      <c r="BV1900" s="85"/>
      <c r="BW1900" s="85"/>
      <c r="BX1900" s="85"/>
      <c r="BY1900" s="85"/>
      <c r="BZ1900" s="85"/>
      <c r="CA1900" s="85"/>
      <c r="CB1900" s="85"/>
      <c r="CC1900" s="85"/>
      <c r="CD1900" s="85"/>
      <c r="CE1900" s="85"/>
      <c r="CF1900" s="85"/>
      <c r="CG1900" s="85"/>
    </row>
    <row r="1901" spans="1:85" s="9" customFormat="1" x14ac:dyDescent="0.2">
      <c r="A1901" s="85"/>
      <c r="J1901" s="85"/>
      <c r="K1901" s="85"/>
      <c r="L1901" s="85"/>
      <c r="M1901" s="85"/>
      <c r="N1901" s="85"/>
      <c r="O1901" s="85"/>
      <c r="P1901" s="85"/>
      <c r="Q1901" s="85"/>
      <c r="R1901" s="85"/>
      <c r="S1901" s="85"/>
      <c r="T1901" s="85"/>
      <c r="U1901" s="85"/>
      <c r="V1901" s="85"/>
      <c r="W1901" s="85"/>
      <c r="X1901" s="85"/>
      <c r="Y1901" s="85"/>
      <c r="Z1901" s="85"/>
      <c r="AA1901" s="85"/>
      <c r="AB1901" s="85"/>
      <c r="AC1901" s="85"/>
      <c r="AD1901" s="85"/>
      <c r="AE1901" s="85"/>
      <c r="AF1901" s="85"/>
      <c r="AG1901" s="85"/>
      <c r="AH1901" s="85"/>
      <c r="AI1901" s="85"/>
      <c r="AJ1901" s="85"/>
      <c r="AK1901" s="85"/>
      <c r="AL1901" s="85"/>
      <c r="AM1901" s="85"/>
      <c r="AN1901" s="85"/>
      <c r="AO1901" s="85"/>
      <c r="AP1901" s="85"/>
      <c r="AQ1901" s="85"/>
      <c r="AR1901" s="85"/>
      <c r="AS1901" s="85"/>
      <c r="AT1901" s="85"/>
      <c r="AU1901" s="85"/>
      <c r="AV1901" s="85"/>
      <c r="AW1901" s="85"/>
      <c r="AX1901" s="85"/>
      <c r="AY1901" s="85"/>
      <c r="AZ1901" s="85"/>
      <c r="BA1901" s="85"/>
      <c r="BB1901" s="85"/>
      <c r="BC1901" s="85"/>
      <c r="BD1901" s="85"/>
      <c r="BE1901" s="85"/>
      <c r="BF1901" s="85"/>
      <c r="BG1901" s="85"/>
      <c r="BH1901" s="85"/>
      <c r="BI1901" s="85"/>
      <c r="BJ1901" s="85"/>
      <c r="BK1901" s="85"/>
      <c r="BL1901" s="85"/>
      <c r="BM1901" s="85"/>
      <c r="BN1901" s="85"/>
      <c r="BO1901" s="85"/>
      <c r="BP1901" s="85"/>
      <c r="BQ1901" s="85"/>
      <c r="BR1901" s="85"/>
      <c r="BS1901" s="85"/>
      <c r="BT1901" s="85"/>
      <c r="BU1901" s="85"/>
      <c r="BV1901" s="85"/>
      <c r="BW1901" s="85"/>
      <c r="BX1901" s="85"/>
      <c r="BY1901" s="85"/>
      <c r="BZ1901" s="85"/>
      <c r="CA1901" s="85"/>
      <c r="CB1901" s="85"/>
      <c r="CC1901" s="85"/>
      <c r="CD1901" s="85"/>
      <c r="CE1901" s="85"/>
      <c r="CF1901" s="85"/>
      <c r="CG1901" s="85"/>
    </row>
    <row r="1902" spans="1:85" s="9" customFormat="1" x14ac:dyDescent="0.2">
      <c r="A1902" s="85"/>
      <c r="J1902" s="85"/>
      <c r="K1902" s="85"/>
      <c r="L1902" s="85"/>
      <c r="M1902" s="85"/>
      <c r="N1902" s="85"/>
      <c r="O1902" s="85"/>
      <c r="P1902" s="85"/>
      <c r="Q1902" s="85"/>
      <c r="R1902" s="85"/>
      <c r="S1902" s="85"/>
      <c r="T1902" s="85"/>
      <c r="U1902" s="85"/>
      <c r="V1902" s="85"/>
      <c r="W1902" s="85"/>
      <c r="X1902" s="85"/>
      <c r="Y1902" s="85"/>
      <c r="Z1902" s="85"/>
      <c r="AA1902" s="85"/>
      <c r="AB1902" s="85"/>
      <c r="AC1902" s="85"/>
      <c r="AD1902" s="85"/>
      <c r="AE1902" s="85"/>
      <c r="AF1902" s="85"/>
      <c r="AG1902" s="85"/>
      <c r="AH1902" s="85"/>
      <c r="AI1902" s="85"/>
      <c r="AJ1902" s="85"/>
      <c r="AK1902" s="85"/>
      <c r="AL1902" s="85"/>
      <c r="AM1902" s="85"/>
      <c r="AN1902" s="85"/>
      <c r="AO1902" s="85"/>
      <c r="AP1902" s="85"/>
      <c r="AQ1902" s="85"/>
      <c r="AR1902" s="85"/>
      <c r="AS1902" s="85"/>
      <c r="AT1902" s="85"/>
      <c r="AU1902" s="85"/>
      <c r="AV1902" s="85"/>
      <c r="AW1902" s="85"/>
      <c r="AX1902" s="85"/>
      <c r="AY1902" s="85"/>
      <c r="AZ1902" s="85"/>
      <c r="BA1902" s="85"/>
      <c r="BB1902" s="85"/>
      <c r="BC1902" s="85"/>
      <c r="BD1902" s="85"/>
      <c r="BE1902" s="85"/>
      <c r="BF1902" s="85"/>
      <c r="BG1902" s="85"/>
      <c r="BH1902" s="85"/>
      <c r="BI1902" s="85"/>
      <c r="BJ1902" s="85"/>
      <c r="BK1902" s="85"/>
      <c r="BL1902" s="85"/>
      <c r="BM1902" s="85"/>
      <c r="BN1902" s="85"/>
      <c r="BO1902" s="85"/>
      <c r="BP1902" s="85"/>
      <c r="BQ1902" s="85"/>
      <c r="BR1902" s="85"/>
      <c r="BS1902" s="85"/>
      <c r="BT1902" s="85"/>
      <c r="BU1902" s="85"/>
      <c r="BV1902" s="85"/>
      <c r="BW1902" s="85"/>
      <c r="BX1902" s="85"/>
      <c r="BY1902" s="85"/>
      <c r="BZ1902" s="85"/>
      <c r="CA1902" s="85"/>
      <c r="CB1902" s="85"/>
      <c r="CC1902" s="85"/>
      <c r="CD1902" s="85"/>
      <c r="CE1902" s="85"/>
      <c r="CF1902" s="85"/>
      <c r="CG1902" s="85"/>
    </row>
    <row r="1903" spans="1:85" s="9" customFormat="1" x14ac:dyDescent="0.2">
      <c r="A1903" s="85"/>
      <c r="J1903" s="85"/>
      <c r="K1903" s="85"/>
      <c r="L1903" s="85"/>
      <c r="M1903" s="85"/>
      <c r="N1903" s="85"/>
      <c r="O1903" s="85"/>
      <c r="P1903" s="85"/>
      <c r="Q1903" s="85"/>
      <c r="R1903" s="85"/>
      <c r="S1903" s="85"/>
      <c r="T1903" s="85"/>
      <c r="U1903" s="85"/>
      <c r="V1903" s="85"/>
      <c r="W1903" s="85"/>
      <c r="X1903" s="85"/>
      <c r="Y1903" s="85"/>
      <c r="Z1903" s="85"/>
      <c r="AA1903" s="85"/>
      <c r="AB1903" s="85"/>
      <c r="AC1903" s="85"/>
      <c r="AD1903" s="85"/>
      <c r="AE1903" s="85"/>
      <c r="AF1903" s="85"/>
      <c r="AG1903" s="85"/>
      <c r="AH1903" s="85"/>
      <c r="AI1903" s="85"/>
      <c r="AJ1903" s="85"/>
      <c r="AK1903" s="85"/>
      <c r="AL1903" s="85"/>
      <c r="AM1903" s="85"/>
      <c r="AN1903" s="85"/>
      <c r="AO1903" s="85"/>
      <c r="AP1903" s="85"/>
      <c r="AQ1903" s="85"/>
      <c r="AR1903" s="85"/>
      <c r="AS1903" s="85"/>
      <c r="AT1903" s="85"/>
      <c r="AU1903" s="85"/>
      <c r="AV1903" s="85"/>
      <c r="AW1903" s="85"/>
      <c r="AX1903" s="85"/>
      <c r="AY1903" s="85"/>
      <c r="AZ1903" s="85"/>
      <c r="BA1903" s="85"/>
      <c r="BB1903" s="85"/>
      <c r="BC1903" s="85"/>
      <c r="BD1903" s="85"/>
      <c r="BE1903" s="85"/>
      <c r="BF1903" s="85"/>
      <c r="BG1903" s="85"/>
      <c r="BH1903" s="85"/>
      <c r="BI1903" s="85"/>
      <c r="BJ1903" s="85"/>
      <c r="BK1903" s="85"/>
      <c r="BL1903" s="85"/>
      <c r="BM1903" s="85"/>
      <c r="BN1903" s="85"/>
      <c r="BO1903" s="85"/>
      <c r="BP1903" s="85"/>
      <c r="BQ1903" s="85"/>
      <c r="BR1903" s="85"/>
      <c r="BS1903" s="85"/>
      <c r="BT1903" s="85"/>
      <c r="BU1903" s="85"/>
      <c r="BV1903" s="85"/>
      <c r="BW1903" s="85"/>
      <c r="BX1903" s="85"/>
      <c r="BY1903" s="85"/>
      <c r="BZ1903" s="85"/>
      <c r="CA1903" s="85"/>
      <c r="CB1903" s="85"/>
      <c r="CC1903" s="85"/>
      <c r="CD1903" s="85"/>
      <c r="CE1903" s="85"/>
      <c r="CF1903" s="85"/>
      <c r="CG1903" s="85"/>
    </row>
    <row r="1904" spans="1:85" s="9" customFormat="1" x14ac:dyDescent="0.2">
      <c r="A1904" s="85"/>
      <c r="J1904" s="85"/>
      <c r="K1904" s="85"/>
      <c r="L1904" s="85"/>
      <c r="M1904" s="85"/>
      <c r="N1904" s="85"/>
      <c r="O1904" s="85"/>
      <c r="P1904" s="85"/>
      <c r="Q1904" s="85"/>
      <c r="R1904" s="85"/>
      <c r="S1904" s="85"/>
      <c r="T1904" s="85"/>
      <c r="U1904" s="85"/>
      <c r="V1904" s="85"/>
      <c r="W1904" s="85"/>
      <c r="X1904" s="85"/>
      <c r="Y1904" s="85"/>
      <c r="Z1904" s="85"/>
      <c r="AA1904" s="85"/>
      <c r="AB1904" s="85"/>
      <c r="AC1904" s="85"/>
      <c r="AD1904" s="85"/>
      <c r="AE1904" s="85"/>
      <c r="AF1904" s="85"/>
      <c r="AG1904" s="85"/>
      <c r="AH1904" s="85"/>
      <c r="AI1904" s="85"/>
      <c r="AJ1904" s="85"/>
      <c r="AK1904" s="85"/>
      <c r="AL1904" s="85"/>
      <c r="AM1904" s="85"/>
      <c r="AN1904" s="85"/>
      <c r="AO1904" s="85"/>
      <c r="AP1904" s="85"/>
      <c r="AQ1904" s="85"/>
      <c r="AR1904" s="85"/>
      <c r="AS1904" s="85"/>
      <c r="AT1904" s="85"/>
      <c r="AU1904" s="85"/>
      <c r="AV1904" s="85"/>
      <c r="AW1904" s="85"/>
      <c r="AX1904" s="85"/>
      <c r="AY1904" s="85"/>
      <c r="AZ1904" s="85"/>
      <c r="BA1904" s="85"/>
      <c r="BB1904" s="85"/>
      <c r="BC1904" s="85"/>
      <c r="BD1904" s="85"/>
      <c r="BE1904" s="85"/>
      <c r="BF1904" s="85"/>
      <c r="BG1904" s="85"/>
      <c r="BH1904" s="85"/>
      <c r="BI1904" s="85"/>
      <c r="BJ1904" s="85"/>
      <c r="BK1904" s="85"/>
      <c r="BL1904" s="85"/>
      <c r="BM1904" s="85"/>
      <c r="BN1904" s="85"/>
      <c r="BO1904" s="85"/>
      <c r="BP1904" s="85"/>
      <c r="BQ1904" s="85"/>
      <c r="BR1904" s="85"/>
      <c r="BS1904" s="85"/>
      <c r="BT1904" s="85"/>
      <c r="BU1904" s="85"/>
      <c r="BV1904" s="85"/>
      <c r="BW1904" s="85"/>
      <c r="BX1904" s="85"/>
      <c r="BY1904" s="85"/>
      <c r="BZ1904" s="85"/>
      <c r="CA1904" s="85"/>
      <c r="CB1904" s="85"/>
      <c r="CC1904" s="85"/>
      <c r="CD1904" s="85"/>
      <c r="CE1904" s="85"/>
      <c r="CF1904" s="85"/>
      <c r="CG1904" s="85"/>
    </row>
    <row r="1905" spans="1:85" s="9" customFormat="1" x14ac:dyDescent="0.2">
      <c r="A1905" s="85"/>
      <c r="J1905" s="85"/>
      <c r="K1905" s="85"/>
      <c r="L1905" s="85"/>
      <c r="M1905" s="85"/>
      <c r="N1905" s="85"/>
      <c r="O1905" s="85"/>
      <c r="P1905" s="85"/>
      <c r="Q1905" s="85"/>
      <c r="R1905" s="85"/>
      <c r="S1905" s="85"/>
      <c r="T1905" s="85"/>
      <c r="U1905" s="85"/>
      <c r="V1905" s="85"/>
      <c r="W1905" s="85"/>
      <c r="X1905" s="85"/>
      <c r="Y1905" s="85"/>
      <c r="Z1905" s="85"/>
      <c r="AA1905" s="85"/>
      <c r="AB1905" s="85"/>
      <c r="AC1905" s="85"/>
      <c r="AD1905" s="85"/>
      <c r="AE1905" s="85"/>
      <c r="AF1905" s="85"/>
      <c r="AG1905" s="85"/>
      <c r="AH1905" s="85"/>
      <c r="AI1905" s="85"/>
      <c r="AJ1905" s="85"/>
      <c r="AK1905" s="85"/>
      <c r="AL1905" s="85"/>
      <c r="AM1905" s="85"/>
      <c r="AN1905" s="85"/>
      <c r="AO1905" s="85"/>
      <c r="AP1905" s="85"/>
      <c r="AQ1905" s="85"/>
      <c r="AR1905" s="85"/>
      <c r="AS1905" s="85"/>
      <c r="AT1905" s="85"/>
      <c r="AU1905" s="85"/>
      <c r="AV1905" s="85"/>
      <c r="AW1905" s="85"/>
      <c r="AX1905" s="85"/>
      <c r="AY1905" s="85"/>
      <c r="AZ1905" s="85"/>
      <c r="BA1905" s="85"/>
      <c r="BB1905" s="85"/>
      <c r="BC1905" s="85"/>
      <c r="BD1905" s="85"/>
      <c r="BE1905" s="85"/>
      <c r="BF1905" s="85"/>
      <c r="BG1905" s="85"/>
      <c r="BH1905" s="85"/>
      <c r="BI1905" s="85"/>
      <c r="BJ1905" s="85"/>
      <c r="BK1905" s="85"/>
      <c r="BL1905" s="85"/>
      <c r="BM1905" s="85"/>
      <c r="BN1905" s="85"/>
      <c r="BO1905" s="85"/>
      <c r="BP1905" s="85"/>
      <c r="BQ1905" s="85"/>
      <c r="BR1905" s="85"/>
      <c r="BS1905" s="85"/>
      <c r="BT1905" s="85"/>
      <c r="BU1905" s="85"/>
      <c r="BV1905" s="85"/>
      <c r="BW1905" s="85"/>
      <c r="BX1905" s="85"/>
      <c r="BY1905" s="85"/>
      <c r="BZ1905" s="85"/>
      <c r="CA1905" s="85"/>
      <c r="CB1905" s="85"/>
      <c r="CC1905" s="85"/>
      <c r="CD1905" s="85"/>
      <c r="CE1905" s="85"/>
      <c r="CF1905" s="85"/>
      <c r="CG1905" s="85"/>
    </row>
    <row r="1906" spans="1:85" s="9" customFormat="1" x14ac:dyDescent="0.2">
      <c r="A1906" s="85"/>
      <c r="J1906" s="85"/>
      <c r="K1906" s="85"/>
      <c r="L1906" s="85"/>
      <c r="M1906" s="85"/>
      <c r="N1906" s="85"/>
      <c r="O1906" s="85"/>
      <c r="P1906" s="85"/>
      <c r="Q1906" s="85"/>
      <c r="R1906" s="85"/>
      <c r="S1906" s="85"/>
      <c r="T1906" s="85"/>
      <c r="U1906" s="85"/>
      <c r="V1906" s="85"/>
      <c r="W1906" s="85"/>
      <c r="X1906" s="85"/>
      <c r="Y1906" s="85"/>
      <c r="Z1906" s="85"/>
      <c r="AA1906" s="85"/>
      <c r="AB1906" s="85"/>
      <c r="AC1906" s="85"/>
      <c r="AD1906" s="85"/>
      <c r="AE1906" s="85"/>
      <c r="AF1906" s="85"/>
      <c r="AG1906" s="85"/>
      <c r="AH1906" s="85"/>
      <c r="AI1906" s="85"/>
      <c r="AJ1906" s="85"/>
      <c r="AK1906" s="85"/>
      <c r="AL1906" s="85"/>
      <c r="AM1906" s="85"/>
      <c r="AN1906" s="85"/>
      <c r="AO1906" s="85"/>
      <c r="AP1906" s="85"/>
      <c r="AQ1906" s="85"/>
      <c r="AR1906" s="85"/>
      <c r="AS1906" s="85"/>
      <c r="AT1906" s="85"/>
      <c r="AU1906" s="85"/>
      <c r="AV1906" s="85"/>
      <c r="AW1906" s="85"/>
      <c r="AX1906" s="85"/>
      <c r="AY1906" s="85"/>
      <c r="AZ1906" s="85"/>
      <c r="BA1906" s="85"/>
      <c r="BB1906" s="85"/>
      <c r="BC1906" s="85"/>
      <c r="BD1906" s="85"/>
      <c r="BE1906" s="85"/>
      <c r="BF1906" s="85"/>
      <c r="BG1906" s="85"/>
      <c r="BH1906" s="85"/>
      <c r="BI1906" s="85"/>
      <c r="BJ1906" s="85"/>
      <c r="BK1906" s="85"/>
      <c r="BL1906" s="85"/>
      <c r="BM1906" s="85"/>
      <c r="BN1906" s="85"/>
      <c r="BO1906" s="85"/>
      <c r="BP1906" s="85"/>
      <c r="BQ1906" s="85"/>
      <c r="BR1906" s="85"/>
      <c r="BS1906" s="85"/>
      <c r="BT1906" s="85"/>
      <c r="BU1906" s="85"/>
      <c r="BV1906" s="85"/>
      <c r="BW1906" s="85"/>
      <c r="BX1906" s="85"/>
      <c r="BY1906" s="85"/>
      <c r="BZ1906" s="85"/>
      <c r="CA1906" s="85"/>
      <c r="CB1906" s="85"/>
      <c r="CC1906" s="85"/>
      <c r="CD1906" s="85"/>
      <c r="CE1906" s="85"/>
      <c r="CF1906" s="85"/>
      <c r="CG1906" s="85"/>
    </row>
    <row r="1907" spans="1:85" s="9" customFormat="1" x14ac:dyDescent="0.2">
      <c r="A1907" s="85"/>
      <c r="J1907" s="85"/>
      <c r="K1907" s="85"/>
      <c r="L1907" s="85"/>
      <c r="M1907" s="85"/>
      <c r="N1907" s="85"/>
      <c r="O1907" s="85"/>
      <c r="P1907" s="85"/>
      <c r="Q1907" s="85"/>
      <c r="R1907" s="85"/>
      <c r="S1907" s="85"/>
      <c r="T1907" s="85"/>
      <c r="U1907" s="85"/>
      <c r="V1907" s="85"/>
      <c r="W1907" s="85"/>
      <c r="X1907" s="85"/>
      <c r="Y1907" s="85"/>
      <c r="Z1907" s="85"/>
      <c r="AA1907" s="85"/>
      <c r="AB1907" s="85"/>
      <c r="AC1907" s="85"/>
      <c r="AD1907" s="85"/>
      <c r="AE1907" s="85"/>
      <c r="AF1907" s="85"/>
      <c r="AG1907" s="85"/>
      <c r="AH1907" s="85"/>
      <c r="AI1907" s="85"/>
      <c r="AJ1907" s="85"/>
      <c r="AK1907" s="85"/>
      <c r="AL1907" s="85"/>
      <c r="AM1907" s="85"/>
      <c r="AN1907" s="85"/>
      <c r="AO1907" s="85"/>
      <c r="AP1907" s="85"/>
      <c r="AQ1907" s="85"/>
      <c r="AR1907" s="85"/>
      <c r="AS1907" s="85"/>
      <c r="AT1907" s="85"/>
      <c r="AU1907" s="85"/>
      <c r="AV1907" s="85"/>
      <c r="AW1907" s="85"/>
      <c r="AX1907" s="85"/>
      <c r="AY1907" s="85"/>
      <c r="AZ1907" s="85"/>
      <c r="BA1907" s="85"/>
      <c r="BB1907" s="85"/>
      <c r="BC1907" s="85"/>
      <c r="BD1907" s="85"/>
      <c r="BE1907" s="85"/>
      <c r="BF1907" s="85"/>
      <c r="BG1907" s="85"/>
      <c r="BH1907" s="85"/>
      <c r="BI1907" s="85"/>
      <c r="BJ1907" s="85"/>
      <c r="BK1907" s="85"/>
      <c r="BL1907" s="85"/>
      <c r="BM1907" s="85"/>
      <c r="BN1907" s="85"/>
      <c r="BO1907" s="85"/>
      <c r="BP1907" s="85"/>
      <c r="BQ1907" s="85"/>
      <c r="BR1907" s="85"/>
      <c r="BS1907" s="85"/>
      <c r="BT1907" s="85"/>
      <c r="BU1907" s="85"/>
      <c r="BV1907" s="85"/>
      <c r="BW1907" s="85"/>
      <c r="BX1907" s="85"/>
      <c r="BY1907" s="85"/>
      <c r="BZ1907" s="85"/>
      <c r="CA1907" s="85"/>
      <c r="CB1907" s="85"/>
      <c r="CC1907" s="85"/>
      <c r="CD1907" s="85"/>
      <c r="CE1907" s="85"/>
      <c r="CF1907" s="85"/>
      <c r="CG1907" s="85"/>
    </row>
    <row r="1908" spans="1:85" s="9" customFormat="1" x14ac:dyDescent="0.2">
      <c r="A1908" s="85"/>
      <c r="J1908" s="85"/>
      <c r="K1908" s="85"/>
      <c r="L1908" s="85"/>
      <c r="M1908" s="85"/>
      <c r="N1908" s="85"/>
      <c r="O1908" s="85"/>
      <c r="P1908" s="85"/>
      <c r="Q1908" s="85"/>
      <c r="R1908" s="85"/>
      <c r="S1908" s="85"/>
      <c r="T1908" s="85"/>
      <c r="U1908" s="85"/>
      <c r="V1908" s="85"/>
      <c r="W1908" s="85"/>
      <c r="X1908" s="85"/>
      <c r="Y1908" s="85"/>
      <c r="Z1908" s="85"/>
      <c r="AA1908" s="85"/>
      <c r="AB1908" s="85"/>
      <c r="AC1908" s="85"/>
      <c r="AD1908" s="85"/>
      <c r="AE1908" s="85"/>
      <c r="AF1908" s="85"/>
      <c r="AG1908" s="85"/>
      <c r="AH1908" s="85"/>
      <c r="AI1908" s="85"/>
      <c r="AJ1908" s="85"/>
      <c r="AK1908" s="85"/>
      <c r="AL1908" s="85"/>
      <c r="AM1908" s="85"/>
      <c r="AN1908" s="85"/>
      <c r="AO1908" s="85"/>
      <c r="AP1908" s="85"/>
      <c r="AQ1908" s="85"/>
      <c r="AR1908" s="85"/>
      <c r="AS1908" s="85"/>
      <c r="AT1908" s="85"/>
      <c r="AU1908" s="85"/>
      <c r="AV1908" s="85"/>
      <c r="AW1908" s="85"/>
      <c r="AX1908" s="85"/>
      <c r="AY1908" s="85"/>
      <c r="AZ1908" s="85"/>
      <c r="BA1908" s="85"/>
      <c r="BB1908" s="85"/>
      <c r="BC1908" s="85"/>
      <c r="BD1908" s="85"/>
      <c r="BE1908" s="85"/>
      <c r="BF1908" s="85"/>
      <c r="BG1908" s="85"/>
      <c r="BH1908" s="85"/>
      <c r="BI1908" s="85"/>
      <c r="BJ1908" s="85"/>
      <c r="BK1908" s="85"/>
      <c r="BL1908" s="85"/>
      <c r="BM1908" s="85"/>
      <c r="BN1908" s="85"/>
      <c r="BO1908" s="85"/>
      <c r="BP1908" s="85"/>
      <c r="BQ1908" s="85"/>
      <c r="BR1908" s="85"/>
      <c r="BS1908" s="85"/>
      <c r="BT1908" s="85"/>
      <c r="BU1908" s="85"/>
      <c r="BV1908" s="85"/>
      <c r="BW1908" s="85"/>
      <c r="BX1908" s="85"/>
      <c r="BY1908" s="85"/>
      <c r="BZ1908" s="85"/>
      <c r="CA1908" s="85"/>
      <c r="CB1908" s="85"/>
      <c r="CC1908" s="85"/>
      <c r="CD1908" s="85"/>
      <c r="CE1908" s="85"/>
      <c r="CF1908" s="85"/>
      <c r="CG1908" s="85"/>
    </row>
    <row r="1909" spans="1:85" s="9" customFormat="1" x14ac:dyDescent="0.2">
      <c r="A1909" s="85"/>
      <c r="J1909" s="85"/>
      <c r="K1909" s="85"/>
      <c r="L1909" s="85"/>
      <c r="M1909" s="85"/>
      <c r="N1909" s="85"/>
      <c r="O1909" s="85"/>
      <c r="P1909" s="85"/>
      <c r="Q1909" s="85"/>
      <c r="R1909" s="85"/>
      <c r="S1909" s="85"/>
      <c r="T1909" s="85"/>
      <c r="U1909" s="85"/>
      <c r="V1909" s="85"/>
      <c r="W1909" s="85"/>
      <c r="X1909" s="85"/>
      <c r="Y1909" s="85"/>
      <c r="Z1909" s="85"/>
      <c r="AA1909" s="85"/>
      <c r="AB1909" s="85"/>
      <c r="AC1909" s="85"/>
      <c r="AD1909" s="85"/>
      <c r="AE1909" s="85"/>
      <c r="AF1909" s="85"/>
      <c r="AG1909" s="85"/>
      <c r="AH1909" s="85"/>
      <c r="AI1909" s="85"/>
      <c r="AJ1909" s="85"/>
      <c r="AK1909" s="85"/>
      <c r="AL1909" s="85"/>
      <c r="AM1909" s="85"/>
      <c r="AN1909" s="85"/>
      <c r="AO1909" s="85"/>
      <c r="AP1909" s="85"/>
      <c r="AQ1909" s="85"/>
      <c r="AR1909" s="85"/>
      <c r="AS1909" s="85"/>
      <c r="AT1909" s="85"/>
      <c r="AU1909" s="85"/>
      <c r="AV1909" s="85"/>
      <c r="AW1909" s="85"/>
      <c r="AX1909" s="85"/>
      <c r="AY1909" s="85"/>
      <c r="AZ1909" s="85"/>
      <c r="BA1909" s="85"/>
      <c r="BB1909" s="85"/>
      <c r="BC1909" s="85"/>
      <c r="BD1909" s="85"/>
      <c r="BE1909" s="85"/>
      <c r="BF1909" s="85"/>
      <c r="BG1909" s="85"/>
      <c r="BH1909" s="85"/>
      <c r="BI1909" s="85"/>
      <c r="BJ1909" s="85"/>
      <c r="BK1909" s="85"/>
      <c r="BL1909" s="85"/>
      <c r="BM1909" s="85"/>
      <c r="BN1909" s="85"/>
      <c r="BO1909" s="85"/>
      <c r="BP1909" s="85"/>
      <c r="BQ1909" s="85"/>
      <c r="BR1909" s="85"/>
      <c r="BS1909" s="85"/>
      <c r="BT1909" s="85"/>
      <c r="BU1909" s="85"/>
      <c r="BV1909" s="85"/>
      <c r="BW1909" s="85"/>
      <c r="BX1909" s="85"/>
      <c r="BY1909" s="85"/>
      <c r="BZ1909" s="85"/>
      <c r="CA1909" s="85"/>
      <c r="CB1909" s="85"/>
      <c r="CC1909" s="85"/>
      <c r="CD1909" s="85"/>
      <c r="CE1909" s="85"/>
      <c r="CF1909" s="85"/>
      <c r="CG1909" s="85"/>
    </row>
    <row r="1910" spans="1:85" s="9" customFormat="1" x14ac:dyDescent="0.2">
      <c r="A1910" s="85"/>
      <c r="J1910" s="85"/>
      <c r="K1910" s="85"/>
      <c r="L1910" s="85"/>
      <c r="M1910" s="85"/>
      <c r="N1910" s="85"/>
      <c r="O1910" s="85"/>
      <c r="P1910" s="85"/>
      <c r="Q1910" s="85"/>
      <c r="R1910" s="85"/>
      <c r="S1910" s="85"/>
      <c r="T1910" s="85"/>
      <c r="U1910" s="85"/>
      <c r="V1910" s="85"/>
      <c r="W1910" s="85"/>
      <c r="X1910" s="85"/>
      <c r="Y1910" s="85"/>
      <c r="Z1910" s="85"/>
      <c r="AA1910" s="85"/>
      <c r="AB1910" s="85"/>
      <c r="AC1910" s="85"/>
      <c r="AD1910" s="85"/>
      <c r="AE1910" s="85"/>
      <c r="AF1910" s="85"/>
      <c r="AG1910" s="85"/>
      <c r="AH1910" s="85"/>
      <c r="AI1910" s="85"/>
      <c r="AJ1910" s="85"/>
      <c r="AK1910" s="85"/>
      <c r="AL1910" s="85"/>
      <c r="AM1910" s="85"/>
      <c r="AN1910" s="85"/>
      <c r="AO1910" s="85"/>
      <c r="AP1910" s="85"/>
      <c r="AQ1910" s="85"/>
      <c r="AR1910" s="85"/>
      <c r="AS1910" s="85"/>
      <c r="AT1910" s="85"/>
      <c r="AU1910" s="85"/>
      <c r="AV1910" s="85"/>
      <c r="AW1910" s="85"/>
      <c r="AX1910" s="85"/>
      <c r="AY1910" s="85"/>
      <c r="AZ1910" s="85"/>
      <c r="BA1910" s="85"/>
      <c r="BB1910" s="85"/>
      <c r="BC1910" s="85"/>
      <c r="BD1910" s="85"/>
      <c r="BE1910" s="85"/>
      <c r="BF1910" s="85"/>
      <c r="BG1910" s="85"/>
      <c r="BH1910" s="85"/>
      <c r="BI1910" s="85"/>
      <c r="BJ1910" s="85"/>
      <c r="BK1910" s="85"/>
      <c r="BL1910" s="85"/>
      <c r="BM1910" s="85"/>
      <c r="BN1910" s="85"/>
      <c r="BO1910" s="85"/>
      <c r="BP1910" s="85"/>
      <c r="BQ1910" s="85"/>
      <c r="BR1910" s="85"/>
      <c r="BS1910" s="85"/>
      <c r="BT1910" s="85"/>
      <c r="BU1910" s="85"/>
      <c r="BV1910" s="85"/>
      <c r="BW1910" s="85"/>
      <c r="BX1910" s="85"/>
      <c r="BY1910" s="85"/>
      <c r="BZ1910" s="85"/>
      <c r="CA1910" s="85"/>
      <c r="CB1910" s="85"/>
      <c r="CC1910" s="85"/>
      <c r="CD1910" s="85"/>
      <c r="CE1910" s="85"/>
      <c r="CF1910" s="85"/>
      <c r="CG1910" s="85"/>
    </row>
    <row r="1911" spans="1:85" s="9" customFormat="1" x14ac:dyDescent="0.2">
      <c r="A1911" s="85"/>
      <c r="J1911" s="85"/>
      <c r="K1911" s="85"/>
      <c r="L1911" s="85"/>
      <c r="M1911" s="85"/>
      <c r="N1911" s="85"/>
      <c r="O1911" s="85"/>
      <c r="P1911" s="85"/>
      <c r="Q1911" s="85"/>
      <c r="R1911" s="85"/>
      <c r="S1911" s="85"/>
      <c r="T1911" s="85"/>
      <c r="U1911" s="85"/>
      <c r="V1911" s="85"/>
      <c r="W1911" s="85"/>
      <c r="X1911" s="85"/>
      <c r="Y1911" s="85"/>
      <c r="Z1911" s="85"/>
      <c r="AA1911" s="85"/>
      <c r="AB1911" s="85"/>
      <c r="AC1911" s="85"/>
      <c r="AD1911" s="85"/>
      <c r="AE1911" s="85"/>
      <c r="AF1911" s="85"/>
      <c r="AG1911" s="85"/>
      <c r="AH1911" s="85"/>
      <c r="AI1911" s="85"/>
      <c r="AJ1911" s="85"/>
      <c r="AK1911" s="85"/>
      <c r="AL1911" s="85"/>
      <c r="AM1911" s="85"/>
      <c r="AN1911" s="85"/>
      <c r="AO1911" s="85"/>
      <c r="AP1911" s="85"/>
      <c r="AQ1911" s="85"/>
      <c r="AR1911" s="85"/>
      <c r="AS1911" s="85"/>
      <c r="AT1911" s="85"/>
      <c r="AU1911" s="85"/>
      <c r="AV1911" s="85"/>
      <c r="AW1911" s="85"/>
      <c r="AX1911" s="85"/>
      <c r="AY1911" s="85"/>
      <c r="AZ1911" s="85"/>
      <c r="BA1911" s="85"/>
      <c r="BB1911" s="85"/>
      <c r="BC1911" s="85"/>
      <c r="BD1911" s="85"/>
      <c r="BE1911" s="85"/>
      <c r="BF1911" s="85"/>
      <c r="BG1911" s="85"/>
      <c r="BH1911" s="85"/>
      <c r="BI1911" s="85"/>
      <c r="BJ1911" s="85"/>
      <c r="BK1911" s="85"/>
      <c r="BL1911" s="85"/>
      <c r="BM1911" s="85"/>
      <c r="BN1911" s="85"/>
      <c r="BO1911" s="85"/>
      <c r="BP1911" s="85"/>
      <c r="BQ1911" s="85"/>
      <c r="BR1911" s="85"/>
      <c r="BS1911" s="85"/>
      <c r="BT1911" s="85"/>
      <c r="BU1911" s="85"/>
      <c r="BV1911" s="85"/>
      <c r="BW1911" s="85"/>
      <c r="BX1911" s="85"/>
      <c r="BY1911" s="85"/>
      <c r="BZ1911" s="85"/>
      <c r="CA1911" s="85"/>
      <c r="CB1911" s="85"/>
      <c r="CC1911" s="85"/>
      <c r="CD1911" s="85"/>
      <c r="CE1911" s="85"/>
      <c r="CF1911" s="85"/>
      <c r="CG1911" s="85"/>
    </row>
    <row r="1912" spans="1:85" s="9" customFormat="1" x14ac:dyDescent="0.2">
      <c r="A1912" s="85"/>
      <c r="J1912" s="85"/>
      <c r="K1912" s="85"/>
      <c r="L1912" s="85"/>
      <c r="M1912" s="85"/>
      <c r="N1912" s="85"/>
      <c r="O1912" s="85"/>
      <c r="P1912" s="85"/>
      <c r="Q1912" s="85"/>
      <c r="R1912" s="85"/>
      <c r="S1912" s="85"/>
      <c r="T1912" s="85"/>
      <c r="U1912" s="85"/>
      <c r="V1912" s="85"/>
      <c r="W1912" s="85"/>
      <c r="X1912" s="85"/>
      <c r="Y1912" s="85"/>
      <c r="Z1912" s="85"/>
      <c r="AA1912" s="85"/>
      <c r="AB1912" s="85"/>
      <c r="AC1912" s="85"/>
      <c r="AD1912" s="85"/>
      <c r="AE1912" s="85"/>
      <c r="AF1912" s="85"/>
      <c r="AG1912" s="85"/>
      <c r="AH1912" s="85"/>
      <c r="AI1912" s="85"/>
      <c r="AJ1912" s="85"/>
      <c r="AK1912" s="85"/>
      <c r="AL1912" s="85"/>
      <c r="AM1912" s="85"/>
      <c r="AN1912" s="85"/>
      <c r="AO1912" s="85"/>
      <c r="AP1912" s="85"/>
      <c r="AQ1912" s="85"/>
      <c r="AR1912" s="85"/>
      <c r="AS1912" s="85"/>
      <c r="AT1912" s="85"/>
      <c r="AU1912" s="85"/>
      <c r="AV1912" s="85"/>
      <c r="AW1912" s="85"/>
      <c r="AX1912" s="85"/>
      <c r="AY1912" s="85"/>
      <c r="AZ1912" s="85"/>
      <c r="BA1912" s="85"/>
      <c r="BB1912" s="85"/>
      <c r="BC1912" s="85"/>
      <c r="BD1912" s="85"/>
      <c r="BE1912" s="85"/>
      <c r="BF1912" s="85"/>
      <c r="BG1912" s="85"/>
      <c r="BH1912" s="85"/>
      <c r="BI1912" s="85"/>
      <c r="BJ1912" s="85"/>
      <c r="BK1912" s="85"/>
      <c r="BL1912" s="85"/>
      <c r="BM1912" s="85"/>
      <c r="BN1912" s="85"/>
      <c r="BO1912" s="85"/>
      <c r="BP1912" s="85"/>
      <c r="BQ1912" s="85"/>
      <c r="BR1912" s="85"/>
      <c r="BS1912" s="85"/>
      <c r="BT1912" s="85"/>
      <c r="BU1912" s="85"/>
      <c r="BV1912" s="85"/>
      <c r="BW1912" s="85"/>
      <c r="BX1912" s="85"/>
      <c r="BY1912" s="85"/>
      <c r="BZ1912" s="85"/>
      <c r="CA1912" s="85"/>
      <c r="CB1912" s="85"/>
      <c r="CC1912" s="85"/>
      <c r="CD1912" s="85"/>
      <c r="CE1912" s="85"/>
      <c r="CF1912" s="85"/>
      <c r="CG1912" s="85"/>
    </row>
    <row r="1913" spans="1:85" s="9" customFormat="1" x14ac:dyDescent="0.2">
      <c r="A1913" s="85"/>
      <c r="J1913" s="85"/>
      <c r="K1913" s="85"/>
      <c r="L1913" s="85"/>
      <c r="M1913" s="85"/>
      <c r="N1913" s="85"/>
      <c r="O1913" s="85"/>
      <c r="P1913" s="85"/>
      <c r="Q1913" s="85"/>
      <c r="R1913" s="85"/>
      <c r="S1913" s="85"/>
      <c r="T1913" s="85"/>
      <c r="U1913" s="85"/>
      <c r="V1913" s="85"/>
      <c r="W1913" s="85"/>
      <c r="X1913" s="85"/>
      <c r="Y1913" s="85"/>
      <c r="Z1913" s="85"/>
      <c r="AA1913" s="85"/>
      <c r="AB1913" s="85"/>
      <c r="AC1913" s="85"/>
      <c r="AD1913" s="85"/>
      <c r="AE1913" s="85"/>
      <c r="AF1913" s="85"/>
      <c r="AG1913" s="85"/>
      <c r="AH1913" s="85"/>
      <c r="AI1913" s="85"/>
      <c r="AJ1913" s="85"/>
      <c r="AK1913" s="85"/>
      <c r="AL1913" s="85"/>
      <c r="AM1913" s="85"/>
      <c r="AN1913" s="85"/>
      <c r="AO1913" s="85"/>
      <c r="AP1913" s="85"/>
      <c r="AQ1913" s="85"/>
      <c r="AR1913" s="85"/>
      <c r="AS1913" s="85"/>
      <c r="AT1913" s="85"/>
      <c r="AU1913" s="85"/>
      <c r="AV1913" s="85"/>
      <c r="AW1913" s="85"/>
      <c r="AX1913" s="85"/>
      <c r="AY1913" s="85"/>
      <c r="AZ1913" s="85"/>
      <c r="BA1913" s="85"/>
      <c r="BB1913" s="85"/>
      <c r="BC1913" s="85"/>
      <c r="BD1913" s="85"/>
      <c r="BE1913" s="85"/>
      <c r="BF1913" s="85"/>
      <c r="BG1913" s="85"/>
      <c r="BH1913" s="85"/>
      <c r="BI1913" s="85"/>
      <c r="BJ1913" s="85"/>
      <c r="BK1913" s="85"/>
      <c r="BL1913" s="85"/>
      <c r="BM1913" s="85"/>
      <c r="BN1913" s="85"/>
      <c r="BO1913" s="85"/>
      <c r="BP1913" s="85"/>
      <c r="BQ1913" s="85"/>
      <c r="BR1913" s="85"/>
      <c r="BS1913" s="85"/>
      <c r="BT1913" s="85"/>
      <c r="BU1913" s="85"/>
      <c r="BV1913" s="85"/>
      <c r="BW1913" s="85"/>
      <c r="BX1913" s="85"/>
      <c r="BY1913" s="85"/>
      <c r="BZ1913" s="85"/>
      <c r="CA1913" s="85"/>
      <c r="CB1913" s="85"/>
      <c r="CC1913" s="85"/>
      <c r="CD1913" s="85"/>
      <c r="CE1913" s="85"/>
      <c r="CF1913" s="85"/>
      <c r="CG1913" s="85"/>
    </row>
    <row r="1914" spans="1:85" s="9" customFormat="1" x14ac:dyDescent="0.2">
      <c r="A1914" s="85"/>
      <c r="J1914" s="85"/>
      <c r="K1914" s="85"/>
      <c r="L1914" s="85"/>
      <c r="M1914" s="85"/>
      <c r="N1914" s="85"/>
      <c r="O1914" s="85"/>
      <c r="P1914" s="85"/>
      <c r="Q1914" s="85"/>
      <c r="R1914" s="85"/>
      <c r="S1914" s="85"/>
      <c r="T1914" s="85"/>
      <c r="U1914" s="85"/>
      <c r="V1914" s="85"/>
      <c r="W1914" s="85"/>
      <c r="X1914" s="85"/>
      <c r="Y1914" s="85"/>
      <c r="Z1914" s="85"/>
      <c r="AA1914" s="85"/>
      <c r="AB1914" s="85"/>
      <c r="AC1914" s="85"/>
      <c r="AD1914" s="85"/>
      <c r="AE1914" s="85"/>
      <c r="AF1914" s="85"/>
      <c r="AG1914" s="85"/>
      <c r="AH1914" s="85"/>
      <c r="AI1914" s="85"/>
      <c r="AJ1914" s="85"/>
      <c r="AK1914" s="85"/>
      <c r="AL1914" s="85"/>
      <c r="AM1914" s="85"/>
      <c r="AN1914" s="85"/>
      <c r="AO1914" s="85"/>
      <c r="AP1914" s="85"/>
      <c r="AQ1914" s="85"/>
      <c r="AR1914" s="85"/>
      <c r="AS1914" s="85"/>
      <c r="AT1914" s="85"/>
      <c r="AU1914" s="85"/>
      <c r="AV1914" s="85"/>
      <c r="AW1914" s="85"/>
      <c r="AX1914" s="85"/>
      <c r="AY1914" s="85"/>
      <c r="AZ1914" s="85"/>
      <c r="BA1914" s="85"/>
      <c r="BB1914" s="85"/>
      <c r="BC1914" s="85"/>
      <c r="BD1914" s="85"/>
      <c r="BE1914" s="85"/>
      <c r="BF1914" s="85"/>
      <c r="BG1914" s="85"/>
      <c r="BH1914" s="85"/>
      <c r="BI1914" s="85"/>
      <c r="BJ1914" s="85"/>
      <c r="BK1914" s="85"/>
      <c r="BL1914" s="85"/>
      <c r="BM1914" s="85"/>
      <c r="BN1914" s="85"/>
      <c r="BO1914" s="85"/>
      <c r="BP1914" s="85"/>
      <c r="BQ1914" s="85"/>
      <c r="BR1914" s="85"/>
      <c r="BS1914" s="85"/>
      <c r="BT1914" s="85"/>
      <c r="BU1914" s="85"/>
      <c r="BV1914" s="85"/>
      <c r="BW1914" s="85"/>
      <c r="BX1914" s="85"/>
      <c r="BY1914" s="85"/>
      <c r="BZ1914" s="85"/>
      <c r="CA1914" s="85"/>
      <c r="CB1914" s="85"/>
      <c r="CC1914" s="85"/>
      <c r="CD1914" s="85"/>
      <c r="CE1914" s="85"/>
      <c r="CF1914" s="85"/>
      <c r="CG1914" s="85"/>
    </row>
    <row r="1915" spans="1:85" s="9" customFormat="1" x14ac:dyDescent="0.2">
      <c r="A1915" s="85"/>
      <c r="J1915" s="85"/>
      <c r="K1915" s="85"/>
      <c r="L1915" s="85"/>
      <c r="M1915" s="85"/>
      <c r="N1915" s="85"/>
      <c r="O1915" s="85"/>
      <c r="P1915" s="85"/>
      <c r="Q1915" s="85"/>
      <c r="R1915" s="85"/>
      <c r="S1915" s="85"/>
      <c r="T1915" s="85"/>
      <c r="U1915" s="85"/>
      <c r="V1915" s="85"/>
      <c r="W1915" s="85"/>
      <c r="X1915" s="85"/>
      <c r="Y1915" s="85"/>
      <c r="Z1915" s="85"/>
      <c r="AA1915" s="85"/>
      <c r="AB1915" s="85"/>
      <c r="AC1915" s="85"/>
      <c r="AD1915" s="85"/>
      <c r="AE1915" s="85"/>
      <c r="AF1915" s="85"/>
      <c r="AG1915" s="85"/>
      <c r="AH1915" s="85"/>
      <c r="AI1915" s="85"/>
      <c r="AJ1915" s="85"/>
      <c r="AK1915" s="85"/>
      <c r="AL1915" s="85"/>
      <c r="AM1915" s="85"/>
      <c r="AN1915" s="85"/>
      <c r="AO1915" s="85"/>
      <c r="AP1915" s="85"/>
      <c r="AQ1915" s="85"/>
      <c r="AR1915" s="85"/>
      <c r="AS1915" s="85"/>
      <c r="AT1915" s="85"/>
      <c r="AU1915" s="85"/>
      <c r="AV1915" s="85"/>
      <c r="AW1915" s="85"/>
      <c r="AX1915" s="85"/>
      <c r="AY1915" s="85"/>
      <c r="AZ1915" s="85"/>
      <c r="BA1915" s="85"/>
      <c r="BB1915" s="85"/>
      <c r="BC1915" s="85"/>
      <c r="BD1915" s="85"/>
      <c r="BE1915" s="85"/>
      <c r="BF1915" s="85"/>
      <c r="BG1915" s="85"/>
      <c r="BH1915" s="85"/>
      <c r="BI1915" s="85"/>
      <c r="BJ1915" s="85"/>
      <c r="BK1915" s="85"/>
      <c r="BL1915" s="85"/>
      <c r="BM1915" s="85"/>
      <c r="BN1915" s="85"/>
      <c r="BO1915" s="85"/>
      <c r="BP1915" s="85"/>
      <c r="BQ1915" s="85"/>
      <c r="BR1915" s="85"/>
      <c r="BS1915" s="85"/>
      <c r="BT1915" s="85"/>
      <c r="BU1915" s="85"/>
      <c r="BV1915" s="85"/>
      <c r="BW1915" s="85"/>
      <c r="BX1915" s="85"/>
      <c r="BY1915" s="85"/>
      <c r="BZ1915" s="85"/>
      <c r="CA1915" s="85"/>
      <c r="CB1915" s="85"/>
      <c r="CC1915" s="85"/>
      <c r="CD1915" s="85"/>
      <c r="CE1915" s="85"/>
      <c r="CF1915" s="85"/>
      <c r="CG1915" s="85"/>
    </row>
    <row r="1916" spans="1:85" s="9" customFormat="1" x14ac:dyDescent="0.2">
      <c r="A1916" s="85"/>
      <c r="J1916" s="85"/>
      <c r="K1916" s="85"/>
      <c r="L1916" s="85"/>
      <c r="M1916" s="85"/>
      <c r="N1916" s="85"/>
      <c r="O1916" s="85"/>
      <c r="P1916" s="85"/>
      <c r="Q1916" s="85"/>
      <c r="R1916" s="85"/>
      <c r="S1916" s="85"/>
      <c r="T1916" s="85"/>
      <c r="U1916" s="85"/>
      <c r="V1916" s="85"/>
      <c r="W1916" s="85"/>
      <c r="X1916" s="85"/>
      <c r="Y1916" s="85"/>
      <c r="Z1916" s="85"/>
      <c r="AA1916" s="85"/>
      <c r="AB1916" s="85"/>
      <c r="AC1916" s="85"/>
      <c r="AD1916" s="85"/>
      <c r="AE1916" s="85"/>
      <c r="AF1916" s="85"/>
      <c r="AG1916" s="85"/>
      <c r="AH1916" s="85"/>
      <c r="AI1916" s="85"/>
      <c r="AJ1916" s="85"/>
      <c r="AK1916" s="85"/>
      <c r="AL1916" s="85"/>
      <c r="AM1916" s="85"/>
      <c r="AN1916" s="85"/>
      <c r="AO1916" s="85"/>
      <c r="AP1916" s="85"/>
      <c r="AQ1916" s="85"/>
      <c r="AR1916" s="85"/>
      <c r="AS1916" s="85"/>
      <c r="AT1916" s="85"/>
      <c r="AU1916" s="85"/>
      <c r="AV1916" s="85"/>
      <c r="AW1916" s="85"/>
      <c r="AX1916" s="85"/>
      <c r="AY1916" s="85"/>
      <c r="AZ1916" s="85"/>
      <c r="BA1916" s="85"/>
      <c r="BB1916" s="85"/>
      <c r="BC1916" s="85"/>
      <c r="BD1916" s="85"/>
      <c r="BE1916" s="85"/>
      <c r="BF1916" s="85"/>
      <c r="BG1916" s="85"/>
      <c r="BH1916" s="85"/>
      <c r="BI1916" s="85"/>
      <c r="BJ1916" s="85"/>
      <c r="BK1916" s="85"/>
      <c r="BL1916" s="85"/>
      <c r="BM1916" s="85"/>
      <c r="BN1916" s="85"/>
      <c r="BO1916" s="85"/>
      <c r="BP1916" s="85"/>
      <c r="BQ1916" s="85"/>
      <c r="BR1916" s="85"/>
      <c r="BS1916" s="85"/>
      <c r="BT1916" s="85"/>
      <c r="BU1916" s="85"/>
      <c r="BV1916" s="85"/>
      <c r="BW1916" s="85"/>
      <c r="BX1916" s="85"/>
      <c r="BY1916" s="85"/>
      <c r="BZ1916" s="85"/>
      <c r="CA1916" s="85"/>
      <c r="CB1916" s="85"/>
      <c r="CC1916" s="85"/>
      <c r="CD1916" s="85"/>
      <c r="CE1916" s="85"/>
      <c r="CF1916" s="85"/>
      <c r="CG1916" s="85"/>
    </row>
    <row r="1917" spans="1:85" s="9" customFormat="1" x14ac:dyDescent="0.2">
      <c r="A1917" s="85"/>
      <c r="J1917" s="85"/>
      <c r="K1917" s="85"/>
      <c r="L1917" s="85"/>
      <c r="M1917" s="85"/>
      <c r="N1917" s="85"/>
      <c r="O1917" s="85"/>
      <c r="P1917" s="85"/>
      <c r="Q1917" s="85"/>
      <c r="R1917" s="85"/>
      <c r="S1917" s="85"/>
      <c r="T1917" s="85"/>
      <c r="U1917" s="85"/>
      <c r="V1917" s="85"/>
      <c r="W1917" s="85"/>
      <c r="X1917" s="85"/>
      <c r="Y1917" s="85"/>
      <c r="Z1917" s="85"/>
      <c r="AA1917" s="85"/>
      <c r="AB1917" s="85"/>
      <c r="AC1917" s="85"/>
      <c r="AD1917" s="85"/>
      <c r="AE1917" s="85"/>
      <c r="AF1917" s="85"/>
      <c r="AG1917" s="85"/>
      <c r="AH1917" s="85"/>
      <c r="AI1917" s="85"/>
      <c r="AJ1917" s="85"/>
      <c r="AK1917" s="85"/>
      <c r="AL1917" s="85"/>
      <c r="AM1917" s="85"/>
      <c r="AN1917" s="85"/>
      <c r="AO1917" s="85"/>
      <c r="AP1917" s="85"/>
      <c r="AQ1917" s="85"/>
      <c r="AR1917" s="85"/>
      <c r="AS1917" s="85"/>
      <c r="AT1917" s="85"/>
      <c r="AU1917" s="85"/>
      <c r="AV1917" s="85"/>
      <c r="AW1917" s="85"/>
      <c r="AX1917" s="85"/>
      <c r="AY1917" s="85"/>
      <c r="AZ1917" s="85"/>
      <c r="BA1917" s="85"/>
      <c r="BB1917" s="85"/>
      <c r="BC1917" s="85"/>
      <c r="BD1917" s="85"/>
      <c r="BE1917" s="85"/>
      <c r="BF1917" s="85"/>
      <c r="BG1917" s="85"/>
      <c r="BH1917" s="85"/>
      <c r="BI1917" s="85"/>
      <c r="BJ1917" s="85"/>
      <c r="BK1917" s="85"/>
      <c r="BL1917" s="85"/>
      <c r="BM1917" s="85"/>
      <c r="BN1917" s="85"/>
      <c r="BO1917" s="85"/>
      <c r="BP1917" s="85"/>
      <c r="BQ1917" s="85"/>
      <c r="BR1917" s="85"/>
      <c r="BS1917" s="85"/>
      <c r="BT1917" s="85"/>
      <c r="BU1917" s="85"/>
      <c r="BV1917" s="85"/>
      <c r="BW1917" s="85"/>
      <c r="BX1917" s="85"/>
      <c r="BY1917" s="85"/>
      <c r="BZ1917" s="85"/>
      <c r="CA1917" s="85"/>
      <c r="CB1917" s="85"/>
      <c r="CC1917" s="85"/>
      <c r="CD1917" s="85"/>
      <c r="CE1917" s="85"/>
      <c r="CF1917" s="85"/>
      <c r="CG1917" s="85"/>
    </row>
    <row r="1918" spans="1:85" s="9" customFormat="1" x14ac:dyDescent="0.2">
      <c r="A1918" s="85"/>
      <c r="J1918" s="85"/>
      <c r="K1918" s="85"/>
      <c r="L1918" s="85"/>
      <c r="M1918" s="85"/>
      <c r="N1918" s="85"/>
      <c r="O1918" s="85"/>
      <c r="P1918" s="85"/>
      <c r="Q1918" s="85"/>
      <c r="R1918" s="85"/>
      <c r="S1918" s="85"/>
      <c r="T1918" s="85"/>
      <c r="U1918" s="85"/>
      <c r="V1918" s="85"/>
      <c r="W1918" s="85"/>
      <c r="X1918" s="85"/>
      <c r="Y1918" s="85"/>
      <c r="Z1918" s="85"/>
      <c r="AA1918" s="85"/>
      <c r="AB1918" s="85"/>
      <c r="AC1918" s="85"/>
      <c r="AD1918" s="85"/>
      <c r="AE1918" s="85"/>
      <c r="AF1918" s="85"/>
      <c r="AG1918" s="85"/>
      <c r="AH1918" s="85"/>
      <c r="AI1918" s="85"/>
      <c r="AJ1918" s="85"/>
      <c r="AK1918" s="85"/>
      <c r="AL1918" s="85"/>
      <c r="AM1918" s="85"/>
      <c r="AN1918" s="85"/>
      <c r="AO1918" s="85"/>
      <c r="AP1918" s="85"/>
      <c r="AQ1918" s="85"/>
      <c r="AR1918" s="85"/>
      <c r="AS1918" s="85"/>
      <c r="AT1918" s="85"/>
      <c r="AU1918" s="85"/>
      <c r="AV1918" s="85"/>
      <c r="AW1918" s="85"/>
      <c r="AX1918" s="85"/>
      <c r="AY1918" s="85"/>
      <c r="AZ1918" s="85"/>
      <c r="BA1918" s="85"/>
      <c r="BB1918" s="85"/>
      <c r="BC1918" s="85"/>
      <c r="BD1918" s="85"/>
      <c r="BE1918" s="85"/>
      <c r="BF1918" s="85"/>
      <c r="BG1918" s="85"/>
      <c r="BH1918" s="85"/>
      <c r="BI1918" s="85"/>
      <c r="BJ1918" s="85"/>
      <c r="BK1918" s="85"/>
      <c r="BL1918" s="85"/>
      <c r="BM1918" s="85"/>
      <c r="BN1918" s="85"/>
      <c r="BO1918" s="85"/>
      <c r="BP1918" s="85"/>
      <c r="BQ1918" s="85"/>
      <c r="BR1918" s="85"/>
      <c r="BS1918" s="85"/>
      <c r="BT1918" s="85"/>
      <c r="BU1918" s="85"/>
      <c r="BV1918" s="85"/>
      <c r="BW1918" s="85"/>
      <c r="BX1918" s="85"/>
      <c r="BY1918" s="85"/>
      <c r="BZ1918" s="85"/>
      <c r="CA1918" s="85"/>
      <c r="CB1918" s="85"/>
      <c r="CC1918" s="85"/>
      <c r="CD1918" s="85"/>
      <c r="CE1918" s="85"/>
      <c r="CF1918" s="85"/>
      <c r="CG1918" s="85"/>
    </row>
    <row r="1919" spans="1:85" s="9" customFormat="1" x14ac:dyDescent="0.2">
      <c r="A1919" s="85"/>
      <c r="J1919" s="85"/>
      <c r="K1919" s="85"/>
      <c r="L1919" s="85"/>
      <c r="M1919" s="85"/>
      <c r="N1919" s="85"/>
      <c r="O1919" s="85"/>
      <c r="P1919" s="85"/>
      <c r="Q1919" s="85"/>
      <c r="R1919" s="85"/>
      <c r="S1919" s="85"/>
      <c r="T1919" s="85"/>
      <c r="U1919" s="85"/>
      <c r="V1919" s="85"/>
      <c r="W1919" s="85"/>
      <c r="X1919" s="85"/>
      <c r="Y1919" s="85"/>
      <c r="Z1919" s="85"/>
      <c r="AA1919" s="85"/>
      <c r="AB1919" s="85"/>
      <c r="AC1919" s="85"/>
      <c r="AD1919" s="85"/>
      <c r="AE1919" s="85"/>
      <c r="AF1919" s="85"/>
      <c r="AG1919" s="85"/>
      <c r="AH1919" s="85"/>
      <c r="AI1919" s="85"/>
      <c r="AJ1919" s="85"/>
      <c r="AK1919" s="85"/>
      <c r="AL1919" s="85"/>
      <c r="AM1919" s="85"/>
      <c r="AN1919" s="85"/>
      <c r="AO1919" s="85"/>
      <c r="AP1919" s="85"/>
      <c r="AQ1919" s="85"/>
      <c r="AR1919" s="85"/>
      <c r="AS1919" s="85"/>
      <c r="AT1919" s="85"/>
      <c r="AU1919" s="85"/>
      <c r="AV1919" s="85"/>
      <c r="AW1919" s="85"/>
      <c r="AX1919" s="85"/>
      <c r="AY1919" s="85"/>
      <c r="AZ1919" s="85"/>
      <c r="BA1919" s="85"/>
      <c r="BB1919" s="85"/>
      <c r="BC1919" s="85"/>
      <c r="BD1919" s="85"/>
      <c r="BE1919" s="85"/>
      <c r="BF1919" s="85"/>
      <c r="BG1919" s="85"/>
      <c r="BH1919" s="85"/>
      <c r="BI1919" s="85"/>
      <c r="BJ1919" s="85"/>
      <c r="BK1919" s="85"/>
      <c r="BL1919" s="85"/>
      <c r="BM1919" s="85"/>
      <c r="BN1919" s="85"/>
      <c r="BO1919" s="85"/>
      <c r="BP1919" s="85"/>
      <c r="BQ1919" s="85"/>
      <c r="BR1919" s="85"/>
      <c r="BS1919" s="85"/>
      <c r="BT1919" s="85"/>
      <c r="BU1919" s="85"/>
      <c r="BV1919" s="85"/>
      <c r="BW1919" s="85"/>
      <c r="BX1919" s="85"/>
      <c r="BY1919" s="85"/>
      <c r="BZ1919" s="85"/>
      <c r="CA1919" s="85"/>
      <c r="CB1919" s="85"/>
      <c r="CC1919" s="85"/>
      <c r="CD1919" s="85"/>
      <c r="CE1919" s="85"/>
      <c r="CF1919" s="85"/>
      <c r="CG1919" s="85"/>
    </row>
    <row r="1920" spans="1:85" s="9" customFormat="1" x14ac:dyDescent="0.2">
      <c r="A1920" s="85"/>
      <c r="J1920" s="85"/>
      <c r="K1920" s="85"/>
      <c r="L1920" s="85"/>
      <c r="M1920" s="85"/>
      <c r="N1920" s="85"/>
      <c r="O1920" s="85"/>
      <c r="P1920" s="85"/>
      <c r="Q1920" s="85"/>
      <c r="R1920" s="85"/>
      <c r="S1920" s="85"/>
      <c r="T1920" s="85"/>
      <c r="U1920" s="85"/>
      <c r="V1920" s="85"/>
      <c r="W1920" s="85"/>
      <c r="X1920" s="85"/>
      <c r="Y1920" s="85"/>
      <c r="Z1920" s="85"/>
      <c r="AA1920" s="85"/>
      <c r="AB1920" s="85"/>
      <c r="AC1920" s="85"/>
      <c r="AD1920" s="85"/>
      <c r="AE1920" s="85"/>
      <c r="AF1920" s="85"/>
      <c r="AG1920" s="85"/>
      <c r="AH1920" s="85"/>
      <c r="AI1920" s="85"/>
      <c r="AJ1920" s="85"/>
      <c r="AK1920" s="85"/>
      <c r="AL1920" s="85"/>
      <c r="AM1920" s="85"/>
      <c r="AN1920" s="85"/>
      <c r="AO1920" s="85"/>
      <c r="AP1920" s="85"/>
      <c r="AQ1920" s="85"/>
      <c r="AR1920" s="85"/>
      <c r="AS1920" s="85"/>
      <c r="AT1920" s="85"/>
      <c r="AU1920" s="85"/>
      <c r="AV1920" s="85"/>
      <c r="AW1920" s="85"/>
      <c r="AX1920" s="85"/>
      <c r="AY1920" s="85"/>
      <c r="AZ1920" s="85"/>
      <c r="BA1920" s="85"/>
      <c r="BB1920" s="85"/>
      <c r="BC1920" s="85"/>
      <c r="BD1920" s="85"/>
      <c r="BE1920" s="85"/>
      <c r="BF1920" s="85"/>
      <c r="BG1920" s="85"/>
      <c r="BH1920" s="85"/>
      <c r="BI1920" s="85"/>
      <c r="BJ1920" s="85"/>
      <c r="BK1920" s="85"/>
      <c r="BL1920" s="85"/>
      <c r="BM1920" s="85"/>
      <c r="BN1920" s="85"/>
      <c r="BO1920" s="85"/>
      <c r="BP1920" s="85"/>
      <c r="BQ1920" s="85"/>
      <c r="BR1920" s="85"/>
      <c r="BS1920" s="85"/>
      <c r="BT1920" s="85"/>
      <c r="BU1920" s="85"/>
      <c r="BV1920" s="85"/>
      <c r="BW1920" s="85"/>
      <c r="BX1920" s="85"/>
      <c r="BY1920" s="85"/>
      <c r="BZ1920" s="85"/>
      <c r="CA1920" s="85"/>
      <c r="CB1920" s="85"/>
      <c r="CC1920" s="85"/>
      <c r="CD1920" s="85"/>
      <c r="CE1920" s="85"/>
      <c r="CF1920" s="85"/>
      <c r="CG1920" s="85"/>
    </row>
    <row r="1921" spans="1:85" s="9" customFormat="1" x14ac:dyDescent="0.2">
      <c r="A1921" s="85"/>
      <c r="J1921" s="85"/>
      <c r="K1921" s="85"/>
      <c r="L1921" s="85"/>
      <c r="M1921" s="85"/>
      <c r="N1921" s="85"/>
      <c r="O1921" s="85"/>
      <c r="P1921" s="85"/>
      <c r="Q1921" s="85"/>
      <c r="R1921" s="85"/>
      <c r="S1921" s="85"/>
      <c r="T1921" s="85"/>
      <c r="U1921" s="85"/>
      <c r="V1921" s="85"/>
      <c r="W1921" s="85"/>
      <c r="X1921" s="85"/>
      <c r="Y1921" s="85"/>
      <c r="Z1921" s="85"/>
      <c r="AA1921" s="85"/>
      <c r="AB1921" s="85"/>
      <c r="AC1921" s="85"/>
      <c r="AD1921" s="85"/>
      <c r="AE1921" s="85"/>
      <c r="AF1921" s="85"/>
      <c r="AG1921" s="85"/>
      <c r="AH1921" s="85"/>
      <c r="AI1921" s="85"/>
      <c r="AJ1921" s="85"/>
      <c r="AK1921" s="85"/>
      <c r="AL1921" s="85"/>
      <c r="AM1921" s="85"/>
      <c r="AN1921" s="85"/>
      <c r="AO1921" s="85"/>
      <c r="AP1921" s="85"/>
      <c r="AQ1921" s="85"/>
      <c r="AR1921" s="85"/>
      <c r="AS1921" s="85"/>
      <c r="AT1921" s="85"/>
      <c r="AU1921" s="85"/>
      <c r="AV1921" s="85"/>
      <c r="AW1921" s="85"/>
      <c r="AX1921" s="85"/>
      <c r="AY1921" s="85"/>
      <c r="AZ1921" s="85"/>
      <c r="BA1921" s="85"/>
      <c r="BB1921" s="85"/>
      <c r="BC1921" s="85"/>
      <c r="BD1921" s="85"/>
      <c r="BE1921" s="85"/>
      <c r="BF1921" s="85"/>
      <c r="BG1921" s="85"/>
      <c r="BH1921" s="85"/>
      <c r="BI1921" s="85"/>
      <c r="BJ1921" s="85"/>
      <c r="BK1921" s="85"/>
      <c r="BL1921" s="85"/>
      <c r="BM1921" s="85"/>
      <c r="BN1921" s="85"/>
      <c r="BO1921" s="85"/>
      <c r="BP1921" s="85"/>
      <c r="BQ1921" s="85"/>
      <c r="BR1921" s="85"/>
      <c r="BS1921" s="85"/>
      <c r="BT1921" s="85"/>
      <c r="BU1921" s="85"/>
      <c r="BV1921" s="85"/>
      <c r="BW1921" s="85"/>
      <c r="BX1921" s="85"/>
      <c r="BY1921" s="85"/>
      <c r="BZ1921" s="85"/>
      <c r="CA1921" s="85"/>
      <c r="CB1921" s="85"/>
      <c r="CC1921" s="85"/>
      <c r="CD1921" s="85"/>
      <c r="CE1921" s="85"/>
      <c r="CF1921" s="85"/>
      <c r="CG1921" s="85"/>
    </row>
    <row r="1922" spans="1:85" s="9" customFormat="1" x14ac:dyDescent="0.2">
      <c r="A1922" s="85"/>
      <c r="J1922" s="85"/>
      <c r="K1922" s="85"/>
      <c r="L1922" s="85"/>
      <c r="M1922" s="85"/>
      <c r="N1922" s="85"/>
      <c r="O1922" s="85"/>
      <c r="P1922" s="85"/>
      <c r="Q1922" s="85"/>
      <c r="R1922" s="85"/>
      <c r="S1922" s="85"/>
      <c r="T1922" s="85"/>
      <c r="U1922" s="85"/>
      <c r="V1922" s="85"/>
      <c r="W1922" s="85"/>
      <c r="X1922" s="85"/>
      <c r="Y1922" s="85"/>
      <c r="Z1922" s="85"/>
      <c r="AA1922" s="85"/>
      <c r="AB1922" s="85"/>
      <c r="AC1922" s="85"/>
      <c r="AD1922" s="85"/>
      <c r="AE1922" s="85"/>
      <c r="AF1922" s="85"/>
      <c r="AG1922" s="85"/>
      <c r="AH1922" s="85"/>
      <c r="AI1922" s="85"/>
      <c r="AJ1922" s="85"/>
      <c r="AK1922" s="85"/>
      <c r="AL1922" s="85"/>
      <c r="AM1922" s="85"/>
      <c r="AN1922" s="85"/>
      <c r="AO1922" s="85"/>
      <c r="AP1922" s="85"/>
      <c r="AQ1922" s="85"/>
      <c r="AR1922" s="85"/>
      <c r="AS1922" s="85"/>
      <c r="AT1922" s="85"/>
      <c r="AU1922" s="85"/>
      <c r="AV1922" s="85"/>
      <c r="AW1922" s="85"/>
      <c r="AX1922" s="85"/>
      <c r="AY1922" s="85"/>
      <c r="AZ1922" s="85"/>
      <c r="BA1922" s="85"/>
      <c r="BB1922" s="85"/>
      <c r="BC1922" s="85"/>
      <c r="BD1922" s="85"/>
      <c r="BE1922" s="85"/>
      <c r="BF1922" s="85"/>
      <c r="BG1922" s="85"/>
      <c r="BH1922" s="85"/>
      <c r="BI1922" s="85"/>
      <c r="BJ1922" s="85"/>
      <c r="BK1922" s="85"/>
      <c r="BL1922" s="85"/>
      <c r="BM1922" s="85"/>
      <c r="BN1922" s="85"/>
      <c r="BO1922" s="85"/>
      <c r="BP1922" s="85"/>
      <c r="BQ1922" s="85"/>
      <c r="BR1922" s="85"/>
      <c r="BS1922" s="85"/>
      <c r="BT1922" s="85"/>
      <c r="BU1922" s="85"/>
      <c r="BV1922" s="85"/>
      <c r="BW1922" s="85"/>
      <c r="BX1922" s="85"/>
      <c r="BY1922" s="85"/>
      <c r="BZ1922" s="85"/>
      <c r="CA1922" s="85"/>
      <c r="CB1922" s="85"/>
      <c r="CC1922" s="85"/>
      <c r="CD1922" s="85"/>
      <c r="CE1922" s="85"/>
      <c r="CF1922" s="85"/>
      <c r="CG1922" s="85"/>
    </row>
    <row r="1923" spans="1:85" s="9" customFormat="1" x14ac:dyDescent="0.2">
      <c r="A1923" s="85"/>
      <c r="J1923" s="85"/>
      <c r="K1923" s="85"/>
      <c r="L1923" s="85"/>
      <c r="M1923" s="85"/>
      <c r="N1923" s="85"/>
      <c r="O1923" s="85"/>
      <c r="P1923" s="85"/>
      <c r="Q1923" s="85"/>
      <c r="R1923" s="85"/>
      <c r="S1923" s="85"/>
      <c r="T1923" s="85"/>
      <c r="U1923" s="85"/>
      <c r="V1923" s="85"/>
      <c r="W1923" s="85"/>
      <c r="X1923" s="85"/>
      <c r="Y1923" s="85"/>
      <c r="Z1923" s="85"/>
      <c r="AA1923" s="85"/>
      <c r="AB1923" s="85"/>
      <c r="AC1923" s="85"/>
      <c r="AD1923" s="85"/>
      <c r="AE1923" s="85"/>
      <c r="AF1923" s="85"/>
      <c r="AG1923" s="85"/>
      <c r="AH1923" s="85"/>
      <c r="AI1923" s="85"/>
      <c r="AJ1923" s="85"/>
      <c r="AK1923" s="85"/>
      <c r="AL1923" s="85"/>
      <c r="AM1923" s="85"/>
      <c r="AN1923" s="85"/>
      <c r="AO1923" s="85"/>
      <c r="AP1923" s="85"/>
      <c r="AQ1923" s="85"/>
      <c r="AR1923" s="85"/>
      <c r="AS1923" s="85"/>
      <c r="AT1923" s="85"/>
      <c r="AU1923" s="85"/>
      <c r="AV1923" s="85"/>
      <c r="AW1923" s="85"/>
      <c r="AX1923" s="85"/>
      <c r="AY1923" s="85"/>
      <c r="AZ1923" s="85"/>
      <c r="BA1923" s="85"/>
      <c r="BB1923" s="85"/>
      <c r="BC1923" s="85"/>
      <c r="BD1923" s="85"/>
      <c r="BE1923" s="85"/>
      <c r="BF1923" s="85"/>
      <c r="BG1923" s="85"/>
      <c r="BH1923" s="85"/>
      <c r="BI1923" s="85"/>
      <c r="BJ1923" s="85"/>
      <c r="BK1923" s="85"/>
      <c r="BL1923" s="85"/>
      <c r="BM1923" s="85"/>
      <c r="BN1923" s="85"/>
      <c r="BO1923" s="85"/>
      <c r="BP1923" s="85"/>
      <c r="BQ1923" s="85"/>
      <c r="BR1923" s="85"/>
      <c r="BS1923" s="85"/>
      <c r="BT1923" s="85"/>
      <c r="BU1923" s="85"/>
      <c r="BV1923" s="85"/>
      <c r="BW1923" s="85"/>
      <c r="BX1923" s="85"/>
      <c r="BY1923" s="85"/>
      <c r="BZ1923" s="85"/>
      <c r="CA1923" s="85"/>
      <c r="CB1923" s="85"/>
      <c r="CC1923" s="85"/>
      <c r="CD1923" s="85"/>
      <c r="CE1923" s="85"/>
      <c r="CF1923" s="85"/>
      <c r="CG1923" s="85"/>
    </row>
    <row r="1924" spans="1:85" s="9" customFormat="1" x14ac:dyDescent="0.2">
      <c r="A1924" s="85"/>
      <c r="J1924" s="85"/>
      <c r="K1924" s="85"/>
      <c r="L1924" s="85"/>
      <c r="M1924" s="85"/>
      <c r="N1924" s="85"/>
      <c r="O1924" s="85"/>
      <c r="P1924" s="85"/>
      <c r="Q1924" s="85"/>
      <c r="R1924" s="85"/>
      <c r="S1924" s="85"/>
      <c r="T1924" s="85"/>
      <c r="U1924" s="85"/>
      <c r="V1924" s="85"/>
      <c r="W1924" s="85"/>
      <c r="X1924" s="85"/>
      <c r="Y1924" s="85"/>
      <c r="Z1924" s="85"/>
      <c r="AA1924" s="85"/>
      <c r="AB1924" s="85"/>
      <c r="AC1924" s="85"/>
      <c r="AD1924" s="85"/>
      <c r="AE1924" s="85"/>
      <c r="AF1924" s="85"/>
      <c r="AG1924" s="85"/>
      <c r="AH1924" s="85"/>
      <c r="AI1924" s="85"/>
      <c r="AJ1924" s="85"/>
      <c r="AK1924" s="85"/>
      <c r="AL1924" s="85"/>
      <c r="AM1924" s="85"/>
      <c r="AN1924" s="85"/>
      <c r="AO1924" s="85"/>
      <c r="AP1924" s="85"/>
      <c r="AQ1924" s="85"/>
      <c r="AR1924" s="85"/>
      <c r="AS1924" s="85"/>
      <c r="AT1924" s="85"/>
      <c r="AU1924" s="85"/>
      <c r="AV1924" s="85"/>
      <c r="AW1924" s="85"/>
      <c r="AX1924" s="85"/>
      <c r="AY1924" s="85"/>
      <c r="AZ1924" s="85"/>
      <c r="BA1924" s="85"/>
      <c r="BB1924" s="85"/>
      <c r="BC1924" s="85"/>
      <c r="BD1924" s="85"/>
      <c r="BE1924" s="85"/>
      <c r="BF1924" s="85"/>
      <c r="BG1924" s="85"/>
      <c r="BH1924" s="85"/>
      <c r="BI1924" s="85"/>
      <c r="BJ1924" s="85"/>
      <c r="BK1924" s="85"/>
      <c r="BL1924" s="85"/>
      <c r="BM1924" s="85"/>
      <c r="BN1924" s="85"/>
      <c r="BO1924" s="85"/>
      <c r="BP1924" s="85"/>
      <c r="BQ1924" s="85"/>
      <c r="BR1924" s="85"/>
      <c r="BS1924" s="85"/>
      <c r="BT1924" s="85"/>
      <c r="BU1924" s="85"/>
      <c r="BV1924" s="85"/>
      <c r="BW1924" s="85"/>
      <c r="BX1924" s="85"/>
      <c r="BY1924" s="85"/>
      <c r="BZ1924" s="85"/>
      <c r="CA1924" s="85"/>
      <c r="CB1924" s="85"/>
      <c r="CC1924" s="85"/>
      <c r="CD1924" s="85"/>
      <c r="CE1924" s="85"/>
      <c r="CF1924" s="85"/>
      <c r="CG1924" s="85"/>
    </row>
    <row r="1925" spans="1:85" s="9" customFormat="1" x14ac:dyDescent="0.2">
      <c r="A1925" s="85"/>
      <c r="J1925" s="85"/>
      <c r="K1925" s="85"/>
      <c r="L1925" s="85"/>
      <c r="M1925" s="85"/>
      <c r="N1925" s="85"/>
      <c r="O1925" s="85"/>
      <c r="P1925" s="85"/>
      <c r="Q1925" s="85"/>
      <c r="R1925" s="85"/>
      <c r="S1925" s="85"/>
      <c r="T1925" s="85"/>
      <c r="U1925" s="85"/>
      <c r="V1925" s="85"/>
      <c r="W1925" s="85"/>
      <c r="X1925" s="85"/>
      <c r="Y1925" s="85"/>
      <c r="Z1925" s="85"/>
      <c r="AA1925" s="85"/>
      <c r="AB1925" s="85"/>
      <c r="AC1925" s="85"/>
      <c r="AD1925" s="85"/>
      <c r="AE1925" s="85"/>
      <c r="AF1925" s="85"/>
      <c r="AG1925" s="85"/>
      <c r="AH1925" s="85"/>
      <c r="AI1925" s="85"/>
      <c r="AJ1925" s="85"/>
      <c r="AK1925" s="85"/>
      <c r="AL1925" s="85"/>
      <c r="AM1925" s="85"/>
      <c r="AN1925" s="85"/>
      <c r="AO1925" s="85"/>
      <c r="AP1925" s="85"/>
      <c r="AQ1925" s="85"/>
      <c r="AR1925" s="85"/>
      <c r="AS1925" s="85"/>
      <c r="AT1925" s="85"/>
      <c r="AU1925" s="85"/>
      <c r="AV1925" s="85"/>
      <c r="AW1925" s="85"/>
      <c r="AX1925" s="85"/>
      <c r="AY1925" s="85"/>
      <c r="AZ1925" s="85"/>
      <c r="BA1925" s="85"/>
      <c r="BB1925" s="85"/>
      <c r="BC1925" s="85"/>
      <c r="BD1925" s="85"/>
      <c r="BE1925" s="85"/>
      <c r="BF1925" s="85"/>
      <c r="BG1925" s="85"/>
      <c r="BH1925" s="85"/>
      <c r="BI1925" s="85"/>
      <c r="BJ1925" s="85"/>
      <c r="BK1925" s="85"/>
      <c r="BL1925" s="85"/>
      <c r="BM1925" s="85"/>
      <c r="BN1925" s="85"/>
      <c r="BO1925" s="85"/>
      <c r="BP1925" s="85"/>
      <c r="BQ1925" s="85"/>
      <c r="BR1925" s="85"/>
      <c r="BS1925" s="85"/>
      <c r="BT1925" s="85"/>
      <c r="BU1925" s="85"/>
      <c r="BV1925" s="85"/>
      <c r="BW1925" s="85"/>
      <c r="BX1925" s="85"/>
      <c r="BY1925" s="85"/>
      <c r="BZ1925" s="85"/>
      <c r="CA1925" s="85"/>
      <c r="CB1925" s="85"/>
      <c r="CC1925" s="85"/>
      <c r="CD1925" s="85"/>
      <c r="CE1925" s="85"/>
      <c r="CF1925" s="85"/>
      <c r="CG1925" s="85"/>
    </row>
    <row r="1926" spans="1:85" s="9" customFormat="1" x14ac:dyDescent="0.2">
      <c r="A1926" s="85"/>
      <c r="J1926" s="85"/>
      <c r="K1926" s="85"/>
      <c r="L1926" s="85"/>
      <c r="M1926" s="85"/>
      <c r="N1926" s="85"/>
      <c r="O1926" s="85"/>
      <c r="P1926" s="85"/>
      <c r="Q1926" s="85"/>
      <c r="R1926" s="85"/>
      <c r="S1926" s="85"/>
      <c r="T1926" s="85"/>
      <c r="U1926" s="85"/>
      <c r="V1926" s="85"/>
      <c r="W1926" s="85"/>
      <c r="X1926" s="85"/>
      <c r="Y1926" s="85"/>
      <c r="Z1926" s="85"/>
      <c r="AA1926" s="85"/>
      <c r="AB1926" s="85"/>
      <c r="AC1926" s="85"/>
      <c r="AD1926" s="85"/>
      <c r="AE1926" s="85"/>
      <c r="AF1926" s="85"/>
      <c r="AG1926" s="85"/>
      <c r="AH1926" s="85"/>
      <c r="AI1926" s="85"/>
      <c r="AJ1926" s="85"/>
      <c r="AK1926" s="85"/>
      <c r="AL1926" s="85"/>
      <c r="AM1926" s="85"/>
      <c r="AN1926" s="85"/>
      <c r="AO1926" s="85"/>
      <c r="AP1926" s="85"/>
      <c r="AQ1926" s="85"/>
      <c r="AR1926" s="85"/>
      <c r="AS1926" s="85"/>
      <c r="AT1926" s="85"/>
      <c r="AU1926" s="85"/>
      <c r="AV1926" s="85"/>
      <c r="AW1926" s="85"/>
      <c r="AX1926" s="85"/>
      <c r="AY1926" s="85"/>
      <c r="AZ1926" s="85"/>
      <c r="BA1926" s="85"/>
      <c r="BB1926" s="85"/>
      <c r="BC1926" s="85"/>
      <c r="BD1926" s="85"/>
      <c r="BE1926" s="85"/>
      <c r="BF1926" s="85"/>
      <c r="BG1926" s="85"/>
      <c r="BH1926" s="85"/>
      <c r="BI1926" s="85"/>
      <c r="BJ1926" s="85"/>
      <c r="BK1926" s="85"/>
      <c r="BL1926" s="85"/>
      <c r="BM1926" s="85"/>
      <c r="BN1926" s="85"/>
      <c r="BO1926" s="85"/>
      <c r="BP1926" s="85"/>
      <c r="BQ1926" s="85"/>
      <c r="BR1926" s="85"/>
      <c r="BS1926" s="85"/>
      <c r="BT1926" s="85"/>
      <c r="BU1926" s="85"/>
      <c r="BV1926" s="85"/>
      <c r="BW1926" s="85"/>
      <c r="BX1926" s="85"/>
      <c r="BY1926" s="85"/>
      <c r="BZ1926" s="85"/>
      <c r="CA1926" s="85"/>
      <c r="CB1926" s="85"/>
      <c r="CC1926" s="85"/>
      <c r="CD1926" s="85"/>
      <c r="CE1926" s="85"/>
      <c r="CF1926" s="85"/>
      <c r="CG1926" s="85"/>
    </row>
    <row r="1927" spans="1:85" s="9" customFormat="1" x14ac:dyDescent="0.2">
      <c r="A1927" s="85"/>
      <c r="J1927" s="85"/>
      <c r="K1927" s="85"/>
      <c r="L1927" s="85"/>
      <c r="M1927" s="85"/>
      <c r="N1927" s="85"/>
      <c r="O1927" s="85"/>
      <c r="P1927" s="85"/>
      <c r="Q1927" s="85"/>
      <c r="R1927" s="85"/>
      <c r="S1927" s="85"/>
      <c r="T1927" s="85"/>
      <c r="U1927" s="85"/>
      <c r="V1927" s="85"/>
      <c r="W1927" s="85"/>
      <c r="X1927" s="85"/>
      <c r="Y1927" s="85"/>
      <c r="Z1927" s="85"/>
      <c r="AA1927" s="85"/>
      <c r="AB1927" s="85"/>
      <c r="AC1927" s="85"/>
      <c r="AD1927" s="85"/>
      <c r="AE1927" s="85"/>
      <c r="AF1927" s="85"/>
      <c r="AG1927" s="85"/>
      <c r="AH1927" s="85"/>
      <c r="AI1927" s="85"/>
      <c r="AJ1927" s="85"/>
      <c r="AK1927" s="85"/>
      <c r="AL1927" s="85"/>
      <c r="AM1927" s="85"/>
      <c r="AN1927" s="85"/>
      <c r="AO1927" s="85"/>
      <c r="AP1927" s="85"/>
      <c r="AQ1927" s="85"/>
      <c r="AR1927" s="85"/>
      <c r="AS1927" s="85"/>
      <c r="AT1927" s="85"/>
      <c r="AU1927" s="85"/>
      <c r="AV1927" s="85"/>
      <c r="AW1927" s="85"/>
      <c r="AX1927" s="85"/>
      <c r="AY1927" s="85"/>
      <c r="AZ1927" s="85"/>
      <c r="BA1927" s="85"/>
      <c r="BB1927" s="85"/>
      <c r="BC1927" s="85"/>
      <c r="BD1927" s="85"/>
      <c r="BE1927" s="85"/>
      <c r="BF1927" s="85"/>
      <c r="BG1927" s="85"/>
      <c r="BH1927" s="85"/>
      <c r="BI1927" s="85"/>
      <c r="BJ1927" s="85"/>
      <c r="BK1927" s="85"/>
      <c r="BL1927" s="85"/>
      <c r="BM1927" s="85"/>
      <c r="BN1927" s="85"/>
      <c r="BO1927" s="85"/>
      <c r="BP1927" s="85"/>
      <c r="BQ1927" s="85"/>
      <c r="BR1927" s="85"/>
      <c r="BS1927" s="85"/>
      <c r="BT1927" s="85"/>
      <c r="BU1927" s="85"/>
      <c r="BV1927" s="85"/>
      <c r="BW1927" s="85"/>
      <c r="BX1927" s="85"/>
      <c r="BY1927" s="85"/>
      <c r="BZ1927" s="85"/>
      <c r="CA1927" s="85"/>
      <c r="CB1927" s="85"/>
      <c r="CC1927" s="85"/>
      <c r="CD1927" s="85"/>
      <c r="CE1927" s="85"/>
      <c r="CF1927" s="85"/>
      <c r="CG1927" s="85"/>
    </row>
    <row r="1928" spans="1:85" s="9" customFormat="1" x14ac:dyDescent="0.2">
      <c r="A1928" s="85"/>
      <c r="J1928" s="85"/>
      <c r="K1928" s="85"/>
      <c r="L1928" s="85"/>
      <c r="M1928" s="85"/>
      <c r="N1928" s="85"/>
      <c r="O1928" s="85"/>
      <c r="P1928" s="85"/>
      <c r="Q1928" s="85"/>
      <c r="R1928" s="85"/>
      <c r="S1928" s="85"/>
      <c r="T1928" s="85"/>
      <c r="U1928" s="85"/>
      <c r="V1928" s="85"/>
      <c r="W1928" s="85"/>
      <c r="X1928" s="85"/>
      <c r="Y1928" s="85"/>
      <c r="Z1928" s="85"/>
      <c r="AA1928" s="85"/>
      <c r="AB1928" s="85"/>
      <c r="AC1928" s="85"/>
      <c r="AD1928" s="85"/>
      <c r="AE1928" s="85"/>
      <c r="AF1928" s="85"/>
      <c r="AG1928" s="85"/>
      <c r="AH1928" s="85"/>
      <c r="AI1928" s="85"/>
      <c r="AJ1928" s="85"/>
      <c r="AK1928" s="85"/>
      <c r="AL1928" s="85"/>
      <c r="AM1928" s="85"/>
      <c r="AN1928" s="85"/>
      <c r="AO1928" s="85"/>
      <c r="AP1928" s="85"/>
      <c r="AQ1928" s="85"/>
      <c r="AR1928" s="85"/>
      <c r="AS1928" s="85"/>
      <c r="AT1928" s="85"/>
      <c r="AU1928" s="85"/>
      <c r="AV1928" s="85"/>
      <c r="AW1928" s="85"/>
      <c r="AX1928" s="85"/>
      <c r="AY1928" s="85"/>
      <c r="AZ1928" s="85"/>
      <c r="BA1928" s="85"/>
      <c r="BB1928" s="85"/>
      <c r="BC1928" s="85"/>
      <c r="BD1928" s="85"/>
      <c r="BE1928" s="85"/>
      <c r="BF1928" s="85"/>
      <c r="BG1928" s="85"/>
      <c r="BH1928" s="85"/>
      <c r="BI1928" s="85"/>
      <c r="BJ1928" s="85"/>
      <c r="BK1928" s="85"/>
      <c r="BL1928" s="85"/>
      <c r="BM1928" s="85"/>
      <c r="BN1928" s="85"/>
      <c r="BO1928" s="85"/>
      <c r="BP1928" s="85"/>
      <c r="BQ1928" s="85"/>
      <c r="BR1928" s="85"/>
      <c r="BS1928" s="85"/>
      <c r="BT1928" s="85"/>
      <c r="BU1928" s="85"/>
      <c r="BV1928" s="85"/>
      <c r="BW1928" s="85"/>
      <c r="BX1928" s="85"/>
      <c r="BY1928" s="85"/>
      <c r="BZ1928" s="85"/>
      <c r="CA1928" s="85"/>
      <c r="CB1928" s="85"/>
      <c r="CC1928" s="85"/>
      <c r="CD1928" s="85"/>
      <c r="CE1928" s="85"/>
      <c r="CF1928" s="85"/>
      <c r="CG1928" s="85"/>
    </row>
    <row r="1929" spans="1:85" s="9" customFormat="1" x14ac:dyDescent="0.2">
      <c r="A1929" s="85"/>
      <c r="J1929" s="85"/>
      <c r="K1929" s="85"/>
      <c r="L1929" s="85"/>
      <c r="M1929" s="85"/>
      <c r="N1929" s="85"/>
      <c r="O1929" s="85"/>
      <c r="P1929" s="85"/>
      <c r="Q1929" s="85"/>
      <c r="R1929" s="85"/>
      <c r="S1929" s="85"/>
      <c r="T1929" s="85"/>
      <c r="U1929" s="85"/>
      <c r="V1929" s="85"/>
      <c r="W1929" s="85"/>
      <c r="X1929" s="85"/>
      <c r="Y1929" s="85"/>
      <c r="Z1929" s="85"/>
      <c r="AA1929" s="85"/>
      <c r="AB1929" s="85"/>
      <c r="AC1929" s="85"/>
      <c r="AD1929" s="85"/>
      <c r="AE1929" s="85"/>
      <c r="AF1929" s="85"/>
      <c r="AG1929" s="85"/>
      <c r="AH1929" s="85"/>
      <c r="AI1929" s="85"/>
      <c r="AJ1929" s="85"/>
      <c r="AK1929" s="85"/>
      <c r="AL1929" s="85"/>
      <c r="AM1929" s="85"/>
      <c r="AN1929" s="85"/>
      <c r="AO1929" s="85"/>
      <c r="AP1929" s="85"/>
      <c r="AQ1929" s="85"/>
      <c r="AR1929" s="85"/>
      <c r="AS1929" s="85"/>
      <c r="AT1929" s="85"/>
      <c r="AU1929" s="85"/>
      <c r="AV1929" s="85"/>
      <c r="AW1929" s="85"/>
      <c r="AX1929" s="85"/>
      <c r="AY1929" s="85"/>
      <c r="AZ1929" s="85"/>
      <c r="BA1929" s="85"/>
      <c r="BB1929" s="85"/>
      <c r="BC1929" s="85"/>
      <c r="BD1929" s="85"/>
      <c r="BE1929" s="85"/>
      <c r="BF1929" s="85"/>
      <c r="BG1929" s="85"/>
      <c r="BH1929" s="85"/>
      <c r="BI1929" s="85"/>
      <c r="BJ1929" s="85"/>
      <c r="BK1929" s="85"/>
      <c r="BL1929" s="85"/>
      <c r="BM1929" s="85"/>
      <c r="BN1929" s="85"/>
      <c r="BO1929" s="85"/>
      <c r="BP1929" s="85"/>
      <c r="BQ1929" s="85"/>
      <c r="BR1929" s="85"/>
      <c r="BS1929" s="85"/>
      <c r="BT1929" s="85"/>
      <c r="BU1929" s="85"/>
      <c r="BV1929" s="85"/>
      <c r="BW1929" s="85"/>
      <c r="BX1929" s="85"/>
      <c r="BY1929" s="85"/>
      <c r="BZ1929" s="85"/>
      <c r="CA1929" s="85"/>
      <c r="CB1929" s="85"/>
      <c r="CC1929" s="85"/>
      <c r="CD1929" s="85"/>
      <c r="CE1929" s="85"/>
      <c r="CF1929" s="85"/>
      <c r="CG1929" s="85"/>
    </row>
    <row r="1930" spans="1:85" s="9" customFormat="1" x14ac:dyDescent="0.2">
      <c r="A1930" s="85"/>
      <c r="J1930" s="85"/>
      <c r="K1930" s="85"/>
      <c r="L1930" s="85"/>
      <c r="M1930" s="85"/>
      <c r="N1930" s="85"/>
      <c r="O1930" s="85"/>
      <c r="P1930" s="85"/>
      <c r="Q1930" s="85"/>
      <c r="R1930" s="85"/>
      <c r="S1930" s="85"/>
      <c r="T1930" s="85"/>
      <c r="U1930" s="85"/>
      <c r="V1930" s="85"/>
      <c r="W1930" s="85"/>
      <c r="X1930" s="85"/>
      <c r="Y1930" s="85"/>
      <c r="Z1930" s="85"/>
      <c r="AA1930" s="85"/>
      <c r="AB1930" s="85"/>
      <c r="AC1930" s="85"/>
      <c r="AD1930" s="85"/>
      <c r="AE1930" s="85"/>
      <c r="AF1930" s="85"/>
      <c r="AG1930" s="85"/>
      <c r="AH1930" s="85"/>
      <c r="AI1930" s="85"/>
      <c r="AJ1930" s="85"/>
      <c r="AK1930" s="85"/>
      <c r="AL1930" s="85"/>
      <c r="AM1930" s="85"/>
      <c r="AN1930" s="85"/>
      <c r="AO1930" s="85"/>
      <c r="AP1930" s="85"/>
      <c r="AQ1930" s="85"/>
      <c r="AR1930" s="85"/>
      <c r="AS1930" s="85"/>
      <c r="AT1930" s="85"/>
      <c r="AU1930" s="85"/>
      <c r="AV1930" s="85"/>
      <c r="AW1930" s="85"/>
      <c r="AX1930" s="85"/>
      <c r="AY1930" s="85"/>
      <c r="AZ1930" s="85"/>
      <c r="BA1930" s="85"/>
      <c r="BB1930" s="85"/>
      <c r="BC1930" s="85"/>
      <c r="BD1930" s="85"/>
      <c r="BE1930" s="85"/>
      <c r="BF1930" s="85"/>
      <c r="BG1930" s="85"/>
      <c r="BH1930" s="85"/>
      <c r="BI1930" s="85"/>
      <c r="BJ1930" s="85"/>
      <c r="BK1930" s="85"/>
      <c r="BL1930" s="85"/>
      <c r="BM1930" s="85"/>
      <c r="BN1930" s="85"/>
      <c r="BO1930" s="85"/>
      <c r="BP1930" s="85"/>
      <c r="BQ1930" s="85"/>
      <c r="BR1930" s="85"/>
      <c r="BS1930" s="85"/>
      <c r="BT1930" s="85"/>
      <c r="BU1930" s="85"/>
      <c r="BV1930" s="85"/>
      <c r="BW1930" s="85"/>
      <c r="BX1930" s="85"/>
      <c r="BY1930" s="85"/>
      <c r="BZ1930" s="85"/>
      <c r="CA1930" s="85"/>
      <c r="CB1930" s="85"/>
      <c r="CC1930" s="85"/>
      <c r="CD1930" s="85"/>
      <c r="CE1930" s="85"/>
      <c r="CF1930" s="85"/>
      <c r="CG1930" s="85"/>
    </row>
    <row r="1931" spans="1:85" s="9" customFormat="1" x14ac:dyDescent="0.2">
      <c r="A1931" s="85"/>
      <c r="J1931" s="85"/>
      <c r="K1931" s="85"/>
      <c r="L1931" s="85"/>
      <c r="M1931" s="85"/>
      <c r="N1931" s="85"/>
      <c r="O1931" s="85"/>
      <c r="P1931" s="85"/>
      <c r="Q1931" s="85"/>
      <c r="R1931" s="85"/>
      <c r="S1931" s="85"/>
      <c r="T1931" s="85"/>
      <c r="U1931" s="85"/>
      <c r="V1931" s="85"/>
      <c r="W1931" s="85"/>
      <c r="X1931" s="85"/>
      <c r="Y1931" s="85"/>
      <c r="Z1931" s="85"/>
      <c r="AA1931" s="85"/>
      <c r="AB1931" s="85"/>
      <c r="AC1931" s="85"/>
      <c r="AD1931" s="85"/>
      <c r="AE1931" s="85"/>
      <c r="AF1931" s="85"/>
      <c r="AG1931" s="85"/>
      <c r="AH1931" s="85"/>
      <c r="AI1931" s="85"/>
      <c r="AJ1931" s="85"/>
      <c r="AK1931" s="85"/>
      <c r="AL1931" s="85"/>
      <c r="AM1931" s="85"/>
      <c r="AN1931" s="85"/>
      <c r="AO1931" s="85"/>
      <c r="AP1931" s="85"/>
      <c r="AQ1931" s="85"/>
      <c r="AR1931" s="85"/>
      <c r="AS1931" s="85"/>
      <c r="AT1931" s="85"/>
      <c r="AU1931" s="85"/>
      <c r="AV1931" s="85"/>
      <c r="AW1931" s="85"/>
      <c r="AX1931" s="85"/>
      <c r="AY1931" s="85"/>
      <c r="AZ1931" s="85"/>
      <c r="BA1931" s="85"/>
      <c r="BB1931" s="85"/>
      <c r="BC1931" s="85"/>
      <c r="BD1931" s="85"/>
      <c r="BE1931" s="85"/>
      <c r="BF1931" s="85"/>
      <c r="BG1931" s="85"/>
      <c r="BH1931" s="85"/>
      <c r="BI1931" s="85"/>
      <c r="BJ1931" s="85"/>
      <c r="BK1931" s="85"/>
      <c r="BL1931" s="85"/>
      <c r="BM1931" s="85"/>
      <c r="BN1931" s="85"/>
      <c r="BO1931" s="85"/>
      <c r="BP1931" s="85"/>
      <c r="BQ1931" s="85"/>
      <c r="BR1931" s="85"/>
      <c r="BS1931" s="85"/>
      <c r="BT1931" s="85"/>
      <c r="BU1931" s="85"/>
      <c r="BV1931" s="85"/>
      <c r="BW1931" s="85"/>
      <c r="BX1931" s="85"/>
      <c r="BY1931" s="85"/>
      <c r="BZ1931" s="85"/>
      <c r="CA1931" s="85"/>
      <c r="CB1931" s="85"/>
      <c r="CC1931" s="85"/>
      <c r="CD1931" s="85"/>
      <c r="CE1931" s="85"/>
      <c r="CF1931" s="85"/>
      <c r="CG1931" s="85"/>
    </row>
    <row r="1932" spans="1:85" s="9" customFormat="1" x14ac:dyDescent="0.2">
      <c r="A1932" s="85"/>
      <c r="J1932" s="85"/>
      <c r="K1932" s="85"/>
      <c r="L1932" s="85"/>
      <c r="M1932" s="85"/>
      <c r="N1932" s="85"/>
      <c r="O1932" s="85"/>
      <c r="P1932" s="85"/>
      <c r="Q1932" s="85"/>
      <c r="R1932" s="85"/>
      <c r="S1932" s="85"/>
      <c r="T1932" s="85"/>
      <c r="U1932" s="85"/>
      <c r="V1932" s="85"/>
      <c r="W1932" s="85"/>
      <c r="X1932" s="85"/>
      <c r="Y1932" s="85"/>
      <c r="Z1932" s="85"/>
      <c r="AA1932" s="85"/>
      <c r="AB1932" s="85"/>
      <c r="AC1932" s="85"/>
      <c r="AD1932" s="85"/>
      <c r="AE1932" s="85"/>
      <c r="AF1932" s="85"/>
      <c r="AG1932" s="85"/>
      <c r="AH1932" s="85"/>
      <c r="AI1932" s="85"/>
      <c r="AJ1932" s="85"/>
      <c r="AK1932" s="85"/>
      <c r="AL1932" s="85"/>
      <c r="AM1932" s="85"/>
      <c r="AN1932" s="85"/>
      <c r="AO1932" s="85"/>
      <c r="AP1932" s="85"/>
      <c r="AQ1932" s="85"/>
      <c r="AR1932" s="85"/>
      <c r="AS1932" s="85"/>
      <c r="AT1932" s="85"/>
      <c r="AU1932" s="85"/>
      <c r="AV1932" s="85"/>
      <c r="AW1932" s="85"/>
      <c r="AX1932" s="85"/>
      <c r="AY1932" s="85"/>
      <c r="AZ1932" s="85"/>
      <c r="BA1932" s="85"/>
      <c r="BB1932" s="85"/>
      <c r="BC1932" s="85"/>
      <c r="BD1932" s="85"/>
      <c r="BE1932" s="85"/>
      <c r="BF1932" s="85"/>
      <c r="BG1932" s="85"/>
      <c r="BH1932" s="85"/>
      <c r="BI1932" s="85"/>
      <c r="BJ1932" s="85"/>
      <c r="BK1932" s="85"/>
      <c r="BL1932" s="85"/>
      <c r="BM1932" s="85"/>
      <c r="BN1932" s="85"/>
      <c r="BO1932" s="85"/>
      <c r="BP1932" s="85"/>
      <c r="BQ1932" s="85"/>
      <c r="BR1932" s="85"/>
      <c r="BS1932" s="85"/>
      <c r="BT1932" s="85"/>
      <c r="BU1932" s="85"/>
      <c r="BV1932" s="85"/>
      <c r="BW1932" s="85"/>
      <c r="BX1932" s="85"/>
      <c r="BY1932" s="85"/>
      <c r="BZ1932" s="85"/>
      <c r="CA1932" s="85"/>
      <c r="CB1932" s="85"/>
      <c r="CC1932" s="85"/>
      <c r="CD1932" s="85"/>
      <c r="CE1932" s="85"/>
      <c r="CF1932" s="85"/>
      <c r="CG1932" s="85"/>
    </row>
    <row r="1933" spans="1:85" s="9" customFormat="1" x14ac:dyDescent="0.2">
      <c r="A1933" s="85"/>
      <c r="J1933" s="85"/>
      <c r="K1933" s="85"/>
      <c r="L1933" s="85"/>
      <c r="M1933" s="85"/>
      <c r="N1933" s="85"/>
      <c r="O1933" s="85"/>
      <c r="P1933" s="85"/>
      <c r="Q1933" s="85"/>
      <c r="R1933" s="85"/>
      <c r="S1933" s="85"/>
      <c r="T1933" s="85"/>
      <c r="U1933" s="85"/>
      <c r="V1933" s="85"/>
      <c r="W1933" s="85"/>
      <c r="X1933" s="85"/>
      <c r="Y1933" s="85"/>
      <c r="Z1933" s="85"/>
      <c r="AA1933" s="85"/>
      <c r="AB1933" s="85"/>
      <c r="AC1933" s="85"/>
      <c r="AD1933" s="85"/>
      <c r="AE1933" s="85"/>
      <c r="AF1933" s="85"/>
      <c r="AG1933" s="85"/>
      <c r="AH1933" s="85"/>
      <c r="AI1933" s="85"/>
      <c r="AJ1933" s="85"/>
      <c r="AK1933" s="85"/>
      <c r="AL1933" s="85"/>
      <c r="AM1933" s="85"/>
      <c r="AN1933" s="85"/>
      <c r="AO1933" s="85"/>
      <c r="AP1933" s="85"/>
      <c r="AQ1933" s="85"/>
      <c r="AR1933" s="85"/>
      <c r="AS1933" s="85"/>
      <c r="AT1933" s="85"/>
      <c r="AU1933" s="85"/>
      <c r="AV1933" s="85"/>
      <c r="AW1933" s="85"/>
      <c r="AX1933" s="85"/>
      <c r="AY1933" s="85"/>
      <c r="AZ1933" s="85"/>
      <c r="BA1933" s="85"/>
      <c r="BB1933" s="85"/>
      <c r="BC1933" s="85"/>
      <c r="BD1933" s="85"/>
      <c r="BE1933" s="85"/>
      <c r="BF1933" s="85"/>
      <c r="BG1933" s="85"/>
      <c r="BH1933" s="85"/>
      <c r="BI1933" s="85"/>
      <c r="BJ1933" s="85"/>
      <c r="BK1933" s="85"/>
      <c r="BL1933" s="85"/>
      <c r="BM1933" s="85"/>
      <c r="BN1933" s="85"/>
      <c r="BO1933" s="85"/>
      <c r="BP1933" s="85"/>
      <c r="BQ1933" s="85"/>
      <c r="BR1933" s="85"/>
      <c r="BS1933" s="85"/>
      <c r="BT1933" s="85"/>
      <c r="BU1933" s="85"/>
      <c r="BV1933" s="85"/>
      <c r="BW1933" s="85"/>
      <c r="BX1933" s="85"/>
      <c r="BY1933" s="85"/>
      <c r="BZ1933" s="85"/>
      <c r="CA1933" s="85"/>
      <c r="CB1933" s="85"/>
      <c r="CC1933" s="85"/>
      <c r="CD1933" s="85"/>
      <c r="CE1933" s="85"/>
      <c r="CF1933" s="85"/>
      <c r="CG1933" s="85"/>
    </row>
    <row r="1934" spans="1:85" s="9" customFormat="1" x14ac:dyDescent="0.2">
      <c r="A1934" s="85"/>
      <c r="J1934" s="85"/>
      <c r="K1934" s="85"/>
      <c r="L1934" s="85"/>
      <c r="M1934" s="85"/>
      <c r="N1934" s="85"/>
      <c r="O1934" s="85"/>
      <c r="P1934" s="85"/>
      <c r="Q1934" s="85"/>
      <c r="R1934" s="85"/>
      <c r="S1934" s="85"/>
      <c r="T1934" s="85"/>
      <c r="U1934" s="85"/>
      <c r="V1934" s="85"/>
      <c r="W1934" s="85"/>
      <c r="X1934" s="85"/>
      <c r="Y1934" s="85"/>
      <c r="Z1934" s="85"/>
      <c r="AA1934" s="85"/>
      <c r="AB1934" s="85"/>
      <c r="AC1934" s="85"/>
      <c r="AD1934" s="85"/>
      <c r="AE1934" s="85"/>
      <c r="AF1934" s="85"/>
      <c r="AG1934" s="85"/>
      <c r="AH1934" s="85"/>
      <c r="AI1934" s="85"/>
      <c r="AJ1934" s="85"/>
      <c r="AK1934" s="85"/>
      <c r="AL1934" s="85"/>
      <c r="AM1934" s="85"/>
      <c r="AN1934" s="85"/>
      <c r="AO1934" s="85"/>
      <c r="AP1934" s="85"/>
      <c r="AQ1934" s="85"/>
      <c r="AR1934" s="85"/>
      <c r="AS1934" s="85"/>
      <c r="AT1934" s="85"/>
      <c r="AU1934" s="85"/>
      <c r="AV1934" s="85"/>
      <c r="AW1934" s="85"/>
      <c r="AX1934" s="85"/>
      <c r="AY1934" s="85"/>
      <c r="AZ1934" s="85"/>
      <c r="BA1934" s="85"/>
      <c r="BB1934" s="85"/>
      <c r="BC1934" s="85"/>
      <c r="BD1934" s="85"/>
      <c r="BE1934" s="85"/>
      <c r="BF1934" s="85"/>
      <c r="BG1934" s="85"/>
      <c r="BH1934" s="85"/>
      <c r="BI1934" s="85"/>
      <c r="BJ1934" s="85"/>
      <c r="BK1934" s="85"/>
      <c r="BL1934" s="85"/>
      <c r="BM1934" s="85"/>
      <c r="BN1934" s="85"/>
      <c r="BO1934" s="85"/>
      <c r="BP1934" s="85"/>
      <c r="BQ1934" s="85"/>
      <c r="BR1934" s="85"/>
      <c r="BS1934" s="85"/>
      <c r="BT1934" s="85"/>
      <c r="BU1934" s="85"/>
      <c r="BV1934" s="85"/>
      <c r="BW1934" s="85"/>
      <c r="BX1934" s="85"/>
      <c r="BY1934" s="85"/>
      <c r="BZ1934" s="85"/>
      <c r="CA1934" s="85"/>
      <c r="CB1934" s="85"/>
      <c r="CC1934" s="85"/>
      <c r="CD1934" s="85"/>
      <c r="CE1934" s="85"/>
      <c r="CF1934" s="85"/>
      <c r="CG1934" s="85"/>
    </row>
    <row r="1935" spans="1:85" s="9" customFormat="1" x14ac:dyDescent="0.2">
      <c r="A1935" s="85"/>
      <c r="J1935" s="85"/>
      <c r="K1935" s="85"/>
      <c r="L1935" s="85"/>
      <c r="M1935" s="85"/>
      <c r="N1935" s="85"/>
      <c r="O1935" s="85"/>
      <c r="P1935" s="85"/>
      <c r="Q1935" s="85"/>
      <c r="R1935" s="85"/>
      <c r="S1935" s="85"/>
      <c r="T1935" s="85"/>
      <c r="U1935" s="85"/>
      <c r="V1935" s="85"/>
      <c r="W1935" s="85"/>
      <c r="X1935" s="85"/>
      <c r="Y1935" s="85"/>
      <c r="Z1935" s="85"/>
      <c r="AA1935" s="85"/>
      <c r="AB1935" s="85"/>
      <c r="AC1935" s="85"/>
      <c r="AD1935" s="85"/>
      <c r="AE1935" s="85"/>
      <c r="AF1935" s="85"/>
      <c r="AG1935" s="85"/>
      <c r="AH1935" s="85"/>
      <c r="AI1935" s="85"/>
      <c r="AJ1935" s="85"/>
      <c r="AK1935" s="85"/>
      <c r="AL1935" s="85"/>
      <c r="AM1935" s="85"/>
      <c r="AN1935" s="85"/>
      <c r="AO1935" s="85"/>
      <c r="AP1935" s="85"/>
      <c r="AQ1935" s="85"/>
      <c r="AR1935" s="85"/>
      <c r="AS1935" s="85"/>
      <c r="AT1935" s="85"/>
      <c r="AU1935" s="85"/>
      <c r="AV1935" s="85"/>
      <c r="AW1935" s="85"/>
      <c r="AX1935" s="85"/>
      <c r="AY1935" s="85"/>
      <c r="AZ1935" s="85"/>
      <c r="BA1935" s="85"/>
      <c r="BB1935" s="85"/>
      <c r="BC1935" s="85"/>
      <c r="BD1935" s="85"/>
      <c r="BE1935" s="85"/>
      <c r="BF1935" s="85"/>
      <c r="BG1935" s="85"/>
      <c r="BH1935" s="85"/>
      <c r="BI1935" s="85"/>
      <c r="BJ1935" s="85"/>
      <c r="BK1935" s="85"/>
      <c r="BL1935" s="85"/>
      <c r="BM1935" s="85"/>
      <c r="BN1935" s="85"/>
      <c r="BO1935" s="85"/>
      <c r="BP1935" s="85"/>
      <c r="BQ1935" s="85"/>
      <c r="BR1935" s="85"/>
      <c r="BS1935" s="85"/>
      <c r="BT1935" s="85"/>
      <c r="BU1935" s="85"/>
      <c r="BV1935" s="85"/>
      <c r="BW1935" s="85"/>
      <c r="BX1935" s="85"/>
      <c r="BY1935" s="85"/>
      <c r="BZ1935" s="85"/>
      <c r="CA1935" s="85"/>
      <c r="CB1935" s="85"/>
      <c r="CC1935" s="85"/>
      <c r="CD1935" s="85"/>
      <c r="CE1935" s="85"/>
      <c r="CF1935" s="85"/>
      <c r="CG1935" s="85"/>
    </row>
    <row r="1936" spans="1:85" s="9" customFormat="1" x14ac:dyDescent="0.2">
      <c r="A1936" s="85"/>
      <c r="J1936" s="85"/>
      <c r="K1936" s="85"/>
      <c r="L1936" s="85"/>
      <c r="M1936" s="85"/>
      <c r="N1936" s="85"/>
      <c r="O1936" s="85"/>
      <c r="P1936" s="85"/>
      <c r="Q1936" s="85"/>
      <c r="R1936" s="85"/>
      <c r="S1936" s="85"/>
      <c r="T1936" s="85"/>
      <c r="U1936" s="85"/>
      <c r="V1936" s="85"/>
      <c r="W1936" s="85"/>
      <c r="X1936" s="85"/>
      <c r="Y1936" s="85"/>
      <c r="Z1936" s="85"/>
      <c r="AA1936" s="85"/>
      <c r="AB1936" s="85"/>
      <c r="AC1936" s="85"/>
      <c r="AD1936" s="85"/>
      <c r="AE1936" s="85"/>
      <c r="AF1936" s="85"/>
      <c r="AG1936" s="85"/>
      <c r="AH1936" s="85"/>
      <c r="AI1936" s="85"/>
      <c r="AJ1936" s="85"/>
      <c r="AK1936" s="85"/>
      <c r="AL1936" s="85"/>
      <c r="AM1936" s="85"/>
      <c r="AN1936" s="85"/>
      <c r="AO1936" s="85"/>
      <c r="AP1936" s="85"/>
      <c r="AQ1936" s="85"/>
      <c r="AR1936" s="85"/>
      <c r="AS1936" s="85"/>
      <c r="AT1936" s="85"/>
      <c r="AU1936" s="85"/>
      <c r="AV1936" s="85"/>
      <c r="AW1936" s="85"/>
      <c r="AX1936" s="85"/>
      <c r="AY1936" s="85"/>
      <c r="AZ1936" s="85"/>
      <c r="BA1936" s="85"/>
      <c r="BB1936" s="85"/>
      <c r="BC1936" s="85"/>
      <c r="BD1936" s="85"/>
      <c r="BE1936" s="85"/>
      <c r="BF1936" s="85"/>
      <c r="BG1936" s="85"/>
      <c r="BH1936" s="85"/>
      <c r="BI1936" s="85"/>
      <c r="BJ1936" s="85"/>
      <c r="BK1936" s="85"/>
      <c r="BL1936" s="85"/>
      <c r="BM1936" s="85"/>
      <c r="BN1936" s="85"/>
      <c r="BO1936" s="85"/>
      <c r="BP1936" s="85"/>
      <c r="BQ1936" s="85"/>
      <c r="BR1936" s="85"/>
      <c r="BS1936" s="85"/>
      <c r="BT1936" s="85"/>
      <c r="BU1936" s="85"/>
      <c r="BV1936" s="85"/>
      <c r="BW1936" s="85"/>
      <c r="BX1936" s="85"/>
      <c r="BY1936" s="85"/>
      <c r="BZ1936" s="85"/>
      <c r="CA1936" s="85"/>
      <c r="CB1936" s="85"/>
      <c r="CC1936" s="85"/>
      <c r="CD1936" s="85"/>
      <c r="CE1936" s="85"/>
      <c r="CF1936" s="85"/>
      <c r="CG1936" s="85"/>
    </row>
    <row r="1937" spans="1:85" s="9" customFormat="1" x14ac:dyDescent="0.2">
      <c r="A1937" s="85"/>
      <c r="J1937" s="85"/>
      <c r="K1937" s="85"/>
      <c r="L1937" s="85"/>
      <c r="M1937" s="85"/>
      <c r="N1937" s="85"/>
      <c r="O1937" s="85"/>
      <c r="P1937" s="85"/>
      <c r="Q1937" s="85"/>
      <c r="R1937" s="85"/>
      <c r="S1937" s="85"/>
      <c r="T1937" s="85"/>
      <c r="U1937" s="85"/>
      <c r="V1937" s="85"/>
      <c r="W1937" s="85"/>
      <c r="X1937" s="85"/>
      <c r="Y1937" s="85"/>
      <c r="Z1937" s="85"/>
      <c r="AA1937" s="85"/>
      <c r="AB1937" s="85"/>
      <c r="AC1937" s="85"/>
      <c r="AD1937" s="85"/>
      <c r="AE1937" s="85"/>
      <c r="AF1937" s="85"/>
      <c r="AG1937" s="85"/>
      <c r="AH1937" s="85"/>
      <c r="AI1937" s="85"/>
      <c r="AJ1937" s="85"/>
      <c r="AK1937" s="85"/>
      <c r="AL1937" s="85"/>
      <c r="AM1937" s="85"/>
      <c r="AN1937" s="85"/>
      <c r="AO1937" s="85"/>
      <c r="AP1937" s="85"/>
      <c r="AQ1937" s="85"/>
      <c r="AR1937" s="85"/>
      <c r="AS1937" s="85"/>
      <c r="AT1937" s="85"/>
      <c r="AU1937" s="85"/>
      <c r="AV1937" s="85"/>
      <c r="AW1937" s="85"/>
      <c r="AX1937" s="85"/>
      <c r="AY1937" s="85"/>
      <c r="AZ1937" s="85"/>
      <c r="BA1937" s="85"/>
      <c r="BB1937" s="85"/>
      <c r="BC1937" s="85"/>
      <c r="BD1937" s="85"/>
      <c r="BE1937" s="85"/>
      <c r="BF1937" s="85"/>
      <c r="BG1937" s="85"/>
      <c r="BH1937" s="85"/>
      <c r="BI1937" s="85"/>
      <c r="BJ1937" s="85"/>
      <c r="BK1937" s="85"/>
      <c r="BL1937" s="85"/>
      <c r="BM1937" s="85"/>
      <c r="BN1937" s="85"/>
      <c r="BO1937" s="85"/>
      <c r="BP1937" s="85"/>
      <c r="BQ1937" s="85"/>
      <c r="BR1937" s="85"/>
      <c r="BS1937" s="85"/>
      <c r="BT1937" s="85"/>
      <c r="BU1937" s="85"/>
      <c r="BV1937" s="85"/>
      <c r="BW1937" s="85"/>
      <c r="BX1937" s="85"/>
      <c r="BY1937" s="85"/>
      <c r="BZ1937" s="85"/>
      <c r="CA1937" s="85"/>
      <c r="CB1937" s="85"/>
      <c r="CC1937" s="85"/>
      <c r="CD1937" s="85"/>
      <c r="CE1937" s="85"/>
      <c r="CF1937" s="85"/>
      <c r="CG1937" s="85"/>
    </row>
    <row r="1938" spans="1:85" s="9" customFormat="1" x14ac:dyDescent="0.2">
      <c r="A1938" s="85"/>
      <c r="J1938" s="85"/>
      <c r="K1938" s="85"/>
      <c r="L1938" s="85"/>
      <c r="M1938" s="85"/>
      <c r="N1938" s="85"/>
      <c r="O1938" s="85"/>
      <c r="P1938" s="85"/>
      <c r="Q1938" s="85"/>
      <c r="R1938" s="85"/>
      <c r="S1938" s="85"/>
      <c r="T1938" s="85"/>
      <c r="U1938" s="85"/>
      <c r="V1938" s="85"/>
      <c r="W1938" s="85"/>
      <c r="X1938" s="85"/>
      <c r="Y1938" s="85"/>
      <c r="Z1938" s="85"/>
      <c r="AA1938" s="85"/>
      <c r="AB1938" s="85"/>
      <c r="AC1938" s="85"/>
      <c r="AD1938" s="85"/>
      <c r="AE1938" s="85"/>
      <c r="AF1938" s="85"/>
      <c r="AG1938" s="85"/>
      <c r="AH1938" s="85"/>
      <c r="AI1938" s="85"/>
      <c r="AJ1938" s="85"/>
      <c r="AK1938" s="85"/>
      <c r="AL1938" s="85"/>
      <c r="AM1938" s="85"/>
      <c r="AN1938" s="85"/>
      <c r="AO1938" s="85"/>
      <c r="AP1938" s="85"/>
      <c r="AQ1938" s="85"/>
      <c r="AR1938" s="85"/>
      <c r="AS1938" s="85"/>
      <c r="AT1938" s="85"/>
      <c r="AU1938" s="85"/>
      <c r="AV1938" s="85"/>
      <c r="AW1938" s="85"/>
      <c r="AX1938" s="85"/>
      <c r="AY1938" s="85"/>
      <c r="AZ1938" s="85"/>
      <c r="BA1938" s="85"/>
      <c r="BB1938" s="85"/>
      <c r="BC1938" s="85"/>
      <c r="BD1938" s="85"/>
      <c r="BE1938" s="85"/>
      <c r="BF1938" s="85"/>
      <c r="BG1938" s="85"/>
      <c r="BH1938" s="85"/>
      <c r="BI1938" s="85"/>
      <c r="BJ1938" s="85"/>
      <c r="BK1938" s="85"/>
      <c r="BL1938" s="85"/>
      <c r="BM1938" s="85"/>
      <c r="BN1938" s="85"/>
      <c r="BO1938" s="85"/>
      <c r="BP1938" s="85"/>
      <c r="BQ1938" s="85"/>
      <c r="BR1938" s="85"/>
      <c r="BS1938" s="85"/>
      <c r="BT1938" s="85"/>
      <c r="BU1938" s="85"/>
      <c r="BV1938" s="85"/>
      <c r="BW1938" s="85"/>
      <c r="BX1938" s="85"/>
      <c r="BY1938" s="85"/>
      <c r="BZ1938" s="85"/>
      <c r="CA1938" s="85"/>
      <c r="CB1938" s="85"/>
      <c r="CC1938" s="85"/>
      <c r="CD1938" s="85"/>
      <c r="CE1938" s="85"/>
      <c r="CF1938" s="85"/>
      <c r="CG1938" s="85"/>
    </row>
    <row r="1939" spans="1:85" s="9" customFormat="1" x14ac:dyDescent="0.2">
      <c r="A1939" s="85"/>
      <c r="J1939" s="85"/>
      <c r="K1939" s="85"/>
      <c r="L1939" s="85"/>
      <c r="M1939" s="85"/>
      <c r="N1939" s="85"/>
      <c r="O1939" s="85"/>
      <c r="P1939" s="85"/>
      <c r="Q1939" s="85"/>
      <c r="R1939" s="85"/>
      <c r="S1939" s="85"/>
      <c r="T1939" s="85"/>
      <c r="U1939" s="85"/>
      <c r="V1939" s="85"/>
      <c r="W1939" s="85"/>
      <c r="X1939" s="85"/>
      <c r="Y1939" s="85"/>
      <c r="Z1939" s="85"/>
      <c r="AA1939" s="85"/>
      <c r="AB1939" s="85"/>
      <c r="AC1939" s="85"/>
      <c r="AD1939" s="85"/>
      <c r="AE1939" s="85"/>
      <c r="AF1939" s="85"/>
      <c r="AG1939" s="85"/>
      <c r="AH1939" s="85"/>
      <c r="AI1939" s="85"/>
      <c r="AJ1939" s="85"/>
      <c r="AK1939" s="85"/>
      <c r="AL1939" s="85"/>
      <c r="AM1939" s="85"/>
      <c r="AN1939" s="85"/>
      <c r="AO1939" s="85"/>
      <c r="AP1939" s="85"/>
      <c r="AQ1939" s="85"/>
      <c r="AR1939" s="85"/>
      <c r="AS1939" s="85"/>
      <c r="AT1939" s="85"/>
      <c r="AU1939" s="85"/>
      <c r="AV1939" s="85"/>
      <c r="AW1939" s="85"/>
      <c r="AX1939" s="85"/>
      <c r="AY1939" s="85"/>
      <c r="AZ1939" s="85"/>
      <c r="BA1939" s="85"/>
      <c r="BB1939" s="85"/>
      <c r="BC1939" s="85"/>
      <c r="BD1939" s="85"/>
      <c r="BE1939" s="85"/>
      <c r="BF1939" s="85"/>
      <c r="BG1939" s="85"/>
      <c r="BH1939" s="85"/>
      <c r="BI1939" s="85"/>
      <c r="BJ1939" s="85"/>
      <c r="BK1939" s="85"/>
      <c r="BL1939" s="85"/>
      <c r="BM1939" s="85"/>
      <c r="BN1939" s="85"/>
      <c r="BO1939" s="85"/>
      <c r="BP1939" s="85"/>
      <c r="BQ1939" s="85"/>
      <c r="BR1939" s="85"/>
      <c r="BS1939" s="85"/>
      <c r="BT1939" s="85"/>
      <c r="BU1939" s="85"/>
      <c r="BV1939" s="85"/>
      <c r="BW1939" s="85"/>
      <c r="BX1939" s="85"/>
      <c r="BY1939" s="85"/>
      <c r="BZ1939" s="85"/>
      <c r="CA1939" s="85"/>
      <c r="CB1939" s="85"/>
      <c r="CC1939" s="85"/>
      <c r="CD1939" s="85"/>
      <c r="CE1939" s="85"/>
      <c r="CF1939" s="85"/>
      <c r="CG1939" s="85"/>
    </row>
    <row r="1940" spans="1:85" s="9" customFormat="1" x14ac:dyDescent="0.2">
      <c r="A1940" s="85"/>
      <c r="J1940" s="85"/>
      <c r="K1940" s="85"/>
      <c r="L1940" s="85"/>
      <c r="M1940" s="85"/>
      <c r="N1940" s="85"/>
      <c r="O1940" s="85"/>
      <c r="P1940" s="85"/>
      <c r="Q1940" s="85"/>
      <c r="R1940" s="85"/>
      <c r="S1940" s="85"/>
      <c r="T1940" s="85"/>
      <c r="U1940" s="85"/>
      <c r="V1940" s="85"/>
      <c r="W1940" s="85"/>
      <c r="X1940" s="85"/>
      <c r="Y1940" s="85"/>
      <c r="Z1940" s="85"/>
      <c r="AA1940" s="85"/>
      <c r="AB1940" s="85"/>
      <c r="AC1940" s="85"/>
      <c r="AD1940" s="85"/>
      <c r="AE1940" s="85"/>
      <c r="AF1940" s="85"/>
      <c r="AG1940" s="85"/>
      <c r="AH1940" s="85"/>
      <c r="AI1940" s="85"/>
      <c r="AJ1940" s="85"/>
      <c r="AK1940" s="85"/>
      <c r="AL1940" s="85"/>
      <c r="AM1940" s="85"/>
      <c r="AN1940" s="85"/>
      <c r="AO1940" s="85"/>
      <c r="AP1940" s="85"/>
      <c r="AQ1940" s="85"/>
      <c r="AR1940" s="85"/>
      <c r="AS1940" s="85"/>
      <c r="AT1940" s="85"/>
      <c r="AU1940" s="85"/>
      <c r="AV1940" s="85"/>
      <c r="AW1940" s="85"/>
      <c r="AX1940" s="85"/>
      <c r="AY1940" s="85"/>
      <c r="AZ1940" s="85"/>
      <c r="BA1940" s="85"/>
      <c r="BB1940" s="85"/>
      <c r="BC1940" s="85"/>
      <c r="BD1940" s="85"/>
      <c r="BE1940" s="85"/>
      <c r="BF1940" s="85"/>
      <c r="BG1940" s="85"/>
      <c r="BH1940" s="85"/>
      <c r="BI1940" s="85"/>
      <c r="BJ1940" s="85"/>
      <c r="BK1940" s="85"/>
      <c r="BL1940" s="85"/>
      <c r="BM1940" s="85"/>
      <c r="BN1940" s="85"/>
      <c r="BO1940" s="85"/>
      <c r="BP1940" s="85"/>
      <c r="BQ1940" s="85"/>
      <c r="BR1940" s="85"/>
      <c r="BS1940" s="85"/>
      <c r="BT1940" s="85"/>
      <c r="BU1940" s="85"/>
      <c r="BV1940" s="85"/>
      <c r="BW1940" s="85"/>
      <c r="BX1940" s="85"/>
      <c r="BY1940" s="85"/>
      <c r="BZ1940" s="85"/>
      <c r="CA1940" s="85"/>
      <c r="CB1940" s="85"/>
      <c r="CC1940" s="85"/>
      <c r="CD1940" s="85"/>
      <c r="CE1940" s="85"/>
      <c r="CF1940" s="85"/>
      <c r="CG1940" s="85"/>
    </row>
    <row r="1941" spans="1:85" s="9" customFormat="1" x14ac:dyDescent="0.2">
      <c r="A1941" s="85"/>
      <c r="J1941" s="85"/>
      <c r="K1941" s="85"/>
      <c r="L1941" s="85"/>
      <c r="M1941" s="85"/>
      <c r="N1941" s="85"/>
      <c r="O1941" s="85"/>
      <c r="P1941" s="85"/>
      <c r="Q1941" s="85"/>
      <c r="R1941" s="85"/>
      <c r="S1941" s="85"/>
      <c r="T1941" s="85"/>
      <c r="U1941" s="85"/>
      <c r="V1941" s="85"/>
      <c r="W1941" s="85"/>
      <c r="X1941" s="85"/>
      <c r="Y1941" s="85"/>
      <c r="Z1941" s="85"/>
      <c r="AA1941" s="85"/>
      <c r="AB1941" s="85"/>
      <c r="AC1941" s="85"/>
      <c r="AD1941" s="85"/>
      <c r="AE1941" s="85"/>
      <c r="AF1941" s="85"/>
      <c r="AG1941" s="85"/>
      <c r="AH1941" s="85"/>
      <c r="AI1941" s="85"/>
      <c r="AJ1941" s="85"/>
      <c r="AK1941" s="85"/>
      <c r="AL1941" s="85"/>
      <c r="AM1941" s="85"/>
      <c r="AN1941" s="85"/>
      <c r="AO1941" s="85"/>
      <c r="AP1941" s="85"/>
      <c r="AQ1941" s="85"/>
      <c r="AR1941" s="85"/>
      <c r="AS1941" s="85"/>
      <c r="AT1941" s="85"/>
      <c r="AU1941" s="85"/>
      <c r="AV1941" s="85"/>
      <c r="AW1941" s="85"/>
      <c r="AX1941" s="85"/>
      <c r="AY1941" s="85"/>
      <c r="AZ1941" s="85"/>
      <c r="BA1941" s="85"/>
      <c r="BB1941" s="85"/>
      <c r="BC1941" s="85"/>
      <c r="BD1941" s="85"/>
      <c r="BE1941" s="85"/>
      <c r="BF1941" s="85"/>
      <c r="BG1941" s="85"/>
      <c r="BH1941" s="85"/>
      <c r="BI1941" s="85"/>
      <c r="BJ1941" s="85"/>
      <c r="BK1941" s="85"/>
      <c r="BL1941" s="85"/>
      <c r="BM1941" s="85"/>
      <c r="BN1941" s="85"/>
      <c r="BO1941" s="85"/>
      <c r="BP1941" s="85"/>
      <c r="BQ1941" s="85"/>
      <c r="BR1941" s="85"/>
      <c r="BS1941" s="85"/>
      <c r="BT1941" s="85"/>
      <c r="BU1941" s="85"/>
      <c r="BV1941" s="85"/>
      <c r="BW1941" s="85"/>
      <c r="BX1941" s="85"/>
      <c r="BY1941" s="85"/>
      <c r="BZ1941" s="85"/>
      <c r="CA1941" s="85"/>
      <c r="CB1941" s="85"/>
      <c r="CC1941" s="85"/>
      <c r="CD1941" s="85"/>
      <c r="CE1941" s="85"/>
      <c r="CF1941" s="85"/>
      <c r="CG1941" s="85"/>
    </row>
    <row r="1942" spans="1:85" s="9" customFormat="1" x14ac:dyDescent="0.2">
      <c r="A1942" s="85"/>
      <c r="J1942" s="85"/>
      <c r="K1942" s="85"/>
      <c r="L1942" s="85"/>
      <c r="M1942" s="85"/>
      <c r="N1942" s="85"/>
      <c r="O1942" s="85"/>
      <c r="P1942" s="85"/>
      <c r="Q1942" s="85"/>
      <c r="R1942" s="85"/>
      <c r="S1942" s="85"/>
      <c r="T1942" s="85"/>
      <c r="U1942" s="85"/>
      <c r="V1942" s="85"/>
      <c r="W1942" s="85"/>
      <c r="X1942" s="85"/>
      <c r="Y1942" s="85"/>
      <c r="Z1942" s="85"/>
      <c r="AA1942" s="85"/>
      <c r="AB1942" s="85"/>
      <c r="AC1942" s="85"/>
      <c r="AD1942" s="85"/>
      <c r="AE1942" s="85"/>
      <c r="AF1942" s="85"/>
      <c r="AG1942" s="85"/>
      <c r="AH1942" s="85"/>
      <c r="AI1942" s="85"/>
      <c r="AJ1942" s="85"/>
      <c r="AK1942" s="85"/>
      <c r="AL1942" s="85"/>
      <c r="AM1942" s="85"/>
      <c r="AN1942" s="85"/>
      <c r="AO1942" s="85"/>
      <c r="AP1942" s="85"/>
      <c r="AQ1942" s="85"/>
      <c r="AR1942" s="85"/>
      <c r="AS1942" s="85"/>
      <c r="AT1942" s="85"/>
      <c r="AU1942" s="85"/>
      <c r="AV1942" s="85"/>
      <c r="AW1942" s="85"/>
      <c r="AX1942" s="85"/>
      <c r="AY1942" s="85"/>
      <c r="AZ1942" s="85"/>
      <c r="BA1942" s="85"/>
      <c r="BB1942" s="85"/>
      <c r="BC1942" s="85"/>
      <c r="BD1942" s="85"/>
      <c r="BE1942" s="85"/>
      <c r="BF1942" s="85"/>
      <c r="BG1942" s="85"/>
      <c r="BH1942" s="85"/>
      <c r="BI1942" s="85"/>
      <c r="BJ1942" s="85"/>
      <c r="BK1942" s="85"/>
      <c r="BL1942" s="85"/>
      <c r="BM1942" s="85"/>
      <c r="BN1942" s="85"/>
      <c r="BO1942" s="85"/>
      <c r="BP1942" s="85"/>
      <c r="BQ1942" s="85"/>
      <c r="BR1942" s="85"/>
      <c r="BS1942" s="85"/>
      <c r="BT1942" s="85"/>
      <c r="BU1942" s="85"/>
      <c r="BV1942" s="85"/>
      <c r="BW1942" s="85"/>
      <c r="BX1942" s="85"/>
      <c r="BY1942" s="85"/>
      <c r="BZ1942" s="85"/>
      <c r="CA1942" s="85"/>
      <c r="CB1942" s="85"/>
      <c r="CC1942" s="85"/>
      <c r="CD1942" s="85"/>
      <c r="CE1942" s="85"/>
      <c r="CF1942" s="85"/>
      <c r="CG1942" s="85"/>
    </row>
    <row r="1943" spans="1:85" s="9" customFormat="1" x14ac:dyDescent="0.2">
      <c r="A1943" s="85"/>
      <c r="J1943" s="85"/>
      <c r="K1943" s="85"/>
      <c r="L1943" s="85"/>
      <c r="M1943" s="85"/>
      <c r="N1943" s="85"/>
      <c r="O1943" s="85"/>
      <c r="P1943" s="85"/>
      <c r="Q1943" s="85"/>
      <c r="R1943" s="85"/>
      <c r="S1943" s="85"/>
      <c r="T1943" s="85"/>
      <c r="U1943" s="85"/>
      <c r="V1943" s="85"/>
      <c r="W1943" s="85"/>
      <c r="X1943" s="85"/>
      <c r="Y1943" s="85"/>
      <c r="Z1943" s="85"/>
      <c r="AA1943" s="85"/>
      <c r="AB1943" s="85"/>
      <c r="AC1943" s="85"/>
      <c r="AD1943" s="85"/>
      <c r="AE1943" s="85"/>
      <c r="AF1943" s="85"/>
      <c r="AG1943" s="85"/>
      <c r="AH1943" s="85"/>
      <c r="AI1943" s="85"/>
      <c r="AJ1943" s="85"/>
      <c r="AK1943" s="85"/>
      <c r="AL1943" s="85"/>
      <c r="AM1943" s="85"/>
      <c r="AN1943" s="85"/>
      <c r="AO1943" s="85"/>
      <c r="AP1943" s="85"/>
      <c r="AQ1943" s="85"/>
      <c r="AR1943" s="85"/>
      <c r="AS1943" s="85"/>
      <c r="AT1943" s="85"/>
      <c r="AU1943" s="85"/>
      <c r="AV1943" s="85"/>
      <c r="AW1943" s="85"/>
      <c r="AX1943" s="85"/>
      <c r="AY1943" s="85"/>
      <c r="AZ1943" s="85"/>
      <c r="BA1943" s="85"/>
      <c r="BB1943" s="85"/>
      <c r="BC1943" s="85"/>
      <c r="BD1943" s="85"/>
      <c r="BE1943" s="85"/>
      <c r="BF1943" s="85"/>
      <c r="BG1943" s="85"/>
      <c r="BH1943" s="85"/>
      <c r="BI1943" s="85"/>
      <c r="BJ1943" s="85"/>
      <c r="BK1943" s="85"/>
      <c r="BL1943" s="85"/>
      <c r="BM1943" s="85"/>
      <c r="BN1943" s="85"/>
      <c r="BO1943" s="85"/>
      <c r="BP1943" s="85"/>
      <c r="BQ1943" s="85"/>
      <c r="BR1943" s="85"/>
      <c r="BS1943" s="85"/>
      <c r="BT1943" s="85"/>
      <c r="BU1943" s="85"/>
      <c r="BV1943" s="85"/>
      <c r="BW1943" s="85"/>
      <c r="BX1943" s="85"/>
      <c r="BY1943" s="85"/>
      <c r="BZ1943" s="85"/>
      <c r="CA1943" s="85"/>
      <c r="CB1943" s="85"/>
      <c r="CC1943" s="85"/>
      <c r="CD1943" s="85"/>
      <c r="CE1943" s="85"/>
      <c r="CF1943" s="85"/>
      <c r="CG1943" s="85"/>
    </row>
    <row r="1944" spans="1:85" s="9" customFormat="1" x14ac:dyDescent="0.2">
      <c r="A1944" s="85"/>
      <c r="J1944" s="85"/>
      <c r="K1944" s="85"/>
      <c r="L1944" s="85"/>
      <c r="M1944" s="85"/>
      <c r="N1944" s="85"/>
      <c r="O1944" s="85"/>
      <c r="P1944" s="85"/>
      <c r="Q1944" s="85"/>
      <c r="R1944" s="85"/>
      <c r="S1944" s="85"/>
      <c r="T1944" s="85"/>
      <c r="U1944" s="85"/>
      <c r="V1944" s="85"/>
      <c r="W1944" s="85"/>
      <c r="X1944" s="85"/>
      <c r="Y1944" s="85"/>
      <c r="Z1944" s="85"/>
      <c r="AA1944" s="85"/>
      <c r="AB1944" s="85"/>
      <c r="AC1944" s="85"/>
      <c r="AD1944" s="85"/>
      <c r="AE1944" s="85"/>
      <c r="AF1944" s="85"/>
      <c r="AG1944" s="85"/>
      <c r="AH1944" s="85"/>
      <c r="AI1944" s="85"/>
      <c r="AJ1944" s="85"/>
      <c r="AK1944" s="85"/>
      <c r="AL1944" s="85"/>
      <c r="AM1944" s="85"/>
      <c r="AN1944" s="85"/>
      <c r="AO1944" s="85"/>
      <c r="AP1944" s="85"/>
      <c r="AQ1944" s="85"/>
      <c r="AR1944" s="85"/>
      <c r="AS1944" s="85"/>
      <c r="AT1944" s="85"/>
      <c r="AU1944" s="85"/>
      <c r="AV1944" s="85"/>
      <c r="AW1944" s="85"/>
      <c r="AX1944" s="85"/>
      <c r="AY1944" s="85"/>
      <c r="AZ1944" s="85"/>
      <c r="BA1944" s="85"/>
      <c r="BB1944" s="85"/>
      <c r="BC1944" s="85"/>
      <c r="BD1944" s="85"/>
      <c r="BE1944" s="85"/>
      <c r="BF1944" s="85"/>
      <c r="BG1944" s="85"/>
      <c r="BH1944" s="85"/>
      <c r="BI1944" s="85"/>
      <c r="BJ1944" s="85"/>
      <c r="BK1944" s="85"/>
      <c r="BL1944" s="85"/>
      <c r="BM1944" s="85"/>
      <c r="BN1944" s="85"/>
      <c r="BO1944" s="85"/>
      <c r="BP1944" s="85"/>
      <c r="BQ1944" s="85"/>
      <c r="BR1944" s="85"/>
      <c r="BS1944" s="85"/>
      <c r="BT1944" s="85"/>
      <c r="BU1944" s="85"/>
      <c r="BV1944" s="85"/>
      <c r="BW1944" s="85"/>
      <c r="BX1944" s="85"/>
      <c r="BY1944" s="85"/>
      <c r="BZ1944" s="85"/>
      <c r="CA1944" s="85"/>
      <c r="CB1944" s="85"/>
      <c r="CC1944" s="85"/>
      <c r="CD1944" s="85"/>
      <c r="CE1944" s="85"/>
      <c r="CF1944" s="85"/>
      <c r="CG1944" s="85"/>
    </row>
    <row r="1945" spans="1:85" s="9" customFormat="1" x14ac:dyDescent="0.2">
      <c r="A1945" s="85"/>
      <c r="J1945" s="85"/>
      <c r="K1945" s="85"/>
      <c r="L1945" s="85"/>
      <c r="M1945" s="85"/>
      <c r="N1945" s="85"/>
      <c r="O1945" s="85"/>
      <c r="P1945" s="85"/>
      <c r="Q1945" s="85"/>
      <c r="R1945" s="85"/>
      <c r="S1945" s="85"/>
      <c r="T1945" s="85"/>
      <c r="U1945" s="85"/>
      <c r="V1945" s="85"/>
      <c r="W1945" s="85"/>
      <c r="X1945" s="85"/>
      <c r="Y1945" s="85"/>
      <c r="Z1945" s="85"/>
      <c r="AA1945" s="85"/>
      <c r="AB1945" s="85"/>
      <c r="AC1945" s="85"/>
      <c r="AD1945" s="85"/>
      <c r="AE1945" s="85"/>
      <c r="AF1945" s="85"/>
      <c r="AG1945" s="85"/>
      <c r="AH1945" s="85"/>
      <c r="AI1945" s="85"/>
      <c r="AJ1945" s="85"/>
      <c r="AK1945" s="85"/>
      <c r="AL1945" s="85"/>
      <c r="AM1945" s="85"/>
      <c r="AN1945" s="85"/>
      <c r="AO1945" s="85"/>
      <c r="AP1945" s="85"/>
      <c r="AQ1945" s="85"/>
      <c r="AR1945" s="85"/>
      <c r="AS1945" s="85"/>
      <c r="AT1945" s="85"/>
      <c r="AU1945" s="85"/>
      <c r="AV1945" s="85"/>
      <c r="AW1945" s="85"/>
      <c r="AX1945" s="85"/>
      <c r="AY1945" s="85"/>
      <c r="AZ1945" s="85"/>
      <c r="BA1945" s="85"/>
      <c r="BB1945" s="85"/>
      <c r="BC1945" s="85"/>
      <c r="BD1945" s="85"/>
      <c r="BE1945" s="85"/>
      <c r="BF1945" s="85"/>
      <c r="BG1945" s="85"/>
      <c r="BH1945" s="85"/>
      <c r="BI1945" s="85"/>
      <c r="BJ1945" s="85"/>
      <c r="BK1945" s="85"/>
      <c r="BL1945" s="85"/>
      <c r="BM1945" s="85"/>
      <c r="BN1945" s="85"/>
      <c r="BO1945" s="85"/>
      <c r="BP1945" s="85"/>
      <c r="BQ1945" s="85"/>
      <c r="BR1945" s="85"/>
      <c r="BS1945" s="85"/>
      <c r="BT1945" s="85"/>
      <c r="BU1945" s="85"/>
      <c r="BV1945" s="85"/>
      <c r="BW1945" s="85"/>
      <c r="BX1945" s="85"/>
      <c r="BY1945" s="85"/>
      <c r="BZ1945" s="85"/>
      <c r="CA1945" s="85"/>
      <c r="CB1945" s="85"/>
      <c r="CC1945" s="85"/>
      <c r="CD1945" s="85"/>
      <c r="CE1945" s="85"/>
      <c r="CF1945" s="85"/>
      <c r="CG1945" s="85"/>
    </row>
    <row r="1946" spans="1:85" s="9" customFormat="1" x14ac:dyDescent="0.2">
      <c r="A1946" s="85"/>
      <c r="J1946" s="85"/>
      <c r="K1946" s="85"/>
      <c r="L1946" s="85"/>
      <c r="M1946" s="85"/>
      <c r="N1946" s="85"/>
      <c r="O1946" s="85"/>
      <c r="P1946" s="85"/>
      <c r="Q1946" s="85"/>
      <c r="R1946" s="85"/>
      <c r="S1946" s="85"/>
      <c r="T1946" s="85"/>
      <c r="U1946" s="85"/>
      <c r="V1946" s="85"/>
      <c r="W1946" s="85"/>
      <c r="X1946" s="85"/>
      <c r="Y1946" s="85"/>
      <c r="Z1946" s="85"/>
      <c r="AA1946" s="85"/>
      <c r="AB1946" s="85"/>
      <c r="AC1946" s="85"/>
      <c r="AD1946" s="85"/>
      <c r="AE1946" s="85"/>
      <c r="AF1946" s="85"/>
      <c r="AG1946" s="85"/>
      <c r="AH1946" s="85"/>
      <c r="AI1946" s="85"/>
      <c r="AJ1946" s="85"/>
      <c r="AK1946" s="85"/>
      <c r="AL1946" s="85"/>
      <c r="AM1946" s="85"/>
      <c r="AN1946" s="85"/>
      <c r="AO1946" s="85"/>
      <c r="AP1946" s="85"/>
      <c r="AQ1946" s="85"/>
      <c r="AR1946" s="85"/>
      <c r="AS1946" s="85"/>
      <c r="AT1946" s="85"/>
      <c r="AU1946" s="85"/>
      <c r="AV1946" s="85"/>
      <c r="AW1946" s="85"/>
      <c r="AX1946" s="85"/>
      <c r="AY1946" s="85"/>
      <c r="AZ1946" s="85"/>
      <c r="BA1946" s="85"/>
      <c r="BB1946" s="85"/>
      <c r="BC1946" s="85"/>
      <c r="BD1946" s="85"/>
      <c r="BE1946" s="85"/>
      <c r="BF1946" s="85"/>
      <c r="BG1946" s="85"/>
      <c r="BH1946" s="85"/>
      <c r="BI1946" s="85"/>
      <c r="BJ1946" s="85"/>
      <c r="BK1946" s="85"/>
      <c r="BL1946" s="85"/>
      <c r="BM1946" s="85"/>
      <c r="BN1946" s="85"/>
      <c r="BO1946" s="85"/>
      <c r="BP1946" s="85"/>
      <c r="BQ1946" s="85"/>
      <c r="BR1946" s="85"/>
      <c r="BS1946" s="85"/>
      <c r="BT1946" s="85"/>
      <c r="BU1946" s="85"/>
      <c r="BV1946" s="85"/>
      <c r="BW1946" s="85"/>
      <c r="BX1946" s="85"/>
      <c r="BY1946" s="85"/>
      <c r="BZ1946" s="85"/>
      <c r="CA1946" s="85"/>
      <c r="CB1946" s="85"/>
      <c r="CC1946" s="85"/>
      <c r="CD1946" s="85"/>
      <c r="CE1946" s="85"/>
      <c r="CF1946" s="85"/>
      <c r="CG1946" s="85"/>
    </row>
    <row r="1947" spans="1:85" s="9" customFormat="1" x14ac:dyDescent="0.2">
      <c r="A1947" s="85"/>
      <c r="J1947" s="85"/>
      <c r="K1947" s="85"/>
      <c r="L1947" s="85"/>
      <c r="M1947" s="85"/>
      <c r="N1947" s="85"/>
      <c r="O1947" s="85"/>
      <c r="P1947" s="85"/>
      <c r="Q1947" s="85"/>
      <c r="R1947" s="85"/>
      <c r="S1947" s="85"/>
      <c r="T1947" s="85"/>
      <c r="U1947" s="85"/>
      <c r="V1947" s="85"/>
      <c r="W1947" s="85"/>
      <c r="X1947" s="85"/>
      <c r="Y1947" s="85"/>
      <c r="Z1947" s="85"/>
      <c r="AA1947" s="85"/>
      <c r="AB1947" s="85"/>
      <c r="AC1947" s="85"/>
      <c r="AD1947" s="85"/>
      <c r="AE1947" s="85"/>
      <c r="AF1947" s="85"/>
      <c r="AG1947" s="85"/>
      <c r="AH1947" s="85"/>
      <c r="AI1947" s="85"/>
      <c r="AJ1947" s="85"/>
      <c r="AK1947" s="85"/>
      <c r="AL1947" s="85"/>
      <c r="AM1947" s="85"/>
      <c r="AN1947" s="85"/>
      <c r="AO1947" s="85"/>
      <c r="AP1947" s="85"/>
      <c r="AQ1947" s="85"/>
      <c r="AR1947" s="85"/>
      <c r="AS1947" s="85"/>
      <c r="AT1947" s="85"/>
      <c r="AU1947" s="85"/>
      <c r="AV1947" s="85"/>
      <c r="AW1947" s="85"/>
      <c r="AX1947" s="85"/>
      <c r="AY1947" s="85"/>
      <c r="AZ1947" s="85"/>
      <c r="BA1947" s="85"/>
      <c r="BB1947" s="85"/>
      <c r="BC1947" s="85"/>
      <c r="BD1947" s="85"/>
      <c r="BE1947" s="85"/>
      <c r="BF1947" s="85"/>
      <c r="BG1947" s="85"/>
      <c r="BH1947" s="85"/>
      <c r="BI1947" s="85"/>
      <c r="BJ1947" s="85"/>
      <c r="BK1947" s="85"/>
      <c r="BL1947" s="85"/>
      <c r="BM1947" s="85"/>
      <c r="BN1947" s="85"/>
      <c r="BO1947" s="85"/>
      <c r="BP1947" s="85"/>
      <c r="BQ1947" s="85"/>
      <c r="BR1947" s="85"/>
      <c r="BS1947" s="85"/>
      <c r="BT1947" s="85"/>
      <c r="BU1947" s="85"/>
      <c r="BV1947" s="85"/>
      <c r="BW1947" s="85"/>
      <c r="BX1947" s="85"/>
      <c r="BY1947" s="85"/>
      <c r="BZ1947" s="85"/>
      <c r="CA1947" s="85"/>
      <c r="CB1947" s="85"/>
      <c r="CC1947" s="85"/>
      <c r="CD1947" s="85"/>
      <c r="CE1947" s="85"/>
      <c r="CF1947" s="85"/>
      <c r="CG1947" s="85"/>
    </row>
    <row r="1948" spans="1:85" s="9" customFormat="1" x14ac:dyDescent="0.2">
      <c r="A1948" s="85"/>
      <c r="J1948" s="85"/>
      <c r="K1948" s="85"/>
      <c r="L1948" s="85"/>
      <c r="M1948" s="85"/>
      <c r="N1948" s="85"/>
      <c r="O1948" s="85"/>
      <c r="P1948" s="85"/>
      <c r="Q1948" s="85"/>
      <c r="R1948" s="85"/>
      <c r="S1948" s="85"/>
      <c r="T1948" s="85"/>
      <c r="U1948" s="85"/>
      <c r="V1948" s="85"/>
      <c r="W1948" s="85"/>
      <c r="X1948" s="85"/>
      <c r="Y1948" s="85"/>
      <c r="Z1948" s="85"/>
      <c r="AA1948" s="85"/>
      <c r="AB1948" s="85"/>
      <c r="AC1948" s="85"/>
      <c r="AD1948" s="85"/>
      <c r="AE1948" s="85"/>
      <c r="AF1948" s="85"/>
      <c r="AG1948" s="85"/>
      <c r="AH1948" s="85"/>
      <c r="AI1948" s="85"/>
      <c r="AJ1948" s="85"/>
      <c r="AK1948" s="85"/>
      <c r="AL1948" s="85"/>
      <c r="AM1948" s="85"/>
      <c r="AN1948" s="85"/>
      <c r="AO1948" s="85"/>
      <c r="AP1948" s="85"/>
      <c r="AQ1948" s="85"/>
      <c r="AR1948" s="85"/>
      <c r="AS1948" s="85"/>
      <c r="AT1948" s="85"/>
      <c r="AU1948" s="85"/>
      <c r="AV1948" s="85"/>
      <c r="AW1948" s="85"/>
      <c r="AX1948" s="85"/>
      <c r="AY1948" s="85"/>
      <c r="AZ1948" s="85"/>
      <c r="BA1948" s="85"/>
      <c r="BB1948" s="85"/>
      <c r="BC1948" s="85"/>
      <c r="BD1948" s="85"/>
      <c r="BE1948" s="85"/>
      <c r="BF1948" s="85"/>
      <c r="BG1948" s="85"/>
      <c r="BH1948" s="85"/>
      <c r="BI1948" s="85"/>
      <c r="BJ1948" s="85"/>
      <c r="BK1948" s="85"/>
      <c r="BL1948" s="85"/>
      <c r="BM1948" s="85"/>
      <c r="BN1948" s="85"/>
      <c r="BO1948" s="85"/>
      <c r="BP1948" s="85"/>
      <c r="BQ1948" s="85"/>
      <c r="BR1948" s="85"/>
      <c r="BS1948" s="85"/>
      <c r="BT1948" s="85"/>
      <c r="BU1948" s="85"/>
      <c r="BV1948" s="85"/>
      <c r="BW1948" s="85"/>
      <c r="BX1948" s="85"/>
      <c r="BY1948" s="85"/>
      <c r="BZ1948" s="85"/>
      <c r="CA1948" s="85"/>
      <c r="CB1948" s="85"/>
      <c r="CC1948" s="85"/>
      <c r="CD1948" s="85"/>
      <c r="CE1948" s="85"/>
      <c r="CF1948" s="85"/>
      <c r="CG1948" s="85"/>
    </row>
    <row r="1949" spans="1:85" s="9" customFormat="1" x14ac:dyDescent="0.2">
      <c r="A1949" s="85"/>
      <c r="J1949" s="85"/>
      <c r="K1949" s="85"/>
      <c r="L1949" s="85"/>
      <c r="M1949" s="85"/>
      <c r="N1949" s="85"/>
      <c r="O1949" s="85"/>
      <c r="P1949" s="85"/>
      <c r="Q1949" s="85"/>
      <c r="R1949" s="85"/>
      <c r="S1949" s="85"/>
      <c r="T1949" s="85"/>
      <c r="U1949" s="85"/>
      <c r="V1949" s="85"/>
      <c r="W1949" s="85"/>
      <c r="X1949" s="85"/>
      <c r="Y1949" s="85"/>
      <c r="Z1949" s="85"/>
      <c r="AA1949" s="85"/>
      <c r="AB1949" s="85"/>
      <c r="AC1949" s="85"/>
      <c r="AD1949" s="85"/>
      <c r="AE1949" s="85"/>
      <c r="AF1949" s="85"/>
      <c r="AG1949" s="85"/>
      <c r="AH1949" s="85"/>
      <c r="AI1949" s="85"/>
      <c r="AJ1949" s="85"/>
      <c r="AK1949" s="85"/>
      <c r="AL1949" s="85"/>
      <c r="AM1949" s="85"/>
      <c r="AN1949" s="85"/>
      <c r="AO1949" s="85"/>
      <c r="AP1949" s="85"/>
      <c r="AQ1949" s="85"/>
      <c r="AR1949" s="85"/>
      <c r="AS1949" s="85"/>
      <c r="AT1949" s="85"/>
      <c r="AU1949" s="85"/>
      <c r="AV1949" s="85"/>
      <c r="AW1949" s="85"/>
      <c r="AX1949" s="85"/>
      <c r="AY1949" s="85"/>
      <c r="AZ1949" s="85"/>
      <c r="BA1949" s="85"/>
      <c r="BB1949" s="85"/>
      <c r="BC1949" s="85"/>
      <c r="BD1949" s="85"/>
      <c r="BE1949" s="85"/>
      <c r="BF1949" s="85"/>
      <c r="BG1949" s="85"/>
      <c r="BH1949" s="85"/>
      <c r="BI1949" s="85"/>
      <c r="BJ1949" s="85"/>
      <c r="BK1949" s="85"/>
      <c r="BL1949" s="85"/>
      <c r="BM1949" s="85"/>
      <c r="BN1949" s="85"/>
      <c r="BO1949" s="85"/>
      <c r="BP1949" s="85"/>
      <c r="BQ1949" s="85"/>
      <c r="BR1949" s="85"/>
      <c r="BS1949" s="85"/>
      <c r="BT1949" s="85"/>
      <c r="BU1949" s="85"/>
      <c r="BV1949" s="85"/>
      <c r="BW1949" s="85"/>
      <c r="BX1949" s="85"/>
      <c r="BY1949" s="85"/>
      <c r="BZ1949" s="85"/>
      <c r="CA1949" s="85"/>
      <c r="CB1949" s="85"/>
      <c r="CC1949" s="85"/>
      <c r="CD1949" s="85"/>
      <c r="CE1949" s="85"/>
      <c r="CF1949" s="85"/>
      <c r="CG1949" s="85"/>
    </row>
    <row r="1950" spans="1:85" s="9" customFormat="1" x14ac:dyDescent="0.2">
      <c r="A1950" s="85"/>
      <c r="J1950" s="85"/>
      <c r="K1950" s="85"/>
      <c r="L1950" s="85"/>
      <c r="M1950" s="85"/>
      <c r="N1950" s="85"/>
      <c r="O1950" s="85"/>
      <c r="P1950" s="85"/>
      <c r="Q1950" s="85"/>
      <c r="R1950" s="85"/>
      <c r="S1950" s="85"/>
      <c r="T1950" s="85"/>
      <c r="U1950" s="85"/>
      <c r="V1950" s="85"/>
      <c r="W1950" s="85"/>
      <c r="X1950" s="85"/>
      <c r="Y1950" s="85"/>
      <c r="Z1950" s="85"/>
      <c r="AA1950" s="85"/>
      <c r="AB1950" s="85"/>
      <c r="AC1950" s="85"/>
      <c r="AD1950" s="85"/>
      <c r="AE1950" s="85"/>
      <c r="AF1950" s="85"/>
      <c r="AG1950" s="85"/>
      <c r="AH1950" s="85"/>
      <c r="AI1950" s="85"/>
      <c r="AJ1950" s="85"/>
      <c r="AK1950" s="85"/>
      <c r="AL1950" s="85"/>
      <c r="AM1950" s="85"/>
      <c r="AN1950" s="85"/>
      <c r="AO1950" s="85"/>
      <c r="AP1950" s="85"/>
      <c r="AQ1950" s="85"/>
      <c r="AR1950" s="85"/>
      <c r="AS1950" s="85"/>
      <c r="AT1950" s="85"/>
      <c r="AU1950" s="85"/>
      <c r="AV1950" s="85"/>
      <c r="AW1950" s="85"/>
      <c r="AX1950" s="85"/>
      <c r="AY1950" s="85"/>
      <c r="AZ1950" s="85"/>
      <c r="BA1950" s="85"/>
      <c r="BB1950" s="85"/>
      <c r="BC1950" s="85"/>
      <c r="BD1950" s="85"/>
      <c r="BE1950" s="85"/>
      <c r="BF1950" s="85"/>
      <c r="BG1950" s="85"/>
      <c r="BH1950" s="85"/>
      <c r="BI1950" s="85"/>
      <c r="BJ1950" s="85"/>
      <c r="BK1950" s="85"/>
      <c r="BL1950" s="85"/>
      <c r="BM1950" s="85"/>
      <c r="BN1950" s="85"/>
      <c r="BO1950" s="85"/>
      <c r="BP1950" s="85"/>
      <c r="BQ1950" s="85"/>
      <c r="BR1950" s="85"/>
      <c r="BS1950" s="85"/>
      <c r="BT1950" s="85"/>
      <c r="BU1950" s="85"/>
      <c r="BV1950" s="85"/>
      <c r="BW1950" s="85"/>
      <c r="BX1950" s="85"/>
      <c r="BY1950" s="85"/>
      <c r="BZ1950" s="85"/>
      <c r="CA1950" s="85"/>
      <c r="CB1950" s="85"/>
      <c r="CC1950" s="85"/>
      <c r="CD1950" s="85"/>
      <c r="CE1950" s="85"/>
      <c r="CF1950" s="85"/>
      <c r="CG1950" s="85"/>
    </row>
    <row r="1951" spans="1:85" s="9" customFormat="1" x14ac:dyDescent="0.2">
      <c r="A1951" s="85"/>
      <c r="J1951" s="85"/>
      <c r="K1951" s="85"/>
      <c r="L1951" s="85"/>
      <c r="M1951" s="85"/>
      <c r="N1951" s="85"/>
      <c r="O1951" s="85"/>
      <c r="P1951" s="85"/>
      <c r="Q1951" s="85"/>
      <c r="R1951" s="85"/>
      <c r="S1951" s="85"/>
      <c r="T1951" s="85"/>
      <c r="U1951" s="85"/>
      <c r="V1951" s="85"/>
      <c r="W1951" s="85"/>
      <c r="X1951" s="85"/>
      <c r="Y1951" s="85"/>
      <c r="Z1951" s="85"/>
      <c r="AA1951" s="85"/>
      <c r="AB1951" s="85"/>
      <c r="AC1951" s="85"/>
      <c r="AD1951" s="85"/>
      <c r="AE1951" s="85"/>
      <c r="AF1951" s="85"/>
      <c r="AG1951" s="85"/>
      <c r="AH1951" s="85"/>
      <c r="AI1951" s="85"/>
      <c r="AJ1951" s="85"/>
      <c r="AK1951" s="85"/>
      <c r="AL1951" s="85"/>
      <c r="AM1951" s="85"/>
      <c r="AN1951" s="85"/>
      <c r="AO1951" s="85"/>
      <c r="AP1951" s="85"/>
      <c r="AQ1951" s="85"/>
      <c r="AR1951" s="85"/>
      <c r="AS1951" s="85"/>
      <c r="AT1951" s="85"/>
      <c r="AU1951" s="85"/>
      <c r="AV1951" s="85"/>
      <c r="AW1951" s="85"/>
      <c r="AX1951" s="85"/>
      <c r="AY1951" s="85"/>
      <c r="AZ1951" s="85"/>
      <c r="BA1951" s="85"/>
      <c r="BB1951" s="85"/>
      <c r="BC1951" s="85"/>
      <c r="BD1951" s="85"/>
      <c r="BE1951" s="85"/>
      <c r="BF1951" s="85"/>
      <c r="BG1951" s="85"/>
      <c r="BH1951" s="85"/>
      <c r="BI1951" s="85"/>
      <c r="BJ1951" s="85"/>
      <c r="BK1951" s="85"/>
      <c r="BL1951" s="85"/>
      <c r="BM1951" s="85"/>
      <c r="BN1951" s="85"/>
      <c r="BO1951" s="85"/>
      <c r="BP1951" s="85"/>
      <c r="BQ1951" s="85"/>
      <c r="BR1951" s="85"/>
      <c r="BS1951" s="85"/>
      <c r="BT1951" s="85"/>
      <c r="BU1951" s="85"/>
      <c r="BV1951" s="85"/>
      <c r="BW1951" s="85"/>
      <c r="BX1951" s="85"/>
      <c r="BY1951" s="85"/>
      <c r="BZ1951" s="85"/>
      <c r="CA1951" s="85"/>
      <c r="CB1951" s="85"/>
      <c r="CC1951" s="85"/>
      <c r="CD1951" s="85"/>
      <c r="CE1951" s="85"/>
      <c r="CF1951" s="85"/>
      <c r="CG1951" s="85"/>
    </row>
    <row r="1952" spans="1:85" s="9" customFormat="1" x14ac:dyDescent="0.2">
      <c r="A1952" s="85"/>
      <c r="J1952" s="85"/>
      <c r="K1952" s="85"/>
      <c r="L1952" s="85"/>
      <c r="M1952" s="85"/>
      <c r="N1952" s="85"/>
      <c r="O1952" s="85"/>
      <c r="P1952" s="85"/>
      <c r="Q1952" s="85"/>
      <c r="R1952" s="85"/>
      <c r="S1952" s="85"/>
      <c r="T1952" s="85"/>
      <c r="U1952" s="85"/>
      <c r="V1952" s="85"/>
      <c r="W1952" s="85"/>
      <c r="X1952" s="85"/>
      <c r="Y1952" s="85"/>
      <c r="Z1952" s="85"/>
      <c r="AA1952" s="85"/>
      <c r="AB1952" s="85"/>
      <c r="AC1952" s="85"/>
      <c r="AD1952" s="85"/>
      <c r="AE1952" s="85"/>
      <c r="AF1952" s="85"/>
      <c r="AG1952" s="85"/>
      <c r="AH1952" s="85"/>
      <c r="AI1952" s="85"/>
      <c r="AJ1952" s="85"/>
      <c r="AK1952" s="85"/>
      <c r="AL1952" s="85"/>
      <c r="AM1952" s="85"/>
      <c r="AN1952" s="85"/>
      <c r="AO1952" s="85"/>
      <c r="AP1952" s="85"/>
      <c r="AQ1952" s="85"/>
      <c r="AR1952" s="85"/>
      <c r="AS1952" s="85"/>
      <c r="AT1952" s="85"/>
      <c r="AU1952" s="85"/>
      <c r="AV1952" s="85"/>
      <c r="AW1952" s="85"/>
      <c r="AX1952" s="85"/>
      <c r="AY1952" s="85"/>
      <c r="AZ1952" s="85"/>
      <c r="BA1952" s="85"/>
      <c r="BB1952" s="85"/>
      <c r="BC1952" s="85"/>
      <c r="BD1952" s="85"/>
      <c r="BE1952" s="85"/>
      <c r="BF1952" s="85"/>
      <c r="BG1952" s="85"/>
      <c r="BH1952" s="85"/>
      <c r="BI1952" s="85"/>
      <c r="BJ1952" s="85"/>
      <c r="BK1952" s="85"/>
      <c r="BL1952" s="85"/>
      <c r="BM1952" s="85"/>
      <c r="BN1952" s="85"/>
      <c r="BO1952" s="85"/>
      <c r="BP1952" s="85"/>
      <c r="BQ1952" s="85"/>
      <c r="BR1952" s="85"/>
      <c r="BS1952" s="85"/>
      <c r="BT1952" s="85"/>
      <c r="BU1952" s="85"/>
      <c r="BV1952" s="85"/>
      <c r="BW1952" s="85"/>
      <c r="BX1952" s="85"/>
      <c r="BY1952" s="85"/>
      <c r="BZ1952" s="85"/>
      <c r="CA1952" s="85"/>
      <c r="CB1952" s="85"/>
      <c r="CC1952" s="85"/>
      <c r="CD1952" s="85"/>
      <c r="CE1952" s="85"/>
      <c r="CF1952" s="85"/>
      <c r="CG1952" s="85"/>
    </row>
    <row r="1953" spans="1:85" s="9" customFormat="1" x14ac:dyDescent="0.2">
      <c r="A1953" s="85"/>
      <c r="J1953" s="85"/>
      <c r="K1953" s="85"/>
      <c r="L1953" s="85"/>
      <c r="M1953" s="85"/>
      <c r="N1953" s="85"/>
      <c r="O1953" s="85"/>
      <c r="P1953" s="85"/>
      <c r="Q1953" s="85"/>
      <c r="R1953" s="85"/>
      <c r="S1953" s="85"/>
      <c r="T1953" s="85"/>
      <c r="U1953" s="85"/>
      <c r="V1953" s="85"/>
      <c r="W1953" s="85"/>
      <c r="X1953" s="85"/>
      <c r="Y1953" s="85"/>
      <c r="Z1953" s="85"/>
      <c r="AA1953" s="85"/>
      <c r="AB1953" s="85"/>
      <c r="AC1953" s="85"/>
      <c r="AD1953" s="85"/>
      <c r="AE1953" s="85"/>
      <c r="AF1953" s="85"/>
      <c r="AG1953" s="85"/>
      <c r="AH1953" s="85"/>
      <c r="AI1953" s="85"/>
      <c r="AJ1953" s="85"/>
      <c r="AK1953" s="85"/>
      <c r="AL1953" s="85"/>
      <c r="AM1953" s="85"/>
      <c r="AN1953" s="85"/>
      <c r="AO1953" s="85"/>
      <c r="AP1953" s="85"/>
      <c r="AQ1953" s="85"/>
      <c r="AR1953" s="85"/>
      <c r="AS1953" s="85"/>
      <c r="AT1953" s="85"/>
      <c r="AU1953" s="85"/>
      <c r="AV1953" s="85"/>
      <c r="AW1953" s="85"/>
      <c r="AX1953" s="85"/>
      <c r="AY1953" s="85"/>
      <c r="AZ1953" s="85"/>
      <c r="BA1953" s="85"/>
      <c r="BB1953" s="85"/>
      <c r="BC1953" s="85"/>
      <c r="BD1953" s="85"/>
      <c r="BE1953" s="85"/>
      <c r="BF1953" s="85"/>
      <c r="BG1953" s="85"/>
      <c r="BH1953" s="85"/>
      <c r="BI1953" s="85"/>
      <c r="BJ1953" s="85"/>
      <c r="BK1953" s="85"/>
      <c r="BL1953" s="85"/>
      <c r="BM1953" s="85"/>
      <c r="BN1953" s="85"/>
      <c r="BO1953" s="85"/>
      <c r="BP1953" s="85"/>
      <c r="BQ1953" s="85"/>
      <c r="BR1953" s="85"/>
      <c r="BS1953" s="85"/>
      <c r="BT1953" s="85"/>
      <c r="BU1953" s="85"/>
      <c r="BV1953" s="85"/>
      <c r="BW1953" s="85"/>
      <c r="BX1953" s="85"/>
      <c r="BY1953" s="85"/>
      <c r="BZ1953" s="85"/>
      <c r="CA1953" s="85"/>
      <c r="CB1953" s="85"/>
      <c r="CC1953" s="85"/>
      <c r="CD1953" s="85"/>
      <c r="CE1953" s="85"/>
      <c r="CF1953" s="85"/>
      <c r="CG1953" s="85"/>
    </row>
    <row r="1954" spans="1:85" s="9" customFormat="1" x14ac:dyDescent="0.2">
      <c r="A1954" s="85"/>
      <c r="J1954" s="85"/>
      <c r="K1954" s="85"/>
      <c r="L1954" s="85"/>
      <c r="M1954" s="85"/>
      <c r="N1954" s="85"/>
      <c r="O1954" s="85"/>
      <c r="P1954" s="85"/>
      <c r="Q1954" s="85"/>
      <c r="R1954" s="85"/>
      <c r="S1954" s="85"/>
      <c r="T1954" s="85"/>
      <c r="U1954" s="85"/>
      <c r="V1954" s="85"/>
      <c r="W1954" s="85"/>
      <c r="X1954" s="85"/>
      <c r="Y1954" s="85"/>
      <c r="Z1954" s="85"/>
      <c r="AA1954" s="85"/>
      <c r="AB1954" s="85"/>
      <c r="AC1954" s="85"/>
      <c r="AD1954" s="85"/>
      <c r="AE1954" s="85"/>
      <c r="AF1954" s="85"/>
      <c r="AG1954" s="85"/>
      <c r="AH1954" s="85"/>
      <c r="AI1954" s="85"/>
      <c r="AJ1954" s="85"/>
      <c r="AK1954" s="85"/>
      <c r="AL1954" s="85"/>
      <c r="AM1954" s="85"/>
      <c r="AN1954" s="85"/>
      <c r="AO1954" s="85"/>
      <c r="AP1954" s="85"/>
      <c r="AQ1954" s="85"/>
      <c r="AR1954" s="85"/>
      <c r="AS1954" s="85"/>
      <c r="AT1954" s="85"/>
      <c r="AU1954" s="85"/>
      <c r="AV1954" s="85"/>
      <c r="AW1954" s="85"/>
      <c r="AX1954" s="85"/>
      <c r="AY1954" s="85"/>
      <c r="AZ1954" s="85"/>
      <c r="BA1954" s="85"/>
      <c r="BB1954" s="85"/>
      <c r="BC1954" s="85"/>
      <c r="BD1954" s="85"/>
      <c r="BE1954" s="85"/>
      <c r="BF1954" s="85"/>
      <c r="BG1954" s="85"/>
      <c r="BH1954" s="85"/>
      <c r="BI1954" s="85"/>
      <c r="BJ1954" s="85"/>
      <c r="BK1954" s="85"/>
      <c r="BL1954" s="85"/>
      <c r="BM1954" s="85"/>
      <c r="BN1954" s="85"/>
      <c r="BO1954" s="85"/>
      <c r="BP1954" s="85"/>
      <c r="BQ1954" s="85"/>
      <c r="BR1954" s="85"/>
      <c r="BS1954" s="85"/>
      <c r="BT1954" s="85"/>
      <c r="BU1954" s="85"/>
      <c r="BV1954" s="85"/>
      <c r="BW1954" s="85"/>
      <c r="BX1954" s="85"/>
      <c r="BY1954" s="85"/>
      <c r="BZ1954" s="85"/>
      <c r="CA1954" s="85"/>
      <c r="CB1954" s="85"/>
      <c r="CC1954" s="85"/>
      <c r="CD1954" s="85"/>
      <c r="CE1954" s="85"/>
      <c r="CF1954" s="85"/>
      <c r="CG1954" s="85"/>
    </row>
    <row r="1955" spans="1:85" s="9" customFormat="1" x14ac:dyDescent="0.2">
      <c r="A1955" s="85"/>
      <c r="J1955" s="85"/>
      <c r="K1955" s="85"/>
      <c r="L1955" s="85"/>
      <c r="M1955" s="85"/>
      <c r="N1955" s="85"/>
      <c r="O1955" s="85"/>
      <c r="P1955" s="85"/>
      <c r="Q1955" s="85"/>
      <c r="R1955" s="85"/>
      <c r="S1955" s="85"/>
      <c r="T1955" s="85"/>
      <c r="U1955" s="85"/>
      <c r="V1955" s="85"/>
      <c r="W1955" s="85"/>
      <c r="X1955" s="85"/>
      <c r="Y1955" s="85"/>
      <c r="Z1955" s="85"/>
      <c r="AA1955" s="85"/>
      <c r="AB1955" s="85"/>
      <c r="AC1955" s="85"/>
      <c r="AD1955" s="85"/>
      <c r="AE1955" s="85"/>
      <c r="AF1955" s="85"/>
      <c r="AG1955" s="85"/>
      <c r="AH1955" s="85"/>
      <c r="AI1955" s="85"/>
      <c r="AJ1955" s="85"/>
      <c r="AK1955" s="85"/>
      <c r="AL1955" s="85"/>
      <c r="AM1955" s="85"/>
      <c r="AN1955" s="85"/>
      <c r="AO1955" s="85"/>
      <c r="AP1955" s="85"/>
      <c r="AQ1955" s="85"/>
      <c r="AR1955" s="85"/>
      <c r="AS1955" s="85"/>
      <c r="AT1955" s="85"/>
      <c r="AU1955" s="85"/>
      <c r="AV1955" s="85"/>
      <c r="AW1955" s="85"/>
      <c r="AX1955" s="85"/>
      <c r="AY1955" s="85"/>
      <c r="AZ1955" s="85"/>
      <c r="BA1955" s="85"/>
      <c r="BB1955" s="85"/>
      <c r="BC1955" s="85"/>
      <c r="BD1955" s="85"/>
      <c r="BE1955" s="85"/>
      <c r="BF1955" s="85"/>
      <c r="BG1955" s="85"/>
      <c r="BH1955" s="85"/>
      <c r="BI1955" s="85"/>
      <c r="BJ1955" s="85"/>
      <c r="BK1955" s="85"/>
      <c r="BL1955" s="85"/>
      <c r="BM1955" s="85"/>
      <c r="BN1955" s="85"/>
      <c r="BO1955" s="85"/>
      <c r="BP1955" s="85"/>
      <c r="BQ1955" s="85"/>
      <c r="BR1955" s="85"/>
      <c r="BS1955" s="85"/>
      <c r="BT1955" s="85"/>
      <c r="BU1955" s="85"/>
      <c r="BV1955" s="85"/>
      <c r="BW1955" s="85"/>
      <c r="BX1955" s="85"/>
      <c r="BY1955" s="85"/>
      <c r="BZ1955" s="85"/>
      <c r="CA1955" s="85"/>
      <c r="CB1955" s="85"/>
      <c r="CC1955" s="85"/>
      <c r="CD1955" s="85"/>
      <c r="CE1955" s="85"/>
      <c r="CF1955" s="85"/>
      <c r="CG1955" s="85"/>
    </row>
    <row r="1956" spans="1:85" s="9" customFormat="1" x14ac:dyDescent="0.2">
      <c r="A1956" s="85"/>
      <c r="J1956" s="85"/>
      <c r="K1956" s="85"/>
      <c r="L1956" s="85"/>
      <c r="M1956" s="85"/>
      <c r="N1956" s="85"/>
      <c r="O1956" s="85"/>
      <c r="P1956" s="85"/>
      <c r="Q1956" s="85"/>
      <c r="R1956" s="85"/>
      <c r="S1956" s="85"/>
      <c r="T1956" s="85"/>
      <c r="U1956" s="85"/>
      <c r="V1956" s="85"/>
      <c r="W1956" s="85"/>
      <c r="X1956" s="85"/>
      <c r="Y1956" s="85"/>
      <c r="Z1956" s="85"/>
      <c r="AA1956" s="85"/>
      <c r="AB1956" s="85"/>
      <c r="AC1956" s="85"/>
      <c r="AD1956" s="85"/>
      <c r="AE1956" s="85"/>
      <c r="AF1956" s="85"/>
      <c r="AG1956" s="85"/>
      <c r="AH1956" s="85"/>
      <c r="AI1956" s="85"/>
      <c r="AJ1956" s="85"/>
      <c r="AK1956" s="85"/>
      <c r="AL1956" s="85"/>
      <c r="AM1956" s="85"/>
      <c r="AN1956" s="85"/>
      <c r="AO1956" s="85"/>
      <c r="AP1956" s="85"/>
      <c r="AQ1956" s="85"/>
      <c r="AR1956" s="85"/>
      <c r="AS1956" s="85"/>
      <c r="AT1956" s="85"/>
      <c r="AU1956" s="85"/>
      <c r="AV1956" s="85"/>
      <c r="AW1956" s="85"/>
      <c r="AX1956" s="85"/>
      <c r="AY1956" s="85"/>
      <c r="AZ1956" s="85"/>
      <c r="BA1956" s="85"/>
      <c r="BB1956" s="85"/>
      <c r="BC1956" s="85"/>
      <c r="BD1956" s="85"/>
      <c r="BE1956" s="85"/>
      <c r="BF1956" s="85"/>
      <c r="BG1956" s="85"/>
      <c r="BH1956" s="85"/>
      <c r="BI1956" s="85"/>
      <c r="BJ1956" s="85"/>
      <c r="BK1956" s="85"/>
      <c r="BL1956" s="85"/>
      <c r="BM1956" s="85"/>
      <c r="BN1956" s="85"/>
      <c r="BO1956" s="85"/>
      <c r="BP1956" s="85"/>
      <c r="BQ1956" s="85"/>
      <c r="BR1956" s="85"/>
      <c r="BS1956" s="85"/>
      <c r="BT1956" s="85"/>
      <c r="BU1956" s="85"/>
      <c r="BV1956" s="85"/>
      <c r="BW1956" s="85"/>
      <c r="BX1956" s="85"/>
      <c r="BY1956" s="85"/>
      <c r="BZ1956" s="85"/>
      <c r="CA1956" s="85"/>
      <c r="CB1956" s="85"/>
      <c r="CC1956" s="85"/>
      <c r="CD1956" s="85"/>
      <c r="CE1956" s="85"/>
      <c r="CF1956" s="85"/>
      <c r="CG1956" s="85"/>
    </row>
    <row r="1957" spans="1:85" s="9" customFormat="1" x14ac:dyDescent="0.2">
      <c r="A1957" s="85"/>
      <c r="J1957" s="85"/>
      <c r="K1957" s="85"/>
      <c r="L1957" s="85"/>
      <c r="M1957" s="85"/>
      <c r="N1957" s="85"/>
      <c r="O1957" s="85"/>
      <c r="P1957" s="85"/>
      <c r="Q1957" s="85"/>
      <c r="R1957" s="85"/>
      <c r="S1957" s="85"/>
      <c r="T1957" s="85"/>
      <c r="U1957" s="85"/>
      <c r="V1957" s="85"/>
      <c r="W1957" s="85"/>
      <c r="X1957" s="85"/>
      <c r="Y1957" s="85"/>
      <c r="Z1957" s="85"/>
      <c r="AA1957" s="85"/>
      <c r="AB1957" s="85"/>
      <c r="AC1957" s="85"/>
      <c r="AD1957" s="85"/>
      <c r="AE1957" s="85"/>
      <c r="AF1957" s="85"/>
      <c r="AG1957" s="85"/>
      <c r="AH1957" s="85"/>
      <c r="AI1957" s="85"/>
      <c r="AJ1957" s="85"/>
      <c r="AK1957" s="85"/>
      <c r="AL1957" s="85"/>
      <c r="AM1957" s="85"/>
      <c r="AN1957" s="85"/>
      <c r="AO1957" s="85"/>
      <c r="AP1957" s="85"/>
      <c r="AQ1957" s="85"/>
      <c r="AR1957" s="85"/>
      <c r="AS1957" s="85"/>
      <c r="AT1957" s="85"/>
      <c r="AU1957" s="85"/>
      <c r="AV1957" s="85"/>
      <c r="AW1957" s="85"/>
      <c r="AX1957" s="85"/>
      <c r="AY1957" s="85"/>
      <c r="AZ1957" s="85"/>
      <c r="BA1957" s="85"/>
      <c r="BB1957" s="85"/>
      <c r="BC1957" s="85"/>
      <c r="BD1957" s="85"/>
      <c r="BE1957" s="85"/>
      <c r="BF1957" s="85"/>
      <c r="BG1957" s="85"/>
      <c r="BH1957" s="85"/>
      <c r="BI1957" s="85"/>
      <c r="BJ1957" s="85"/>
      <c r="BK1957" s="85"/>
      <c r="BL1957" s="85"/>
      <c r="BM1957" s="85"/>
      <c r="BN1957" s="85"/>
      <c r="BO1957" s="85"/>
      <c r="BP1957" s="85"/>
      <c r="BQ1957" s="85"/>
      <c r="BR1957" s="85"/>
      <c r="BS1957" s="85"/>
      <c r="BT1957" s="85"/>
      <c r="BU1957" s="85"/>
      <c r="BV1957" s="85"/>
      <c r="BW1957" s="85"/>
      <c r="BX1957" s="85"/>
      <c r="BY1957" s="85"/>
      <c r="BZ1957" s="85"/>
      <c r="CA1957" s="85"/>
      <c r="CB1957" s="85"/>
      <c r="CC1957" s="85"/>
      <c r="CD1957" s="85"/>
      <c r="CE1957" s="85"/>
      <c r="CF1957" s="85"/>
      <c r="CG1957" s="85"/>
    </row>
    <row r="1958" spans="1:85" s="9" customFormat="1" x14ac:dyDescent="0.2">
      <c r="A1958" s="85"/>
      <c r="J1958" s="85"/>
      <c r="K1958" s="85"/>
      <c r="L1958" s="85"/>
      <c r="M1958" s="85"/>
      <c r="N1958" s="85"/>
      <c r="O1958" s="85"/>
      <c r="P1958" s="85"/>
      <c r="Q1958" s="85"/>
      <c r="R1958" s="85"/>
      <c r="S1958" s="85"/>
      <c r="T1958" s="85"/>
      <c r="U1958" s="85"/>
      <c r="V1958" s="85"/>
      <c r="W1958" s="85"/>
      <c r="X1958" s="85"/>
      <c r="Y1958" s="85"/>
      <c r="Z1958" s="85"/>
      <c r="AA1958" s="85"/>
      <c r="AB1958" s="85"/>
      <c r="AC1958" s="85"/>
      <c r="AD1958" s="85"/>
      <c r="AE1958" s="85"/>
      <c r="AF1958" s="85"/>
      <c r="AG1958" s="85"/>
      <c r="AH1958" s="85"/>
      <c r="AI1958" s="85"/>
      <c r="AJ1958" s="85"/>
      <c r="AK1958" s="85"/>
      <c r="AL1958" s="85"/>
      <c r="AM1958" s="85"/>
      <c r="AN1958" s="85"/>
      <c r="AO1958" s="85"/>
      <c r="AP1958" s="85"/>
      <c r="AQ1958" s="85"/>
      <c r="AR1958" s="85"/>
      <c r="AS1958" s="85"/>
      <c r="AT1958" s="85"/>
      <c r="AU1958" s="85"/>
      <c r="AV1958" s="85"/>
      <c r="AW1958" s="85"/>
      <c r="AX1958" s="85"/>
      <c r="AY1958" s="85"/>
      <c r="AZ1958" s="85"/>
      <c r="BA1958" s="85"/>
      <c r="BB1958" s="85"/>
      <c r="BC1958" s="85"/>
      <c r="BD1958" s="85"/>
      <c r="BE1958" s="85"/>
      <c r="BF1958" s="85"/>
      <c r="BG1958" s="85"/>
      <c r="BH1958" s="85"/>
      <c r="BI1958" s="85"/>
      <c r="BJ1958" s="85"/>
      <c r="BK1958" s="85"/>
      <c r="BL1958" s="85"/>
      <c r="BM1958" s="85"/>
      <c r="BN1958" s="85"/>
      <c r="BO1958" s="85"/>
      <c r="BP1958" s="85"/>
      <c r="BQ1958" s="85"/>
      <c r="BR1958" s="85"/>
      <c r="BS1958" s="85"/>
      <c r="BT1958" s="85"/>
      <c r="BU1958" s="85"/>
      <c r="BV1958" s="85"/>
      <c r="BW1958" s="85"/>
      <c r="BX1958" s="85"/>
      <c r="BY1958" s="85"/>
      <c r="BZ1958" s="85"/>
      <c r="CA1958" s="85"/>
      <c r="CB1958" s="85"/>
      <c r="CC1958" s="85"/>
      <c r="CD1958" s="85"/>
      <c r="CE1958" s="85"/>
      <c r="CF1958" s="85"/>
      <c r="CG1958" s="85"/>
    </row>
    <row r="1959" spans="1:85" s="9" customFormat="1" x14ac:dyDescent="0.2">
      <c r="A1959" s="85"/>
      <c r="J1959" s="85"/>
      <c r="K1959" s="85"/>
      <c r="L1959" s="85"/>
      <c r="M1959" s="85"/>
      <c r="N1959" s="85"/>
      <c r="O1959" s="85"/>
      <c r="P1959" s="85"/>
      <c r="Q1959" s="85"/>
      <c r="R1959" s="85"/>
      <c r="S1959" s="85"/>
      <c r="T1959" s="85"/>
      <c r="U1959" s="85"/>
      <c r="V1959" s="85"/>
      <c r="W1959" s="85"/>
      <c r="X1959" s="85"/>
      <c r="Y1959" s="85"/>
      <c r="Z1959" s="85"/>
      <c r="AA1959" s="85"/>
      <c r="AB1959" s="85"/>
      <c r="AC1959" s="85"/>
      <c r="AD1959" s="85"/>
      <c r="AE1959" s="85"/>
      <c r="AF1959" s="85"/>
      <c r="AG1959" s="85"/>
      <c r="AH1959" s="85"/>
      <c r="AI1959" s="85"/>
      <c r="AJ1959" s="85"/>
      <c r="AK1959" s="85"/>
      <c r="AL1959" s="85"/>
      <c r="AM1959" s="85"/>
      <c r="AN1959" s="85"/>
      <c r="AO1959" s="85"/>
      <c r="AP1959" s="85"/>
      <c r="AQ1959" s="85"/>
      <c r="AR1959" s="85"/>
      <c r="AS1959" s="85"/>
      <c r="AT1959" s="85"/>
      <c r="AU1959" s="85"/>
      <c r="AV1959" s="85"/>
      <c r="AW1959" s="85"/>
      <c r="AX1959" s="85"/>
      <c r="AY1959" s="85"/>
      <c r="AZ1959" s="85"/>
      <c r="BA1959" s="85"/>
      <c r="BB1959" s="85"/>
      <c r="BC1959" s="85"/>
      <c r="BD1959" s="85"/>
      <c r="BE1959" s="85"/>
      <c r="BF1959" s="85"/>
      <c r="BG1959" s="85"/>
      <c r="BH1959" s="85"/>
      <c r="BI1959" s="85"/>
      <c r="BJ1959" s="85"/>
      <c r="BK1959" s="85"/>
      <c r="BL1959" s="85"/>
      <c r="BM1959" s="85"/>
      <c r="BN1959" s="85"/>
      <c r="BO1959" s="85"/>
      <c r="BP1959" s="85"/>
      <c r="BQ1959" s="85"/>
      <c r="BR1959" s="85"/>
      <c r="BS1959" s="85"/>
      <c r="BT1959" s="85"/>
      <c r="BU1959" s="85"/>
      <c r="BV1959" s="85"/>
      <c r="BW1959" s="85"/>
      <c r="BX1959" s="85"/>
      <c r="BY1959" s="85"/>
      <c r="BZ1959" s="85"/>
      <c r="CA1959" s="85"/>
      <c r="CB1959" s="85"/>
      <c r="CC1959" s="85"/>
      <c r="CD1959" s="85"/>
      <c r="CE1959" s="85"/>
      <c r="CF1959" s="85"/>
      <c r="CG1959" s="85"/>
    </row>
    <row r="1960" spans="1:85" s="9" customFormat="1" x14ac:dyDescent="0.2">
      <c r="A1960" s="85"/>
      <c r="J1960" s="85"/>
      <c r="K1960" s="85"/>
      <c r="L1960" s="85"/>
      <c r="M1960" s="85"/>
      <c r="N1960" s="85"/>
      <c r="O1960" s="85"/>
      <c r="P1960" s="85"/>
      <c r="Q1960" s="85"/>
      <c r="R1960" s="85"/>
      <c r="S1960" s="85"/>
      <c r="T1960" s="85"/>
      <c r="U1960" s="85"/>
      <c r="V1960" s="85"/>
      <c r="W1960" s="85"/>
      <c r="X1960" s="85"/>
      <c r="Y1960" s="85"/>
      <c r="Z1960" s="85"/>
      <c r="AA1960" s="85"/>
      <c r="AB1960" s="85"/>
      <c r="AC1960" s="85"/>
      <c r="AD1960" s="85"/>
      <c r="AE1960" s="85"/>
      <c r="AF1960" s="85"/>
      <c r="AG1960" s="85"/>
      <c r="AH1960" s="85"/>
      <c r="AI1960" s="85"/>
      <c r="AJ1960" s="85"/>
      <c r="AK1960" s="85"/>
      <c r="AL1960" s="85"/>
      <c r="AM1960" s="85"/>
      <c r="AN1960" s="85"/>
      <c r="AO1960" s="85"/>
      <c r="AP1960" s="85"/>
      <c r="AQ1960" s="85"/>
      <c r="AR1960" s="85"/>
      <c r="AS1960" s="85"/>
      <c r="AT1960" s="85"/>
      <c r="AU1960" s="85"/>
      <c r="AV1960" s="85"/>
      <c r="AW1960" s="85"/>
      <c r="AX1960" s="85"/>
      <c r="AY1960" s="85"/>
      <c r="AZ1960" s="85"/>
      <c r="BA1960" s="85"/>
      <c r="BB1960" s="85"/>
      <c r="BC1960" s="85"/>
      <c r="BD1960" s="85"/>
      <c r="BE1960" s="85"/>
      <c r="BF1960" s="85"/>
      <c r="BG1960" s="85"/>
      <c r="BH1960" s="85"/>
      <c r="BI1960" s="85"/>
      <c r="BJ1960" s="85"/>
      <c r="BK1960" s="85"/>
      <c r="BL1960" s="85"/>
      <c r="BM1960" s="85"/>
      <c r="BN1960" s="85"/>
      <c r="BO1960" s="85"/>
      <c r="BP1960" s="85"/>
      <c r="BQ1960" s="85"/>
      <c r="BR1960" s="85"/>
      <c r="BS1960" s="85"/>
      <c r="BT1960" s="85"/>
      <c r="BU1960" s="85"/>
      <c r="BV1960" s="85"/>
      <c r="BW1960" s="85"/>
      <c r="BX1960" s="85"/>
      <c r="BY1960" s="85"/>
      <c r="BZ1960" s="85"/>
      <c r="CA1960" s="85"/>
      <c r="CB1960" s="85"/>
      <c r="CC1960" s="85"/>
      <c r="CD1960" s="85"/>
      <c r="CE1960" s="85"/>
      <c r="CF1960" s="85"/>
      <c r="CG1960" s="85"/>
    </row>
    <row r="1961" spans="1:85" s="9" customFormat="1" x14ac:dyDescent="0.2">
      <c r="A1961" s="85"/>
      <c r="J1961" s="85"/>
      <c r="K1961" s="85"/>
      <c r="L1961" s="85"/>
      <c r="M1961" s="85"/>
      <c r="N1961" s="85"/>
      <c r="O1961" s="85"/>
      <c r="P1961" s="85"/>
      <c r="Q1961" s="85"/>
      <c r="R1961" s="85"/>
      <c r="S1961" s="85"/>
      <c r="T1961" s="85"/>
      <c r="U1961" s="85"/>
      <c r="V1961" s="85"/>
      <c r="W1961" s="85"/>
      <c r="X1961" s="85"/>
      <c r="Y1961" s="85"/>
      <c r="Z1961" s="85"/>
      <c r="AA1961" s="85"/>
      <c r="AB1961" s="85"/>
      <c r="AC1961" s="85"/>
      <c r="AD1961" s="85"/>
      <c r="AE1961" s="85"/>
      <c r="AF1961" s="85"/>
      <c r="AG1961" s="85"/>
      <c r="AH1961" s="85"/>
      <c r="AI1961" s="85"/>
      <c r="AJ1961" s="85"/>
      <c r="AK1961" s="85"/>
      <c r="AL1961" s="85"/>
      <c r="AM1961" s="85"/>
      <c r="AN1961" s="85"/>
      <c r="AO1961" s="85"/>
      <c r="AP1961" s="85"/>
      <c r="AQ1961" s="85"/>
      <c r="AR1961" s="85"/>
      <c r="AS1961" s="85"/>
      <c r="AT1961" s="85"/>
      <c r="AU1961" s="85"/>
      <c r="AV1961" s="85"/>
      <c r="AW1961" s="85"/>
      <c r="AX1961" s="85"/>
      <c r="AY1961" s="85"/>
      <c r="AZ1961" s="85"/>
      <c r="BA1961" s="85"/>
      <c r="BB1961" s="85"/>
      <c r="BC1961" s="85"/>
      <c r="BD1961" s="85"/>
      <c r="BE1961" s="85"/>
      <c r="BF1961" s="85"/>
      <c r="BG1961" s="85"/>
      <c r="BH1961" s="85"/>
      <c r="BI1961" s="85"/>
      <c r="BJ1961" s="85"/>
      <c r="BK1961" s="85"/>
      <c r="BL1961" s="85"/>
      <c r="BM1961" s="85"/>
      <c r="BN1961" s="85"/>
      <c r="BO1961" s="85"/>
      <c r="BP1961" s="85"/>
      <c r="BQ1961" s="85"/>
      <c r="BR1961" s="85"/>
      <c r="BS1961" s="85"/>
      <c r="BT1961" s="85"/>
      <c r="BU1961" s="85"/>
      <c r="BV1961" s="85"/>
      <c r="BW1961" s="85"/>
      <c r="BX1961" s="85"/>
      <c r="BY1961" s="85"/>
      <c r="BZ1961" s="85"/>
      <c r="CA1961" s="85"/>
      <c r="CB1961" s="85"/>
      <c r="CC1961" s="85"/>
      <c r="CD1961" s="85"/>
      <c r="CE1961" s="85"/>
      <c r="CF1961" s="85"/>
      <c r="CG1961" s="85"/>
    </row>
    <row r="1962" spans="1:85" s="9" customFormat="1" x14ac:dyDescent="0.2">
      <c r="A1962" s="85"/>
      <c r="J1962" s="85"/>
      <c r="K1962" s="85"/>
      <c r="L1962" s="85"/>
      <c r="M1962" s="85"/>
      <c r="N1962" s="85"/>
      <c r="O1962" s="85"/>
      <c r="P1962" s="85"/>
      <c r="Q1962" s="85"/>
      <c r="R1962" s="85"/>
      <c r="S1962" s="85"/>
      <c r="T1962" s="85"/>
      <c r="U1962" s="85"/>
      <c r="V1962" s="85"/>
      <c r="W1962" s="85"/>
      <c r="X1962" s="85"/>
      <c r="Y1962" s="85"/>
      <c r="Z1962" s="85"/>
      <c r="AA1962" s="85"/>
      <c r="AB1962" s="85"/>
      <c r="AC1962" s="85"/>
      <c r="AD1962" s="85"/>
      <c r="AE1962" s="85"/>
      <c r="AF1962" s="85"/>
      <c r="AG1962" s="85"/>
      <c r="AH1962" s="85"/>
      <c r="AI1962" s="85"/>
      <c r="AJ1962" s="85"/>
      <c r="AK1962" s="85"/>
      <c r="AL1962" s="85"/>
      <c r="AM1962" s="85"/>
      <c r="AN1962" s="85"/>
      <c r="AO1962" s="85"/>
      <c r="AP1962" s="85"/>
      <c r="AQ1962" s="85"/>
      <c r="AR1962" s="85"/>
      <c r="AS1962" s="85"/>
      <c r="AT1962" s="85"/>
      <c r="AU1962" s="85"/>
      <c r="AV1962" s="85"/>
      <c r="AW1962" s="85"/>
      <c r="AX1962" s="85"/>
      <c r="AY1962" s="85"/>
      <c r="AZ1962" s="85"/>
      <c r="BA1962" s="85"/>
      <c r="BB1962" s="85"/>
      <c r="BC1962" s="85"/>
      <c r="BD1962" s="85"/>
      <c r="BE1962" s="85"/>
      <c r="BF1962" s="85"/>
      <c r="BG1962" s="85"/>
      <c r="BH1962" s="85"/>
      <c r="BI1962" s="85"/>
      <c r="BJ1962" s="85"/>
      <c r="BK1962" s="85"/>
      <c r="BL1962" s="85"/>
      <c r="BM1962" s="85"/>
      <c r="BN1962" s="85"/>
      <c r="BO1962" s="85"/>
      <c r="BP1962" s="85"/>
      <c r="BQ1962" s="85"/>
      <c r="BR1962" s="85"/>
      <c r="BS1962" s="85"/>
      <c r="BT1962" s="85"/>
      <c r="BU1962" s="85"/>
      <c r="BV1962" s="85"/>
      <c r="BW1962" s="85"/>
      <c r="BX1962" s="85"/>
      <c r="BY1962" s="85"/>
      <c r="BZ1962" s="85"/>
      <c r="CA1962" s="85"/>
      <c r="CB1962" s="85"/>
      <c r="CC1962" s="85"/>
      <c r="CD1962" s="85"/>
      <c r="CE1962" s="85"/>
      <c r="CF1962" s="85"/>
      <c r="CG1962" s="85"/>
    </row>
    <row r="1963" spans="1:85" s="9" customFormat="1" x14ac:dyDescent="0.2">
      <c r="A1963" s="85"/>
      <c r="J1963" s="85"/>
      <c r="K1963" s="85"/>
      <c r="L1963" s="85"/>
      <c r="M1963" s="85"/>
      <c r="N1963" s="85"/>
      <c r="O1963" s="85"/>
      <c r="P1963" s="85"/>
      <c r="Q1963" s="85"/>
      <c r="R1963" s="85"/>
      <c r="S1963" s="85"/>
      <c r="T1963" s="85"/>
      <c r="U1963" s="85"/>
      <c r="V1963" s="85"/>
      <c r="W1963" s="85"/>
      <c r="X1963" s="85"/>
      <c r="Y1963" s="85"/>
      <c r="Z1963" s="85"/>
      <c r="AA1963" s="85"/>
      <c r="AB1963" s="85"/>
      <c r="AC1963" s="85"/>
      <c r="AD1963" s="85"/>
      <c r="AE1963" s="85"/>
      <c r="AF1963" s="85"/>
      <c r="AG1963" s="85"/>
      <c r="AH1963" s="85"/>
      <c r="AI1963" s="85"/>
      <c r="AJ1963" s="85"/>
      <c r="AK1963" s="85"/>
      <c r="AL1963" s="85"/>
      <c r="AM1963" s="85"/>
      <c r="AN1963" s="85"/>
      <c r="AO1963" s="85"/>
      <c r="AP1963" s="85"/>
      <c r="AQ1963" s="85"/>
      <c r="AR1963" s="85"/>
      <c r="AS1963" s="85"/>
      <c r="AT1963" s="85"/>
      <c r="AU1963" s="85"/>
      <c r="AV1963" s="85"/>
      <c r="AW1963" s="85"/>
      <c r="AX1963" s="85"/>
      <c r="AY1963" s="85"/>
      <c r="AZ1963" s="85"/>
      <c r="BA1963" s="85"/>
      <c r="BB1963" s="85"/>
      <c r="BC1963" s="85"/>
      <c r="BD1963" s="85"/>
      <c r="BE1963" s="85"/>
      <c r="BF1963" s="85"/>
      <c r="BG1963" s="85"/>
      <c r="BH1963" s="85"/>
      <c r="BI1963" s="85"/>
      <c r="BJ1963" s="85"/>
      <c r="BK1963" s="85"/>
      <c r="BL1963" s="85"/>
      <c r="BM1963" s="85"/>
      <c r="BN1963" s="85"/>
      <c r="BO1963" s="85"/>
      <c r="BP1963" s="85"/>
      <c r="BQ1963" s="85"/>
      <c r="BR1963" s="85"/>
      <c r="BS1963" s="85"/>
      <c r="BT1963" s="85"/>
      <c r="BU1963" s="85"/>
      <c r="BV1963" s="85"/>
      <c r="BW1963" s="85"/>
      <c r="BX1963" s="85"/>
      <c r="BY1963" s="85"/>
      <c r="BZ1963" s="85"/>
      <c r="CA1963" s="85"/>
      <c r="CB1963" s="85"/>
      <c r="CC1963" s="85"/>
      <c r="CD1963" s="85"/>
      <c r="CE1963" s="85"/>
      <c r="CF1963" s="85"/>
      <c r="CG1963" s="85"/>
    </row>
    <row r="1964" spans="1:85" s="9" customFormat="1" x14ac:dyDescent="0.2">
      <c r="A1964" s="85"/>
      <c r="J1964" s="85"/>
      <c r="K1964" s="85"/>
      <c r="L1964" s="85"/>
      <c r="M1964" s="85"/>
      <c r="N1964" s="85"/>
      <c r="O1964" s="85"/>
      <c r="P1964" s="85"/>
      <c r="Q1964" s="85"/>
      <c r="R1964" s="85"/>
      <c r="S1964" s="85"/>
      <c r="T1964" s="85"/>
      <c r="U1964" s="85"/>
      <c r="V1964" s="85"/>
      <c r="W1964" s="85"/>
      <c r="X1964" s="85"/>
      <c r="Y1964" s="85"/>
      <c r="Z1964" s="85"/>
      <c r="AA1964" s="85"/>
      <c r="AB1964" s="85"/>
      <c r="AC1964" s="85"/>
      <c r="AD1964" s="85"/>
      <c r="AE1964" s="85"/>
      <c r="AF1964" s="85"/>
      <c r="AG1964" s="85"/>
      <c r="AH1964" s="85"/>
      <c r="AI1964" s="85"/>
      <c r="AJ1964" s="85"/>
      <c r="AK1964" s="85"/>
      <c r="AL1964" s="85"/>
      <c r="AM1964" s="85"/>
      <c r="AN1964" s="85"/>
      <c r="AO1964" s="85"/>
      <c r="AP1964" s="85"/>
      <c r="AQ1964" s="85"/>
      <c r="AR1964" s="85"/>
      <c r="AS1964" s="85"/>
      <c r="AT1964" s="85"/>
      <c r="AU1964" s="85"/>
      <c r="AV1964" s="85"/>
      <c r="AW1964" s="85"/>
      <c r="AX1964" s="85"/>
      <c r="AY1964" s="85"/>
      <c r="AZ1964" s="85"/>
      <c r="BA1964" s="85"/>
      <c r="BB1964" s="85"/>
      <c r="BC1964" s="85"/>
      <c r="BD1964" s="85"/>
      <c r="BE1964" s="85"/>
      <c r="BF1964" s="85"/>
      <c r="BG1964" s="85"/>
      <c r="BH1964" s="85"/>
      <c r="BI1964" s="85"/>
      <c r="BJ1964" s="85"/>
      <c r="BK1964" s="85"/>
      <c r="BL1964" s="85"/>
      <c r="BM1964" s="85"/>
      <c r="BN1964" s="85"/>
      <c r="BO1964" s="85"/>
      <c r="BP1964" s="85"/>
      <c r="BQ1964" s="85"/>
      <c r="BR1964" s="85"/>
      <c r="BS1964" s="85"/>
      <c r="BT1964" s="85"/>
      <c r="BU1964" s="85"/>
      <c r="BV1964" s="85"/>
      <c r="BW1964" s="85"/>
      <c r="BX1964" s="85"/>
      <c r="BY1964" s="85"/>
      <c r="BZ1964" s="85"/>
      <c r="CA1964" s="85"/>
      <c r="CB1964" s="85"/>
      <c r="CC1964" s="85"/>
      <c r="CD1964" s="85"/>
      <c r="CE1964" s="85"/>
      <c r="CF1964" s="85"/>
      <c r="CG1964" s="85"/>
    </row>
    <row r="1965" spans="1:85" s="9" customFormat="1" x14ac:dyDescent="0.2">
      <c r="A1965" s="85"/>
      <c r="J1965" s="85"/>
      <c r="K1965" s="85"/>
      <c r="L1965" s="85"/>
      <c r="M1965" s="85"/>
      <c r="N1965" s="85"/>
      <c r="O1965" s="85"/>
      <c r="P1965" s="85"/>
      <c r="Q1965" s="85"/>
      <c r="R1965" s="85"/>
      <c r="S1965" s="85"/>
      <c r="T1965" s="85"/>
      <c r="U1965" s="85"/>
      <c r="V1965" s="85"/>
      <c r="W1965" s="85"/>
      <c r="X1965" s="85"/>
      <c r="Y1965" s="85"/>
      <c r="Z1965" s="85"/>
      <c r="AA1965" s="85"/>
      <c r="AB1965" s="85"/>
      <c r="AC1965" s="85"/>
      <c r="AD1965" s="85"/>
      <c r="AE1965" s="85"/>
      <c r="AF1965" s="85"/>
      <c r="AG1965" s="85"/>
      <c r="AH1965" s="85"/>
      <c r="AI1965" s="85"/>
      <c r="AJ1965" s="85"/>
      <c r="AK1965" s="85"/>
      <c r="AL1965" s="85"/>
      <c r="AM1965" s="85"/>
      <c r="AN1965" s="85"/>
      <c r="AO1965" s="85"/>
      <c r="AP1965" s="85"/>
      <c r="AQ1965" s="85"/>
      <c r="AR1965" s="85"/>
      <c r="AS1965" s="85"/>
      <c r="AT1965" s="85"/>
      <c r="AU1965" s="85"/>
      <c r="AV1965" s="85"/>
      <c r="AW1965" s="85"/>
      <c r="AX1965" s="85"/>
      <c r="AY1965" s="85"/>
      <c r="AZ1965" s="85"/>
      <c r="BA1965" s="85"/>
      <c r="BB1965" s="85"/>
      <c r="BC1965" s="85"/>
      <c r="BD1965" s="85"/>
      <c r="BE1965" s="85"/>
      <c r="BF1965" s="85"/>
      <c r="BG1965" s="85"/>
      <c r="BH1965" s="85"/>
      <c r="BI1965" s="85"/>
      <c r="BJ1965" s="85"/>
      <c r="BK1965" s="85"/>
      <c r="BL1965" s="85"/>
      <c r="BM1965" s="85"/>
      <c r="BN1965" s="85"/>
      <c r="BO1965" s="85"/>
      <c r="BP1965" s="85"/>
      <c r="BQ1965" s="85"/>
      <c r="BR1965" s="85"/>
      <c r="BS1965" s="85"/>
      <c r="BT1965" s="85"/>
      <c r="BU1965" s="85"/>
      <c r="BV1965" s="85"/>
      <c r="BW1965" s="85"/>
      <c r="BX1965" s="85"/>
      <c r="BY1965" s="85"/>
      <c r="BZ1965" s="85"/>
      <c r="CA1965" s="85"/>
      <c r="CB1965" s="85"/>
      <c r="CC1965" s="85"/>
      <c r="CD1965" s="85"/>
      <c r="CE1965" s="85"/>
      <c r="CF1965" s="85"/>
      <c r="CG1965" s="85"/>
    </row>
    <row r="1966" spans="1:85" s="9" customFormat="1" x14ac:dyDescent="0.2">
      <c r="A1966" s="85"/>
      <c r="J1966" s="85"/>
      <c r="K1966" s="85"/>
      <c r="L1966" s="85"/>
      <c r="M1966" s="85"/>
      <c r="N1966" s="85"/>
      <c r="O1966" s="85"/>
      <c r="P1966" s="85"/>
      <c r="Q1966" s="85"/>
      <c r="R1966" s="85"/>
      <c r="S1966" s="85"/>
      <c r="T1966" s="85"/>
      <c r="U1966" s="85"/>
      <c r="V1966" s="85"/>
      <c r="W1966" s="85"/>
      <c r="X1966" s="85"/>
      <c r="Y1966" s="85"/>
      <c r="Z1966" s="85"/>
      <c r="AA1966" s="85"/>
      <c r="AB1966" s="85"/>
      <c r="AC1966" s="85"/>
      <c r="AD1966" s="85"/>
      <c r="AE1966" s="85"/>
      <c r="AF1966" s="85"/>
      <c r="AG1966" s="85"/>
      <c r="AH1966" s="85"/>
      <c r="AI1966" s="85"/>
      <c r="AJ1966" s="85"/>
      <c r="AK1966" s="85"/>
      <c r="AL1966" s="85"/>
      <c r="AM1966" s="85"/>
      <c r="AN1966" s="85"/>
      <c r="AO1966" s="85"/>
      <c r="AP1966" s="85"/>
      <c r="AQ1966" s="85"/>
      <c r="AR1966" s="85"/>
      <c r="AS1966" s="85"/>
      <c r="AT1966" s="85"/>
      <c r="AU1966" s="85"/>
      <c r="AV1966" s="85"/>
      <c r="AW1966" s="85"/>
      <c r="AX1966" s="85"/>
      <c r="AY1966" s="85"/>
      <c r="AZ1966" s="85"/>
      <c r="BA1966" s="85"/>
      <c r="BB1966" s="85"/>
      <c r="BC1966" s="85"/>
      <c r="BD1966" s="85"/>
      <c r="BE1966" s="85"/>
      <c r="BF1966" s="85"/>
      <c r="BG1966" s="85"/>
      <c r="BH1966" s="85"/>
      <c r="BI1966" s="85"/>
      <c r="BJ1966" s="85"/>
      <c r="BK1966" s="85"/>
      <c r="BL1966" s="85"/>
      <c r="BM1966" s="85"/>
      <c r="BN1966" s="85"/>
      <c r="BO1966" s="85"/>
      <c r="BP1966" s="85"/>
      <c r="BQ1966" s="85"/>
      <c r="BR1966" s="85"/>
      <c r="BS1966" s="85"/>
      <c r="BT1966" s="85"/>
      <c r="BU1966" s="85"/>
      <c r="BV1966" s="85"/>
      <c r="BW1966" s="85"/>
      <c r="BX1966" s="85"/>
      <c r="BY1966" s="85"/>
      <c r="BZ1966" s="85"/>
      <c r="CA1966" s="85"/>
      <c r="CB1966" s="85"/>
      <c r="CC1966" s="85"/>
      <c r="CD1966" s="85"/>
      <c r="CE1966" s="85"/>
      <c r="CF1966" s="85"/>
      <c r="CG1966" s="85"/>
    </row>
    <row r="1967" spans="1:85" s="9" customFormat="1" x14ac:dyDescent="0.2">
      <c r="A1967" s="85"/>
      <c r="J1967" s="85"/>
      <c r="K1967" s="85"/>
      <c r="L1967" s="85"/>
      <c r="M1967" s="85"/>
      <c r="N1967" s="85"/>
      <c r="O1967" s="85"/>
      <c r="P1967" s="85"/>
      <c r="Q1967" s="85"/>
      <c r="R1967" s="85"/>
      <c r="S1967" s="85"/>
      <c r="T1967" s="85"/>
      <c r="U1967" s="85"/>
      <c r="V1967" s="85"/>
      <c r="W1967" s="85"/>
      <c r="X1967" s="85"/>
      <c r="Y1967" s="85"/>
      <c r="Z1967" s="85"/>
      <c r="AA1967" s="85"/>
      <c r="AB1967" s="85"/>
      <c r="AC1967" s="85"/>
      <c r="AD1967" s="85"/>
      <c r="AE1967" s="85"/>
      <c r="AF1967" s="85"/>
      <c r="AG1967" s="85"/>
      <c r="AH1967" s="85"/>
      <c r="AI1967" s="85"/>
      <c r="AJ1967" s="85"/>
      <c r="AK1967" s="85"/>
      <c r="AL1967" s="85"/>
      <c r="AM1967" s="85"/>
      <c r="AN1967" s="85"/>
      <c r="AO1967" s="85"/>
      <c r="AP1967" s="85"/>
      <c r="AQ1967" s="85"/>
      <c r="AR1967" s="85"/>
      <c r="AS1967" s="85"/>
      <c r="AT1967" s="85"/>
      <c r="AU1967" s="85"/>
      <c r="AV1967" s="85"/>
      <c r="AW1967" s="85"/>
      <c r="AX1967" s="85"/>
      <c r="AY1967" s="85"/>
      <c r="AZ1967" s="85"/>
      <c r="BA1967" s="85"/>
      <c r="BB1967" s="85"/>
      <c r="BC1967" s="85"/>
      <c r="BD1967" s="85"/>
      <c r="BE1967" s="85"/>
      <c r="BF1967" s="85"/>
      <c r="BG1967" s="85"/>
      <c r="BH1967" s="85"/>
      <c r="BI1967" s="85"/>
      <c r="BJ1967" s="85"/>
      <c r="BK1967" s="85"/>
      <c r="BL1967" s="85"/>
      <c r="BM1967" s="85"/>
      <c r="BN1967" s="85"/>
      <c r="BO1967" s="85"/>
      <c r="BP1967" s="85"/>
      <c r="BQ1967" s="85"/>
      <c r="BR1967" s="85"/>
      <c r="BS1967" s="85"/>
      <c r="BT1967" s="85"/>
      <c r="BU1967" s="85"/>
      <c r="BV1967" s="85"/>
      <c r="BW1967" s="85"/>
      <c r="BX1967" s="85"/>
      <c r="BY1967" s="85"/>
      <c r="BZ1967" s="85"/>
      <c r="CA1967" s="85"/>
      <c r="CB1967" s="85"/>
      <c r="CC1967" s="85"/>
      <c r="CD1967" s="85"/>
      <c r="CE1967" s="85"/>
      <c r="CF1967" s="85"/>
      <c r="CG1967" s="85"/>
    </row>
    <row r="1968" spans="1:85" s="9" customFormat="1" x14ac:dyDescent="0.2">
      <c r="A1968" s="85"/>
      <c r="J1968" s="85"/>
      <c r="K1968" s="85"/>
      <c r="L1968" s="85"/>
      <c r="M1968" s="85"/>
      <c r="N1968" s="85"/>
      <c r="O1968" s="85"/>
      <c r="P1968" s="85"/>
      <c r="Q1968" s="85"/>
      <c r="R1968" s="85"/>
      <c r="S1968" s="85"/>
      <c r="T1968" s="85"/>
      <c r="U1968" s="85"/>
      <c r="V1968" s="85"/>
      <c r="W1968" s="85"/>
      <c r="X1968" s="85"/>
      <c r="Y1968" s="85"/>
      <c r="Z1968" s="85"/>
      <c r="AA1968" s="85"/>
      <c r="AB1968" s="85"/>
      <c r="AC1968" s="85"/>
      <c r="AD1968" s="85"/>
      <c r="AE1968" s="85"/>
      <c r="AF1968" s="85"/>
      <c r="AG1968" s="85"/>
      <c r="AH1968" s="85"/>
      <c r="AI1968" s="85"/>
      <c r="AJ1968" s="85"/>
      <c r="AK1968" s="85"/>
      <c r="AL1968" s="85"/>
      <c r="AM1968" s="85"/>
      <c r="AN1968" s="85"/>
      <c r="AO1968" s="85"/>
      <c r="AP1968" s="85"/>
      <c r="AQ1968" s="85"/>
      <c r="AR1968" s="85"/>
      <c r="AS1968" s="85"/>
      <c r="AT1968" s="85"/>
      <c r="AU1968" s="85"/>
      <c r="AV1968" s="85"/>
      <c r="AW1968" s="85"/>
      <c r="AX1968" s="85"/>
      <c r="AY1968" s="85"/>
      <c r="AZ1968" s="85"/>
      <c r="BA1968" s="85"/>
      <c r="BB1968" s="85"/>
      <c r="BC1968" s="85"/>
      <c r="BD1968" s="85"/>
      <c r="BE1968" s="85"/>
      <c r="BF1968" s="85"/>
      <c r="BG1968" s="85"/>
      <c r="BH1968" s="85"/>
      <c r="BI1968" s="85"/>
      <c r="BJ1968" s="85"/>
      <c r="BK1968" s="85"/>
      <c r="BL1968" s="85"/>
      <c r="BM1968" s="85"/>
      <c r="BN1968" s="85"/>
      <c r="BO1968" s="85"/>
      <c r="BP1968" s="85"/>
      <c r="BQ1968" s="85"/>
      <c r="BR1968" s="85"/>
      <c r="BS1968" s="85"/>
      <c r="BT1968" s="85"/>
      <c r="BU1968" s="85"/>
      <c r="BV1968" s="85"/>
      <c r="BW1968" s="85"/>
      <c r="BX1968" s="85"/>
      <c r="BY1968" s="85"/>
      <c r="BZ1968" s="85"/>
      <c r="CA1968" s="85"/>
      <c r="CB1968" s="85"/>
      <c r="CC1968" s="85"/>
      <c r="CD1968" s="85"/>
      <c r="CE1968" s="85"/>
      <c r="CF1968" s="85"/>
      <c r="CG1968" s="85"/>
    </row>
    <row r="1969" spans="1:85" s="9" customFormat="1" x14ac:dyDescent="0.2">
      <c r="A1969" s="85"/>
      <c r="J1969" s="85"/>
      <c r="K1969" s="85"/>
      <c r="L1969" s="85"/>
      <c r="M1969" s="85"/>
      <c r="N1969" s="85"/>
      <c r="O1969" s="85"/>
      <c r="P1969" s="85"/>
      <c r="Q1969" s="85"/>
      <c r="R1969" s="85"/>
      <c r="S1969" s="85"/>
      <c r="T1969" s="85"/>
      <c r="U1969" s="85"/>
      <c r="V1969" s="85"/>
      <c r="W1969" s="85"/>
      <c r="X1969" s="85"/>
      <c r="Y1969" s="85"/>
      <c r="Z1969" s="85"/>
      <c r="AA1969" s="85"/>
      <c r="AB1969" s="85"/>
      <c r="AC1969" s="85"/>
      <c r="AD1969" s="85"/>
      <c r="AE1969" s="85"/>
      <c r="AF1969" s="85"/>
      <c r="AG1969" s="85"/>
      <c r="AH1969" s="85"/>
      <c r="AI1969" s="85"/>
      <c r="AJ1969" s="85"/>
      <c r="AK1969" s="85"/>
      <c r="AL1969" s="85"/>
      <c r="AM1969" s="85"/>
      <c r="AN1969" s="85"/>
      <c r="AO1969" s="85"/>
      <c r="AP1969" s="85"/>
      <c r="AQ1969" s="85"/>
      <c r="AR1969" s="85"/>
      <c r="AS1969" s="85"/>
      <c r="AT1969" s="85"/>
      <c r="AU1969" s="85"/>
      <c r="AV1969" s="85"/>
      <c r="AW1969" s="85"/>
      <c r="AX1969" s="85"/>
      <c r="AY1969" s="85"/>
      <c r="AZ1969" s="85"/>
      <c r="BA1969" s="85"/>
      <c r="BB1969" s="85"/>
      <c r="BC1969" s="85"/>
      <c r="BD1969" s="85"/>
      <c r="BE1969" s="85"/>
      <c r="BF1969" s="85"/>
      <c r="BG1969" s="85"/>
      <c r="BH1969" s="85"/>
      <c r="BI1969" s="85"/>
      <c r="BJ1969" s="85"/>
      <c r="BK1969" s="85"/>
      <c r="BL1969" s="85"/>
      <c r="BM1969" s="85"/>
      <c r="BN1969" s="85"/>
      <c r="BO1969" s="85"/>
      <c r="BP1969" s="85"/>
      <c r="BQ1969" s="85"/>
      <c r="BR1969" s="85"/>
      <c r="BS1969" s="85"/>
      <c r="BT1969" s="85"/>
      <c r="BU1969" s="85"/>
      <c r="BV1969" s="85"/>
      <c r="BW1969" s="85"/>
      <c r="BX1969" s="85"/>
      <c r="BY1969" s="85"/>
      <c r="BZ1969" s="85"/>
      <c r="CA1969" s="85"/>
      <c r="CB1969" s="85"/>
      <c r="CC1969" s="85"/>
      <c r="CD1969" s="85"/>
      <c r="CE1969" s="85"/>
      <c r="CF1969" s="85"/>
      <c r="CG1969" s="85"/>
    </row>
    <row r="1970" spans="1:85" s="9" customFormat="1" x14ac:dyDescent="0.2">
      <c r="A1970" s="85"/>
      <c r="J1970" s="85"/>
      <c r="K1970" s="85"/>
      <c r="L1970" s="85"/>
      <c r="M1970" s="85"/>
      <c r="N1970" s="85"/>
      <c r="O1970" s="85"/>
      <c r="P1970" s="85"/>
      <c r="Q1970" s="85"/>
      <c r="R1970" s="85"/>
      <c r="S1970" s="85"/>
      <c r="T1970" s="85"/>
      <c r="U1970" s="85"/>
      <c r="V1970" s="85"/>
      <c r="W1970" s="85"/>
      <c r="X1970" s="85"/>
      <c r="Y1970" s="85"/>
      <c r="Z1970" s="85"/>
      <c r="AA1970" s="85"/>
      <c r="AB1970" s="85"/>
      <c r="AC1970" s="85"/>
      <c r="AD1970" s="85"/>
      <c r="AE1970" s="85"/>
      <c r="AF1970" s="85"/>
      <c r="AG1970" s="85"/>
      <c r="AH1970" s="85"/>
      <c r="AI1970" s="85"/>
      <c r="AJ1970" s="85"/>
      <c r="AK1970" s="85"/>
      <c r="AL1970" s="85"/>
      <c r="AM1970" s="85"/>
      <c r="AN1970" s="85"/>
      <c r="AO1970" s="85"/>
      <c r="AP1970" s="85"/>
      <c r="AQ1970" s="85"/>
      <c r="AR1970" s="85"/>
      <c r="AS1970" s="85"/>
      <c r="AT1970" s="85"/>
      <c r="AU1970" s="85"/>
      <c r="AV1970" s="85"/>
      <c r="AW1970" s="85"/>
      <c r="AX1970" s="85"/>
      <c r="AY1970" s="85"/>
      <c r="AZ1970" s="85"/>
      <c r="BA1970" s="85"/>
      <c r="BB1970" s="85"/>
      <c r="BC1970" s="85"/>
      <c r="BD1970" s="85"/>
      <c r="BE1970" s="85"/>
      <c r="BF1970" s="85"/>
      <c r="BG1970" s="85"/>
      <c r="BH1970" s="85"/>
      <c r="BI1970" s="85"/>
      <c r="BJ1970" s="85"/>
      <c r="BK1970" s="85"/>
      <c r="BL1970" s="85"/>
      <c r="BM1970" s="85"/>
      <c r="BN1970" s="85"/>
      <c r="BO1970" s="85"/>
      <c r="BP1970" s="85"/>
      <c r="BQ1970" s="85"/>
      <c r="BR1970" s="85"/>
      <c r="BS1970" s="85"/>
      <c r="BT1970" s="85"/>
      <c r="BU1970" s="85"/>
      <c r="BV1970" s="85"/>
      <c r="BW1970" s="85"/>
      <c r="BX1970" s="85"/>
      <c r="BY1970" s="85"/>
      <c r="BZ1970" s="85"/>
      <c r="CA1970" s="85"/>
      <c r="CB1970" s="85"/>
      <c r="CC1970" s="85"/>
      <c r="CD1970" s="85"/>
      <c r="CE1970" s="85"/>
      <c r="CF1970" s="85"/>
      <c r="CG1970" s="85"/>
    </row>
    <row r="1971" spans="1:85" s="9" customFormat="1" x14ac:dyDescent="0.2">
      <c r="A1971" s="85"/>
      <c r="J1971" s="85"/>
      <c r="K1971" s="85"/>
      <c r="L1971" s="85"/>
      <c r="M1971" s="85"/>
      <c r="N1971" s="85"/>
      <c r="O1971" s="85"/>
      <c r="P1971" s="85"/>
      <c r="Q1971" s="85"/>
      <c r="R1971" s="85"/>
      <c r="S1971" s="85"/>
      <c r="T1971" s="85"/>
      <c r="U1971" s="85"/>
      <c r="V1971" s="85"/>
      <c r="W1971" s="85"/>
      <c r="X1971" s="85"/>
      <c r="Y1971" s="85"/>
      <c r="Z1971" s="85"/>
      <c r="AA1971" s="85"/>
      <c r="AB1971" s="85"/>
      <c r="AC1971" s="85"/>
      <c r="AD1971" s="85"/>
      <c r="AE1971" s="85"/>
      <c r="AF1971" s="85"/>
      <c r="AG1971" s="85"/>
      <c r="AH1971" s="85"/>
      <c r="AI1971" s="85"/>
      <c r="AJ1971" s="85"/>
      <c r="AK1971" s="85"/>
      <c r="AL1971" s="85"/>
      <c r="AM1971" s="85"/>
      <c r="AN1971" s="85"/>
      <c r="AO1971" s="85"/>
      <c r="AP1971" s="85"/>
      <c r="AQ1971" s="85"/>
      <c r="AR1971" s="85"/>
      <c r="AS1971" s="85"/>
      <c r="AT1971" s="85"/>
      <c r="AU1971" s="85"/>
      <c r="AV1971" s="85"/>
      <c r="AW1971" s="85"/>
      <c r="AX1971" s="85"/>
      <c r="AY1971" s="85"/>
      <c r="AZ1971" s="85"/>
      <c r="BA1971" s="85"/>
      <c r="BB1971" s="85"/>
      <c r="BC1971" s="85"/>
      <c r="BD1971" s="85"/>
      <c r="BE1971" s="85"/>
      <c r="BF1971" s="85"/>
      <c r="BG1971" s="85"/>
      <c r="BH1971" s="85"/>
      <c r="BI1971" s="85"/>
      <c r="BJ1971" s="85"/>
      <c r="BK1971" s="85"/>
      <c r="BL1971" s="85"/>
      <c r="BM1971" s="85"/>
      <c r="BN1971" s="85"/>
      <c r="BO1971" s="85"/>
      <c r="BP1971" s="85"/>
      <c r="BQ1971" s="85"/>
      <c r="BR1971" s="85"/>
      <c r="BS1971" s="85"/>
      <c r="BT1971" s="85"/>
      <c r="BU1971" s="85"/>
      <c r="BV1971" s="85"/>
      <c r="BW1971" s="85"/>
      <c r="BX1971" s="85"/>
      <c r="BY1971" s="85"/>
      <c r="BZ1971" s="85"/>
      <c r="CA1971" s="85"/>
      <c r="CB1971" s="85"/>
      <c r="CC1971" s="85"/>
      <c r="CD1971" s="85"/>
      <c r="CE1971" s="85"/>
      <c r="CF1971" s="85"/>
      <c r="CG1971" s="85"/>
    </row>
    <row r="1972" spans="1:85" s="9" customFormat="1" x14ac:dyDescent="0.2">
      <c r="A1972" s="85"/>
      <c r="J1972" s="85"/>
      <c r="K1972" s="85"/>
      <c r="L1972" s="85"/>
      <c r="M1972" s="85"/>
      <c r="N1972" s="85"/>
      <c r="O1972" s="85"/>
      <c r="P1972" s="85"/>
      <c r="Q1972" s="85"/>
      <c r="R1972" s="85"/>
      <c r="S1972" s="85"/>
      <c r="T1972" s="85"/>
      <c r="U1972" s="85"/>
      <c r="V1972" s="85"/>
      <c r="W1972" s="85"/>
      <c r="X1972" s="85"/>
      <c r="Y1972" s="85"/>
      <c r="Z1972" s="85"/>
      <c r="AA1972" s="85"/>
      <c r="AB1972" s="85"/>
      <c r="AC1972" s="85"/>
      <c r="AD1972" s="85"/>
      <c r="AE1972" s="85"/>
      <c r="AF1972" s="85"/>
      <c r="AG1972" s="85"/>
      <c r="AH1972" s="85"/>
      <c r="AI1972" s="85"/>
      <c r="AJ1972" s="85"/>
      <c r="AK1972" s="85"/>
      <c r="AL1972" s="85"/>
      <c r="AM1972" s="85"/>
      <c r="AN1972" s="85"/>
      <c r="AO1972" s="85"/>
      <c r="AP1972" s="85"/>
      <c r="AQ1972" s="85"/>
      <c r="AR1972" s="85"/>
      <c r="AS1972" s="85"/>
      <c r="AT1972" s="85"/>
      <c r="AU1972" s="85"/>
      <c r="AV1972" s="85"/>
      <c r="AW1972" s="85"/>
      <c r="AX1972" s="85"/>
      <c r="AY1972" s="85"/>
      <c r="AZ1972" s="85"/>
      <c r="BA1972" s="85"/>
      <c r="BB1972" s="85"/>
      <c r="BC1972" s="85"/>
      <c r="BD1972" s="85"/>
      <c r="BE1972" s="85"/>
      <c r="BF1972" s="85"/>
      <c r="BG1972" s="85"/>
      <c r="BH1972" s="85"/>
      <c r="BI1972" s="85"/>
      <c r="BJ1972" s="85"/>
      <c r="BK1972" s="85"/>
      <c r="BL1972" s="85"/>
      <c r="BM1972" s="85"/>
      <c r="BN1972" s="85"/>
      <c r="BO1972" s="85"/>
      <c r="BP1972" s="85"/>
      <c r="BQ1972" s="85"/>
      <c r="BR1972" s="85"/>
      <c r="BS1972" s="85"/>
      <c r="BT1972" s="85"/>
      <c r="BU1972" s="85"/>
      <c r="BV1972" s="85"/>
      <c r="BW1972" s="85"/>
      <c r="BX1972" s="85"/>
      <c r="BY1972" s="85"/>
      <c r="BZ1972" s="85"/>
      <c r="CA1972" s="85"/>
      <c r="CB1972" s="85"/>
      <c r="CC1972" s="85"/>
      <c r="CD1972" s="85"/>
      <c r="CE1972" s="85"/>
      <c r="CF1972" s="85"/>
      <c r="CG1972" s="85"/>
    </row>
    <row r="1973" spans="1:85" s="9" customFormat="1" x14ac:dyDescent="0.2">
      <c r="A1973" s="85"/>
      <c r="J1973" s="85"/>
      <c r="K1973" s="85"/>
      <c r="L1973" s="85"/>
      <c r="M1973" s="85"/>
      <c r="N1973" s="85"/>
      <c r="O1973" s="85"/>
      <c r="P1973" s="85"/>
      <c r="Q1973" s="85"/>
      <c r="R1973" s="85"/>
      <c r="S1973" s="85"/>
      <c r="T1973" s="85"/>
      <c r="U1973" s="85"/>
      <c r="V1973" s="85"/>
      <c r="W1973" s="85"/>
      <c r="X1973" s="85"/>
      <c r="Y1973" s="85"/>
      <c r="Z1973" s="85"/>
      <c r="AA1973" s="85"/>
      <c r="AB1973" s="85"/>
      <c r="AC1973" s="85"/>
      <c r="AD1973" s="85"/>
      <c r="AE1973" s="85"/>
      <c r="AF1973" s="85"/>
      <c r="AG1973" s="85"/>
      <c r="AH1973" s="85"/>
      <c r="AI1973" s="85"/>
      <c r="AJ1973" s="85"/>
      <c r="AK1973" s="85"/>
      <c r="AL1973" s="85"/>
      <c r="AM1973" s="85"/>
      <c r="AN1973" s="85"/>
      <c r="AO1973" s="85"/>
      <c r="AP1973" s="85"/>
      <c r="AQ1973" s="85"/>
      <c r="AR1973" s="85"/>
      <c r="AS1973" s="85"/>
      <c r="AT1973" s="85"/>
      <c r="AU1973" s="85"/>
      <c r="AV1973" s="85"/>
      <c r="AW1973" s="85"/>
      <c r="AX1973" s="85"/>
      <c r="AY1973" s="85"/>
      <c r="AZ1973" s="85"/>
      <c r="BA1973" s="85"/>
      <c r="BB1973" s="85"/>
      <c r="BC1973" s="85"/>
      <c r="BD1973" s="85"/>
      <c r="BE1973" s="85"/>
      <c r="BF1973" s="85"/>
      <c r="BG1973" s="85"/>
      <c r="BH1973" s="85"/>
      <c r="BI1973" s="85"/>
      <c r="BJ1973" s="85"/>
      <c r="BK1973" s="85"/>
      <c r="BL1973" s="85"/>
      <c r="BM1973" s="85"/>
      <c r="BN1973" s="85"/>
      <c r="BO1973" s="85"/>
      <c r="BP1973" s="85"/>
      <c r="BQ1973" s="85"/>
      <c r="BR1973" s="85"/>
      <c r="BS1973" s="85"/>
      <c r="BT1973" s="85"/>
      <c r="BU1973" s="85"/>
      <c r="BV1973" s="85"/>
      <c r="BW1973" s="85"/>
      <c r="BX1973" s="85"/>
      <c r="BY1973" s="85"/>
      <c r="BZ1973" s="85"/>
      <c r="CA1973" s="85"/>
      <c r="CB1973" s="85"/>
      <c r="CC1973" s="85"/>
      <c r="CD1973" s="85"/>
      <c r="CE1973" s="85"/>
      <c r="CF1973" s="85"/>
      <c r="CG1973" s="85"/>
    </row>
    <row r="1974" spans="1:85" s="9" customFormat="1" x14ac:dyDescent="0.2">
      <c r="A1974" s="85"/>
      <c r="J1974" s="85"/>
      <c r="K1974" s="85"/>
      <c r="L1974" s="85"/>
      <c r="M1974" s="85"/>
      <c r="N1974" s="85"/>
      <c r="O1974" s="85"/>
      <c r="P1974" s="85"/>
      <c r="Q1974" s="85"/>
      <c r="R1974" s="85"/>
      <c r="S1974" s="85"/>
      <c r="T1974" s="85"/>
      <c r="U1974" s="85"/>
      <c r="V1974" s="85"/>
      <c r="W1974" s="85"/>
      <c r="X1974" s="85"/>
      <c r="Y1974" s="85"/>
      <c r="Z1974" s="85"/>
      <c r="AA1974" s="85"/>
      <c r="AB1974" s="85"/>
      <c r="AC1974" s="85"/>
      <c r="AD1974" s="85"/>
      <c r="AE1974" s="85"/>
      <c r="AF1974" s="85"/>
      <c r="AG1974" s="85"/>
      <c r="AH1974" s="85"/>
      <c r="AI1974" s="85"/>
      <c r="AJ1974" s="85"/>
      <c r="AK1974" s="85"/>
      <c r="AL1974" s="85"/>
      <c r="AM1974" s="85"/>
      <c r="AN1974" s="85"/>
      <c r="AO1974" s="85"/>
      <c r="AP1974" s="85"/>
      <c r="AQ1974" s="85"/>
      <c r="AR1974" s="85"/>
      <c r="AS1974" s="85"/>
      <c r="AT1974" s="85"/>
      <c r="AU1974" s="85"/>
      <c r="AV1974" s="85"/>
      <c r="AW1974" s="85"/>
      <c r="AX1974" s="85"/>
      <c r="AY1974" s="85"/>
      <c r="AZ1974" s="85"/>
      <c r="BA1974" s="85"/>
      <c r="BB1974" s="85"/>
      <c r="BC1974" s="85"/>
      <c r="BD1974" s="85"/>
      <c r="BE1974" s="85"/>
      <c r="BF1974" s="85"/>
      <c r="BG1974" s="85"/>
      <c r="BH1974" s="85"/>
      <c r="BI1974" s="85"/>
      <c r="BJ1974" s="85"/>
      <c r="BK1974" s="85"/>
      <c r="BL1974" s="85"/>
      <c r="BM1974" s="85"/>
      <c r="BN1974" s="85"/>
      <c r="BO1974" s="85"/>
      <c r="BP1974" s="85"/>
      <c r="BQ1974" s="85"/>
      <c r="BR1974" s="85"/>
      <c r="BS1974" s="85"/>
      <c r="BT1974" s="85"/>
      <c r="BU1974" s="85"/>
      <c r="BV1974" s="85"/>
      <c r="BW1974" s="85"/>
      <c r="BX1974" s="85"/>
      <c r="BY1974" s="85"/>
      <c r="BZ1974" s="85"/>
      <c r="CA1974" s="85"/>
      <c r="CB1974" s="85"/>
      <c r="CC1974" s="85"/>
      <c r="CD1974" s="85"/>
      <c r="CE1974" s="85"/>
      <c r="CF1974" s="85"/>
      <c r="CG1974" s="85"/>
    </row>
    <row r="1975" spans="1:85" s="9" customFormat="1" x14ac:dyDescent="0.2">
      <c r="A1975" s="85"/>
      <c r="J1975" s="85"/>
      <c r="K1975" s="85"/>
      <c r="L1975" s="85"/>
      <c r="M1975" s="85"/>
      <c r="N1975" s="85"/>
      <c r="O1975" s="85"/>
      <c r="P1975" s="85"/>
      <c r="Q1975" s="85"/>
      <c r="R1975" s="85"/>
      <c r="S1975" s="85"/>
      <c r="T1975" s="85"/>
      <c r="U1975" s="85"/>
      <c r="V1975" s="85"/>
      <c r="W1975" s="85"/>
      <c r="X1975" s="85"/>
      <c r="Y1975" s="85"/>
      <c r="Z1975" s="85"/>
      <c r="AA1975" s="85"/>
      <c r="AB1975" s="85"/>
      <c r="AC1975" s="85"/>
      <c r="AD1975" s="85"/>
      <c r="AE1975" s="85"/>
      <c r="AF1975" s="85"/>
      <c r="AG1975" s="85"/>
      <c r="AH1975" s="85"/>
      <c r="AI1975" s="85"/>
      <c r="AJ1975" s="85"/>
      <c r="AK1975" s="85"/>
      <c r="AL1975" s="85"/>
      <c r="AM1975" s="85"/>
      <c r="AN1975" s="85"/>
      <c r="AO1975" s="85"/>
      <c r="AP1975" s="85"/>
      <c r="AQ1975" s="85"/>
      <c r="AR1975" s="85"/>
      <c r="AS1975" s="85"/>
      <c r="AT1975" s="85"/>
      <c r="AU1975" s="85"/>
      <c r="AV1975" s="85"/>
      <c r="AW1975" s="85"/>
      <c r="AX1975" s="85"/>
      <c r="AY1975" s="85"/>
      <c r="AZ1975" s="85"/>
      <c r="BA1975" s="85"/>
      <c r="BB1975" s="85"/>
      <c r="BC1975" s="85"/>
      <c r="BD1975" s="85"/>
      <c r="BE1975" s="85"/>
      <c r="BF1975" s="85"/>
      <c r="BG1975" s="85"/>
      <c r="BH1975" s="85"/>
      <c r="BI1975" s="85"/>
      <c r="BJ1975" s="85"/>
      <c r="BK1975" s="85"/>
      <c r="BL1975" s="85"/>
      <c r="BM1975" s="85"/>
      <c r="BN1975" s="85"/>
      <c r="BO1975" s="85"/>
      <c r="BP1975" s="85"/>
      <c r="BQ1975" s="85"/>
      <c r="BR1975" s="85"/>
      <c r="BS1975" s="85"/>
      <c r="BT1975" s="85"/>
      <c r="BU1975" s="85"/>
      <c r="BV1975" s="85"/>
      <c r="BW1975" s="85"/>
      <c r="BX1975" s="85"/>
      <c r="BY1975" s="85"/>
      <c r="BZ1975" s="85"/>
      <c r="CA1975" s="85"/>
      <c r="CB1975" s="85"/>
      <c r="CC1975" s="85"/>
      <c r="CD1975" s="85"/>
      <c r="CE1975" s="85"/>
      <c r="CF1975" s="85"/>
      <c r="CG1975" s="85"/>
    </row>
    <row r="1976" spans="1:85" s="9" customFormat="1" x14ac:dyDescent="0.2">
      <c r="A1976" s="85"/>
      <c r="J1976" s="85"/>
      <c r="K1976" s="85"/>
      <c r="L1976" s="85"/>
      <c r="M1976" s="85"/>
      <c r="N1976" s="85"/>
      <c r="O1976" s="85"/>
      <c r="P1976" s="85"/>
      <c r="Q1976" s="85"/>
      <c r="R1976" s="85"/>
      <c r="S1976" s="85"/>
      <c r="T1976" s="85"/>
      <c r="U1976" s="85"/>
      <c r="V1976" s="85"/>
      <c r="W1976" s="85"/>
      <c r="X1976" s="85"/>
      <c r="Y1976" s="85"/>
      <c r="Z1976" s="85"/>
      <c r="AA1976" s="85"/>
      <c r="AB1976" s="85"/>
      <c r="AC1976" s="85"/>
      <c r="AD1976" s="85"/>
      <c r="AE1976" s="85"/>
      <c r="AF1976" s="85"/>
      <c r="AG1976" s="85"/>
      <c r="AH1976" s="85"/>
      <c r="AI1976" s="85"/>
      <c r="AJ1976" s="85"/>
      <c r="AK1976" s="85"/>
      <c r="AL1976" s="85"/>
      <c r="AM1976" s="85"/>
      <c r="AN1976" s="85"/>
      <c r="AO1976" s="85"/>
      <c r="AP1976" s="85"/>
      <c r="AQ1976" s="85"/>
      <c r="AR1976" s="85"/>
      <c r="AS1976" s="85"/>
      <c r="AT1976" s="85"/>
      <c r="AU1976" s="85"/>
      <c r="AV1976" s="85"/>
      <c r="AW1976" s="85"/>
      <c r="AX1976" s="85"/>
      <c r="AY1976" s="85"/>
      <c r="AZ1976" s="85"/>
      <c r="BA1976" s="85"/>
      <c r="BB1976" s="85"/>
      <c r="BC1976" s="85"/>
      <c r="BD1976" s="85"/>
      <c r="BE1976" s="85"/>
      <c r="BF1976" s="85"/>
      <c r="BG1976" s="85"/>
      <c r="BH1976" s="85"/>
      <c r="BI1976" s="85"/>
      <c r="BJ1976" s="85"/>
      <c r="BK1976" s="85"/>
      <c r="BL1976" s="85"/>
      <c r="BM1976" s="85"/>
      <c r="BN1976" s="85"/>
      <c r="BO1976" s="85"/>
      <c r="BP1976" s="85"/>
      <c r="BQ1976" s="85"/>
      <c r="BR1976" s="85"/>
      <c r="BS1976" s="85"/>
      <c r="BT1976" s="85"/>
      <c r="BU1976" s="85"/>
      <c r="BV1976" s="85"/>
      <c r="BW1976" s="85"/>
      <c r="BX1976" s="85"/>
      <c r="BY1976" s="85"/>
      <c r="BZ1976" s="85"/>
      <c r="CA1976" s="85"/>
      <c r="CB1976" s="85"/>
      <c r="CC1976" s="85"/>
      <c r="CD1976" s="85"/>
      <c r="CE1976" s="85"/>
      <c r="CF1976" s="85"/>
      <c r="CG1976" s="85"/>
    </row>
    <row r="1977" spans="1:85" s="9" customFormat="1" x14ac:dyDescent="0.2">
      <c r="A1977" s="85"/>
      <c r="J1977" s="85"/>
      <c r="K1977" s="85"/>
      <c r="L1977" s="85"/>
      <c r="M1977" s="85"/>
      <c r="N1977" s="85"/>
      <c r="O1977" s="85"/>
      <c r="P1977" s="85"/>
      <c r="Q1977" s="85"/>
      <c r="R1977" s="85"/>
      <c r="S1977" s="85"/>
      <c r="T1977" s="85"/>
      <c r="U1977" s="85"/>
      <c r="V1977" s="85"/>
      <c r="W1977" s="85"/>
      <c r="X1977" s="85"/>
      <c r="Y1977" s="85"/>
      <c r="Z1977" s="85"/>
      <c r="AA1977" s="85"/>
      <c r="AB1977" s="85"/>
      <c r="AC1977" s="85"/>
      <c r="AD1977" s="85"/>
      <c r="AE1977" s="85"/>
      <c r="AF1977" s="85"/>
      <c r="AG1977" s="85"/>
      <c r="AH1977" s="85"/>
      <c r="AI1977" s="85"/>
      <c r="AJ1977" s="85"/>
      <c r="AK1977" s="85"/>
      <c r="AL1977" s="85"/>
      <c r="AM1977" s="85"/>
      <c r="AN1977" s="85"/>
      <c r="AO1977" s="85"/>
      <c r="AP1977" s="85"/>
      <c r="AQ1977" s="85"/>
      <c r="AR1977" s="85"/>
      <c r="AS1977" s="85"/>
      <c r="AT1977" s="85"/>
      <c r="AU1977" s="85"/>
      <c r="AV1977" s="85"/>
      <c r="AW1977" s="85"/>
      <c r="AX1977" s="85"/>
      <c r="AY1977" s="85"/>
      <c r="AZ1977" s="85"/>
      <c r="BA1977" s="85"/>
      <c r="BB1977" s="85"/>
      <c r="BC1977" s="85"/>
      <c r="BD1977" s="85"/>
      <c r="BE1977" s="85"/>
      <c r="BF1977" s="85"/>
      <c r="BG1977" s="85"/>
      <c r="BH1977" s="85"/>
      <c r="BI1977" s="85"/>
      <c r="BJ1977" s="85"/>
      <c r="BK1977" s="85"/>
      <c r="BL1977" s="85"/>
      <c r="BM1977" s="85"/>
      <c r="BN1977" s="85"/>
      <c r="BO1977" s="85"/>
      <c r="BP1977" s="85"/>
      <c r="BQ1977" s="85"/>
      <c r="BR1977" s="85"/>
      <c r="BS1977" s="85"/>
      <c r="BT1977" s="85"/>
      <c r="BU1977" s="85"/>
      <c r="BV1977" s="85"/>
      <c r="BW1977" s="85"/>
      <c r="BX1977" s="85"/>
      <c r="BY1977" s="85"/>
      <c r="BZ1977" s="85"/>
      <c r="CA1977" s="85"/>
      <c r="CB1977" s="85"/>
      <c r="CC1977" s="85"/>
      <c r="CD1977" s="85"/>
      <c r="CE1977" s="85"/>
      <c r="CF1977" s="85"/>
      <c r="CG1977" s="85"/>
    </row>
    <row r="1978" spans="1:85" s="9" customFormat="1" x14ac:dyDescent="0.2">
      <c r="A1978" s="85"/>
      <c r="J1978" s="85"/>
      <c r="K1978" s="85"/>
      <c r="L1978" s="85"/>
      <c r="M1978" s="85"/>
      <c r="N1978" s="85"/>
      <c r="O1978" s="85"/>
      <c r="P1978" s="85"/>
      <c r="Q1978" s="85"/>
      <c r="R1978" s="85"/>
      <c r="S1978" s="85"/>
      <c r="T1978" s="85"/>
      <c r="U1978" s="85"/>
      <c r="V1978" s="85"/>
      <c r="W1978" s="85"/>
      <c r="X1978" s="85"/>
      <c r="Y1978" s="85"/>
      <c r="Z1978" s="85"/>
      <c r="AA1978" s="85"/>
      <c r="AB1978" s="85"/>
      <c r="AC1978" s="85"/>
      <c r="AD1978" s="85"/>
      <c r="AE1978" s="85"/>
      <c r="AF1978" s="85"/>
      <c r="AG1978" s="85"/>
      <c r="AH1978" s="85"/>
      <c r="AI1978" s="85"/>
      <c r="AJ1978" s="85"/>
      <c r="AK1978" s="85"/>
      <c r="AL1978" s="85"/>
      <c r="AM1978" s="85"/>
      <c r="AN1978" s="85"/>
      <c r="AO1978" s="85"/>
      <c r="AP1978" s="85"/>
      <c r="AQ1978" s="85"/>
      <c r="AR1978" s="85"/>
      <c r="AS1978" s="85"/>
      <c r="AT1978" s="85"/>
      <c r="AU1978" s="85"/>
      <c r="AV1978" s="85"/>
      <c r="AW1978" s="85"/>
      <c r="AX1978" s="85"/>
      <c r="AY1978" s="85"/>
      <c r="AZ1978" s="85"/>
      <c r="BA1978" s="85"/>
      <c r="BB1978" s="85"/>
      <c r="BC1978" s="85"/>
      <c r="BD1978" s="85"/>
      <c r="BE1978" s="85"/>
      <c r="BF1978" s="85"/>
      <c r="BG1978" s="85"/>
      <c r="BH1978" s="85"/>
      <c r="BI1978" s="85"/>
      <c r="BJ1978" s="85"/>
      <c r="BK1978" s="85"/>
      <c r="BL1978" s="85"/>
      <c r="BM1978" s="85"/>
      <c r="BN1978" s="85"/>
      <c r="BO1978" s="85"/>
      <c r="BP1978" s="85"/>
      <c r="BQ1978" s="85"/>
      <c r="BR1978" s="85"/>
      <c r="BS1978" s="85"/>
      <c r="BT1978" s="85"/>
      <c r="BU1978" s="85"/>
      <c r="BV1978" s="85"/>
      <c r="BW1978" s="85"/>
      <c r="BX1978" s="85"/>
      <c r="BY1978" s="85"/>
      <c r="BZ1978" s="85"/>
      <c r="CA1978" s="85"/>
      <c r="CB1978" s="85"/>
      <c r="CC1978" s="85"/>
      <c r="CD1978" s="85"/>
      <c r="CE1978" s="85"/>
      <c r="CF1978" s="85"/>
      <c r="CG1978" s="85"/>
    </row>
    <row r="1979" spans="1:85" s="9" customFormat="1" x14ac:dyDescent="0.2">
      <c r="A1979" s="85"/>
      <c r="J1979" s="85"/>
      <c r="K1979" s="85"/>
      <c r="L1979" s="85"/>
      <c r="M1979" s="85"/>
      <c r="N1979" s="85"/>
      <c r="O1979" s="85"/>
      <c r="P1979" s="85"/>
      <c r="Q1979" s="85"/>
      <c r="R1979" s="85"/>
      <c r="S1979" s="85"/>
      <c r="T1979" s="85"/>
      <c r="U1979" s="85"/>
      <c r="V1979" s="85"/>
      <c r="W1979" s="85"/>
      <c r="X1979" s="85"/>
      <c r="Y1979" s="85"/>
      <c r="Z1979" s="85"/>
      <c r="AA1979" s="85"/>
      <c r="AB1979" s="85"/>
      <c r="AC1979" s="85"/>
      <c r="AD1979" s="85"/>
      <c r="AE1979" s="85"/>
      <c r="AF1979" s="85"/>
      <c r="AG1979" s="85"/>
      <c r="AH1979" s="85"/>
      <c r="AI1979" s="85"/>
      <c r="AJ1979" s="85"/>
      <c r="AK1979" s="85"/>
      <c r="AL1979" s="85"/>
      <c r="AM1979" s="85"/>
      <c r="AN1979" s="85"/>
      <c r="AO1979" s="85"/>
      <c r="AP1979" s="85"/>
      <c r="AQ1979" s="85"/>
      <c r="AR1979" s="85"/>
      <c r="AS1979" s="85"/>
      <c r="AT1979" s="85"/>
      <c r="AU1979" s="85"/>
      <c r="AV1979" s="85"/>
      <c r="AW1979" s="85"/>
      <c r="AX1979" s="85"/>
      <c r="AY1979" s="85"/>
      <c r="AZ1979" s="85"/>
      <c r="BA1979" s="85"/>
      <c r="BB1979" s="85"/>
      <c r="BC1979" s="85"/>
      <c r="BD1979" s="85"/>
      <c r="BE1979" s="85"/>
      <c r="BF1979" s="85"/>
      <c r="BG1979" s="85"/>
      <c r="BH1979" s="85"/>
      <c r="BI1979" s="85"/>
      <c r="BJ1979" s="85"/>
      <c r="BK1979" s="85"/>
      <c r="BL1979" s="85"/>
      <c r="BM1979" s="85"/>
      <c r="BN1979" s="85"/>
      <c r="BO1979" s="85"/>
      <c r="BP1979" s="85"/>
      <c r="BQ1979" s="85"/>
      <c r="BR1979" s="85"/>
      <c r="BS1979" s="85"/>
      <c r="BT1979" s="85"/>
      <c r="BU1979" s="85"/>
      <c r="BV1979" s="85"/>
      <c r="BW1979" s="85"/>
      <c r="BX1979" s="85"/>
      <c r="BY1979" s="85"/>
      <c r="BZ1979" s="85"/>
      <c r="CA1979" s="85"/>
      <c r="CB1979" s="85"/>
      <c r="CC1979" s="85"/>
      <c r="CD1979" s="85"/>
      <c r="CE1979" s="85"/>
      <c r="CF1979" s="85"/>
      <c r="CG1979" s="85"/>
    </row>
    <row r="1980" spans="1:85" s="9" customFormat="1" x14ac:dyDescent="0.2">
      <c r="A1980" s="85"/>
      <c r="J1980" s="85"/>
      <c r="K1980" s="85"/>
      <c r="L1980" s="85"/>
      <c r="M1980" s="85"/>
      <c r="N1980" s="85"/>
      <c r="O1980" s="85"/>
      <c r="P1980" s="85"/>
      <c r="Q1980" s="85"/>
      <c r="R1980" s="85"/>
      <c r="S1980" s="85"/>
      <c r="T1980" s="85"/>
      <c r="U1980" s="85"/>
      <c r="V1980" s="85"/>
      <c r="W1980" s="85"/>
      <c r="X1980" s="85"/>
      <c r="Y1980" s="85"/>
      <c r="Z1980" s="85"/>
      <c r="AA1980" s="85"/>
      <c r="AB1980" s="85"/>
      <c r="AC1980" s="85"/>
      <c r="AD1980" s="85"/>
      <c r="AE1980" s="85"/>
      <c r="AF1980" s="85"/>
      <c r="AG1980" s="85"/>
      <c r="AH1980" s="85"/>
      <c r="AI1980" s="85"/>
      <c r="AJ1980" s="85"/>
      <c r="AK1980" s="85"/>
      <c r="AL1980" s="85"/>
      <c r="AM1980" s="85"/>
      <c r="AN1980" s="85"/>
      <c r="AO1980" s="85"/>
      <c r="AP1980" s="85"/>
      <c r="AQ1980" s="85"/>
      <c r="AR1980" s="85"/>
      <c r="AS1980" s="85"/>
      <c r="AT1980" s="85"/>
      <c r="AU1980" s="85"/>
      <c r="AV1980" s="85"/>
      <c r="AW1980" s="85"/>
      <c r="AX1980" s="85"/>
      <c r="AY1980" s="85"/>
      <c r="AZ1980" s="85"/>
      <c r="BA1980" s="85"/>
      <c r="BB1980" s="85"/>
      <c r="BC1980" s="85"/>
      <c r="BD1980" s="85"/>
      <c r="BE1980" s="85"/>
      <c r="BF1980" s="85"/>
      <c r="BG1980" s="85"/>
      <c r="BH1980" s="85"/>
      <c r="BI1980" s="85"/>
      <c r="BJ1980" s="85"/>
      <c r="BK1980" s="85"/>
      <c r="BL1980" s="85"/>
      <c r="BM1980" s="85"/>
      <c r="BN1980" s="85"/>
      <c r="BO1980" s="85"/>
      <c r="BP1980" s="85"/>
      <c r="BQ1980" s="85"/>
      <c r="BR1980" s="85"/>
      <c r="BS1980" s="85"/>
      <c r="BT1980" s="85"/>
      <c r="BU1980" s="85"/>
      <c r="BV1980" s="85"/>
      <c r="BW1980" s="85"/>
      <c r="BX1980" s="85"/>
      <c r="BY1980" s="85"/>
      <c r="BZ1980" s="85"/>
      <c r="CA1980" s="85"/>
      <c r="CB1980" s="85"/>
      <c r="CC1980" s="85"/>
      <c r="CD1980" s="85"/>
      <c r="CE1980" s="85"/>
      <c r="CF1980" s="85"/>
      <c r="CG1980" s="85"/>
    </row>
    <row r="1981" spans="1:85" s="9" customFormat="1" x14ac:dyDescent="0.2">
      <c r="A1981" s="85"/>
      <c r="J1981" s="85"/>
      <c r="K1981" s="85"/>
      <c r="L1981" s="85"/>
      <c r="M1981" s="85"/>
      <c r="N1981" s="85"/>
      <c r="O1981" s="85"/>
      <c r="P1981" s="85"/>
      <c r="Q1981" s="85"/>
      <c r="R1981" s="85"/>
      <c r="S1981" s="85"/>
      <c r="T1981" s="85"/>
      <c r="U1981" s="85"/>
      <c r="V1981" s="85"/>
      <c r="W1981" s="85"/>
      <c r="X1981" s="85"/>
      <c r="Y1981" s="85"/>
      <c r="Z1981" s="85"/>
      <c r="AA1981" s="85"/>
      <c r="AB1981" s="85"/>
      <c r="AC1981" s="85"/>
      <c r="AD1981" s="85"/>
      <c r="AE1981" s="85"/>
      <c r="AF1981" s="85"/>
      <c r="AG1981" s="85"/>
      <c r="AH1981" s="85"/>
      <c r="AI1981" s="85"/>
      <c r="AJ1981" s="85"/>
      <c r="AK1981" s="85"/>
      <c r="AL1981" s="85"/>
      <c r="AM1981" s="85"/>
      <c r="AN1981" s="85"/>
      <c r="AO1981" s="85"/>
      <c r="AP1981" s="85"/>
      <c r="AQ1981" s="85"/>
      <c r="AR1981" s="85"/>
      <c r="AS1981" s="85"/>
      <c r="AT1981" s="85"/>
      <c r="AU1981" s="85"/>
      <c r="AV1981" s="85"/>
      <c r="AW1981" s="85"/>
      <c r="AX1981" s="85"/>
      <c r="AY1981" s="85"/>
      <c r="AZ1981" s="85"/>
      <c r="BA1981" s="85"/>
      <c r="BB1981" s="85"/>
      <c r="BC1981" s="85"/>
      <c r="BD1981" s="85"/>
      <c r="BE1981" s="85"/>
      <c r="BF1981" s="85"/>
      <c r="BG1981" s="85"/>
      <c r="BH1981" s="85"/>
      <c r="BI1981" s="85"/>
      <c r="BJ1981" s="85"/>
      <c r="BK1981" s="85"/>
      <c r="BL1981" s="85"/>
      <c r="BM1981" s="85"/>
      <c r="BN1981" s="85"/>
      <c r="BO1981" s="85"/>
      <c r="BP1981" s="85"/>
      <c r="BQ1981" s="85"/>
      <c r="BR1981" s="85"/>
      <c r="BS1981" s="85"/>
      <c r="BT1981" s="85"/>
      <c r="BU1981" s="85"/>
      <c r="BV1981" s="85"/>
      <c r="BW1981" s="85"/>
      <c r="BX1981" s="85"/>
      <c r="BY1981" s="85"/>
      <c r="BZ1981" s="85"/>
      <c r="CA1981" s="85"/>
      <c r="CB1981" s="85"/>
      <c r="CC1981" s="85"/>
      <c r="CD1981" s="85"/>
      <c r="CE1981" s="85"/>
      <c r="CF1981" s="85"/>
      <c r="CG1981" s="85"/>
    </row>
    <row r="1982" spans="1:85" s="9" customFormat="1" x14ac:dyDescent="0.2">
      <c r="A1982" s="85"/>
      <c r="J1982" s="85"/>
      <c r="K1982" s="85"/>
      <c r="L1982" s="85"/>
      <c r="M1982" s="85"/>
      <c r="N1982" s="85"/>
      <c r="O1982" s="85"/>
      <c r="P1982" s="85"/>
      <c r="Q1982" s="85"/>
      <c r="R1982" s="85"/>
      <c r="S1982" s="85"/>
      <c r="T1982" s="85"/>
      <c r="U1982" s="85"/>
      <c r="V1982" s="85"/>
      <c r="W1982" s="85"/>
      <c r="X1982" s="85"/>
      <c r="Y1982" s="85"/>
      <c r="Z1982" s="85"/>
      <c r="AA1982" s="85"/>
      <c r="AB1982" s="85"/>
      <c r="AC1982" s="85"/>
      <c r="AD1982" s="85"/>
      <c r="AE1982" s="85"/>
      <c r="AF1982" s="85"/>
      <c r="AG1982" s="85"/>
      <c r="AH1982" s="85"/>
      <c r="AI1982" s="85"/>
      <c r="AJ1982" s="85"/>
      <c r="AK1982" s="85"/>
      <c r="AL1982" s="85"/>
      <c r="AM1982" s="85"/>
      <c r="AN1982" s="85"/>
      <c r="AO1982" s="85"/>
      <c r="AP1982" s="85"/>
      <c r="AQ1982" s="85"/>
      <c r="AR1982" s="85"/>
      <c r="AS1982" s="85"/>
      <c r="AT1982" s="85"/>
      <c r="AU1982" s="85"/>
      <c r="AV1982" s="85"/>
      <c r="AW1982" s="85"/>
      <c r="AX1982" s="85"/>
      <c r="AY1982" s="85"/>
      <c r="AZ1982" s="85"/>
      <c r="BA1982" s="85"/>
      <c r="BB1982" s="85"/>
      <c r="BC1982" s="85"/>
      <c r="BD1982" s="85"/>
      <c r="BE1982" s="85"/>
      <c r="BF1982" s="85"/>
      <c r="BG1982" s="85"/>
      <c r="BH1982" s="85"/>
      <c r="BI1982" s="85"/>
      <c r="BJ1982" s="85"/>
      <c r="BK1982" s="85"/>
      <c r="BL1982" s="85"/>
      <c r="BM1982" s="85"/>
      <c r="BN1982" s="85"/>
      <c r="BO1982" s="85"/>
      <c r="BP1982" s="85"/>
      <c r="BQ1982" s="85"/>
      <c r="BR1982" s="85"/>
      <c r="BS1982" s="85"/>
      <c r="BT1982" s="85"/>
      <c r="BU1982" s="85"/>
      <c r="BV1982" s="85"/>
      <c r="BW1982" s="85"/>
      <c r="BX1982" s="85"/>
      <c r="BY1982" s="85"/>
      <c r="BZ1982" s="85"/>
      <c r="CA1982" s="85"/>
      <c r="CB1982" s="85"/>
      <c r="CC1982" s="85"/>
      <c r="CD1982" s="85"/>
      <c r="CE1982" s="85"/>
      <c r="CF1982" s="85"/>
      <c r="CG1982" s="85"/>
    </row>
    <row r="1983" spans="1:85" s="9" customFormat="1" x14ac:dyDescent="0.2">
      <c r="A1983" s="85"/>
      <c r="J1983" s="85"/>
      <c r="K1983" s="85"/>
      <c r="L1983" s="85"/>
      <c r="M1983" s="85"/>
      <c r="N1983" s="85"/>
      <c r="O1983" s="85"/>
      <c r="P1983" s="85"/>
      <c r="Q1983" s="85"/>
      <c r="R1983" s="85"/>
      <c r="S1983" s="85"/>
      <c r="T1983" s="85"/>
      <c r="U1983" s="85"/>
      <c r="V1983" s="85"/>
      <c r="W1983" s="85"/>
      <c r="X1983" s="85"/>
      <c r="Y1983" s="85"/>
      <c r="Z1983" s="85"/>
      <c r="AA1983" s="85"/>
      <c r="AB1983" s="85"/>
      <c r="AC1983" s="85"/>
      <c r="AD1983" s="85"/>
      <c r="AE1983" s="85"/>
      <c r="AF1983" s="85"/>
      <c r="AG1983" s="85"/>
      <c r="AH1983" s="85"/>
      <c r="AI1983" s="85"/>
      <c r="AJ1983" s="85"/>
      <c r="AK1983" s="85"/>
      <c r="AL1983" s="85"/>
      <c r="AM1983" s="85"/>
      <c r="AN1983" s="85"/>
      <c r="AO1983" s="85"/>
      <c r="AP1983" s="85"/>
      <c r="AQ1983" s="85"/>
      <c r="AR1983" s="85"/>
      <c r="AS1983" s="85"/>
      <c r="AT1983" s="85"/>
      <c r="AU1983" s="85"/>
      <c r="AV1983" s="85"/>
      <c r="AW1983" s="85"/>
      <c r="AX1983" s="85"/>
      <c r="AY1983" s="85"/>
      <c r="AZ1983" s="85"/>
      <c r="BA1983" s="85"/>
      <c r="BB1983" s="85"/>
      <c r="BC1983" s="85"/>
      <c r="BD1983" s="85"/>
      <c r="BE1983" s="85"/>
      <c r="BF1983" s="85"/>
      <c r="BG1983" s="85"/>
      <c r="BH1983" s="85"/>
      <c r="BI1983" s="85"/>
      <c r="BJ1983" s="85"/>
      <c r="BK1983" s="85"/>
      <c r="BL1983" s="85"/>
      <c r="BM1983" s="85"/>
      <c r="BN1983" s="85"/>
      <c r="BO1983" s="85"/>
      <c r="BP1983" s="85"/>
      <c r="BQ1983" s="85"/>
      <c r="BR1983" s="85"/>
      <c r="BS1983" s="85"/>
      <c r="BT1983" s="85"/>
      <c r="BU1983" s="85"/>
      <c r="BV1983" s="85"/>
      <c r="BW1983" s="85"/>
      <c r="BX1983" s="85"/>
      <c r="BY1983" s="85"/>
      <c r="BZ1983" s="85"/>
      <c r="CA1983" s="85"/>
      <c r="CB1983" s="85"/>
      <c r="CC1983" s="85"/>
      <c r="CD1983" s="85"/>
      <c r="CE1983" s="85"/>
      <c r="CF1983" s="85"/>
      <c r="CG1983" s="85"/>
    </row>
    <row r="1984" spans="1:85" s="9" customFormat="1" x14ac:dyDescent="0.2">
      <c r="A1984" s="85"/>
      <c r="J1984" s="85"/>
      <c r="K1984" s="85"/>
      <c r="L1984" s="85"/>
      <c r="M1984" s="85"/>
      <c r="N1984" s="85"/>
      <c r="O1984" s="85"/>
      <c r="P1984" s="85"/>
      <c r="Q1984" s="85"/>
      <c r="R1984" s="85"/>
      <c r="S1984" s="85"/>
      <c r="T1984" s="85"/>
      <c r="U1984" s="85"/>
      <c r="V1984" s="85"/>
      <c r="W1984" s="85"/>
      <c r="X1984" s="85"/>
      <c r="Y1984" s="85"/>
      <c r="Z1984" s="85"/>
      <c r="AA1984" s="85"/>
      <c r="AB1984" s="85"/>
      <c r="AC1984" s="85"/>
      <c r="AD1984" s="85"/>
      <c r="AE1984" s="85"/>
      <c r="AF1984" s="85"/>
      <c r="AG1984" s="85"/>
      <c r="AH1984" s="85"/>
      <c r="AI1984" s="85"/>
      <c r="AJ1984" s="85"/>
      <c r="AK1984" s="85"/>
      <c r="AL1984" s="85"/>
      <c r="AM1984" s="85"/>
      <c r="AN1984" s="85"/>
      <c r="AO1984" s="85"/>
      <c r="AP1984" s="85"/>
      <c r="AQ1984" s="85"/>
      <c r="AR1984" s="85"/>
      <c r="AS1984" s="85"/>
      <c r="AT1984" s="85"/>
      <c r="AU1984" s="85"/>
      <c r="AV1984" s="85"/>
      <c r="AW1984" s="85"/>
      <c r="AX1984" s="85"/>
      <c r="AY1984" s="85"/>
      <c r="AZ1984" s="85"/>
      <c r="BA1984" s="85"/>
      <c r="BB1984" s="85"/>
      <c r="BC1984" s="85"/>
      <c r="BD1984" s="85"/>
      <c r="BE1984" s="85"/>
      <c r="BF1984" s="85"/>
      <c r="BG1984" s="85"/>
      <c r="BH1984" s="85"/>
      <c r="BI1984" s="85"/>
      <c r="BJ1984" s="85"/>
      <c r="BK1984" s="85"/>
      <c r="BL1984" s="85"/>
      <c r="BM1984" s="85"/>
      <c r="BN1984" s="85"/>
      <c r="BO1984" s="85"/>
      <c r="BP1984" s="85"/>
      <c r="BQ1984" s="85"/>
      <c r="BR1984" s="85"/>
      <c r="BS1984" s="85"/>
      <c r="BT1984" s="85"/>
      <c r="BU1984" s="85"/>
      <c r="BV1984" s="85"/>
      <c r="BW1984" s="85"/>
      <c r="BX1984" s="85"/>
      <c r="BY1984" s="85"/>
      <c r="BZ1984" s="85"/>
      <c r="CA1984" s="85"/>
      <c r="CB1984" s="85"/>
      <c r="CC1984" s="85"/>
      <c r="CD1984" s="85"/>
      <c r="CE1984" s="85"/>
      <c r="CF1984" s="85"/>
      <c r="CG1984" s="85"/>
    </row>
    <row r="1985" spans="1:85" s="9" customFormat="1" x14ac:dyDescent="0.2">
      <c r="A1985" s="85"/>
      <c r="J1985" s="85"/>
      <c r="K1985" s="85"/>
      <c r="L1985" s="85"/>
      <c r="M1985" s="85"/>
      <c r="N1985" s="85"/>
      <c r="O1985" s="85"/>
      <c r="P1985" s="85"/>
      <c r="Q1985" s="85"/>
      <c r="R1985" s="85"/>
      <c r="S1985" s="85"/>
      <c r="T1985" s="85"/>
      <c r="U1985" s="85"/>
      <c r="V1985" s="85"/>
      <c r="W1985" s="85"/>
      <c r="X1985" s="85"/>
      <c r="Y1985" s="85"/>
      <c r="Z1985" s="85"/>
      <c r="AA1985" s="85"/>
      <c r="AB1985" s="85"/>
      <c r="AC1985" s="85"/>
      <c r="AD1985" s="85"/>
      <c r="AE1985" s="85"/>
      <c r="AF1985" s="85"/>
      <c r="AG1985" s="85"/>
      <c r="AH1985" s="85"/>
      <c r="AI1985" s="85"/>
      <c r="AJ1985" s="85"/>
      <c r="AK1985" s="85"/>
      <c r="AL1985" s="85"/>
      <c r="AM1985" s="85"/>
      <c r="AN1985" s="85"/>
      <c r="AO1985" s="85"/>
      <c r="AP1985" s="85"/>
      <c r="AQ1985" s="85"/>
      <c r="AR1985" s="85"/>
      <c r="AS1985" s="85"/>
      <c r="AT1985" s="85"/>
      <c r="AU1985" s="85"/>
      <c r="AV1985" s="85"/>
      <c r="AW1985" s="85"/>
      <c r="AX1985" s="85"/>
      <c r="AY1985" s="85"/>
      <c r="AZ1985" s="85"/>
      <c r="BA1985" s="85"/>
      <c r="BB1985" s="85"/>
      <c r="BC1985" s="85"/>
      <c r="BD1985" s="85"/>
      <c r="BE1985" s="85"/>
      <c r="BF1985" s="85"/>
      <c r="BG1985" s="85"/>
      <c r="BH1985" s="85"/>
      <c r="BI1985" s="85"/>
      <c r="BJ1985" s="85"/>
      <c r="BK1985" s="85"/>
      <c r="BL1985" s="85"/>
      <c r="BM1985" s="85"/>
      <c r="BN1985" s="85"/>
      <c r="BO1985" s="85"/>
      <c r="BP1985" s="85"/>
      <c r="BQ1985" s="85"/>
      <c r="BR1985" s="85"/>
      <c r="BS1985" s="85"/>
      <c r="BT1985" s="85"/>
      <c r="BU1985" s="85"/>
      <c r="BV1985" s="85"/>
      <c r="BW1985" s="85"/>
      <c r="BX1985" s="85"/>
      <c r="BY1985" s="85"/>
      <c r="BZ1985" s="85"/>
      <c r="CA1985" s="85"/>
      <c r="CB1985" s="85"/>
      <c r="CC1985" s="85"/>
      <c r="CD1985" s="85"/>
      <c r="CE1985" s="85"/>
      <c r="CF1985" s="85"/>
      <c r="CG1985" s="85"/>
    </row>
    <row r="1986" spans="1:85" s="9" customFormat="1" x14ac:dyDescent="0.2">
      <c r="A1986" s="85"/>
      <c r="J1986" s="85"/>
      <c r="K1986" s="85"/>
      <c r="L1986" s="85"/>
      <c r="M1986" s="85"/>
      <c r="N1986" s="85"/>
      <c r="O1986" s="85"/>
      <c r="P1986" s="85"/>
      <c r="Q1986" s="85"/>
      <c r="R1986" s="85"/>
      <c r="S1986" s="85"/>
      <c r="T1986" s="85"/>
      <c r="U1986" s="85"/>
      <c r="V1986" s="85"/>
      <c r="W1986" s="85"/>
      <c r="X1986" s="85"/>
      <c r="Y1986" s="85"/>
      <c r="Z1986" s="85"/>
      <c r="AA1986" s="85"/>
      <c r="AB1986" s="85"/>
      <c r="AC1986" s="85"/>
      <c r="AD1986" s="85"/>
      <c r="AE1986" s="85"/>
      <c r="AF1986" s="85"/>
      <c r="AG1986" s="85"/>
      <c r="AH1986" s="85"/>
      <c r="AI1986" s="85"/>
      <c r="AJ1986" s="85"/>
      <c r="AK1986" s="85"/>
      <c r="AL1986" s="85"/>
      <c r="AM1986" s="85"/>
      <c r="AN1986" s="85"/>
      <c r="AO1986" s="85"/>
      <c r="AP1986" s="85"/>
      <c r="AQ1986" s="85"/>
      <c r="AR1986" s="85"/>
      <c r="AS1986" s="85"/>
      <c r="AT1986" s="85"/>
      <c r="AU1986" s="85"/>
      <c r="AV1986" s="85"/>
      <c r="AW1986" s="85"/>
      <c r="AX1986" s="85"/>
      <c r="AY1986" s="85"/>
      <c r="AZ1986" s="85"/>
      <c r="BA1986" s="85"/>
      <c r="BB1986" s="85"/>
      <c r="BC1986" s="85"/>
      <c r="BD1986" s="85"/>
      <c r="BE1986" s="85"/>
      <c r="BF1986" s="85"/>
      <c r="BG1986" s="85"/>
      <c r="BH1986" s="85"/>
      <c r="BI1986" s="85"/>
      <c r="BJ1986" s="85"/>
      <c r="BK1986" s="85"/>
      <c r="BL1986" s="85"/>
      <c r="BM1986" s="85"/>
      <c r="BN1986" s="85"/>
      <c r="BO1986" s="85"/>
      <c r="BP1986" s="85"/>
      <c r="BQ1986" s="85"/>
      <c r="BR1986" s="85"/>
      <c r="BS1986" s="85"/>
      <c r="BT1986" s="85"/>
      <c r="BU1986" s="85"/>
      <c r="BV1986" s="85"/>
      <c r="BW1986" s="85"/>
      <c r="BX1986" s="85"/>
      <c r="BY1986" s="85"/>
      <c r="BZ1986" s="85"/>
      <c r="CA1986" s="85"/>
      <c r="CB1986" s="85"/>
      <c r="CC1986" s="85"/>
      <c r="CD1986" s="85"/>
      <c r="CE1986" s="85"/>
      <c r="CF1986" s="85"/>
      <c r="CG1986" s="85"/>
    </row>
    <row r="1987" spans="1:85" s="9" customFormat="1" x14ac:dyDescent="0.2">
      <c r="A1987" s="85"/>
      <c r="J1987" s="85"/>
      <c r="K1987" s="85"/>
      <c r="L1987" s="85"/>
      <c r="M1987" s="85"/>
      <c r="N1987" s="85"/>
      <c r="O1987" s="85"/>
      <c r="P1987" s="85"/>
      <c r="Q1987" s="85"/>
      <c r="R1987" s="85"/>
      <c r="S1987" s="85"/>
      <c r="T1987" s="85"/>
      <c r="U1987" s="85"/>
      <c r="V1987" s="85"/>
      <c r="W1987" s="85"/>
      <c r="X1987" s="85"/>
      <c r="Y1987" s="85"/>
      <c r="Z1987" s="85"/>
      <c r="AA1987" s="85"/>
      <c r="AB1987" s="85"/>
      <c r="AC1987" s="85"/>
      <c r="AD1987" s="85"/>
      <c r="AE1987" s="85"/>
      <c r="AF1987" s="85"/>
      <c r="AG1987" s="85"/>
      <c r="AH1987" s="85"/>
      <c r="AI1987" s="85"/>
      <c r="AJ1987" s="85"/>
      <c r="AK1987" s="85"/>
      <c r="AL1987" s="85"/>
      <c r="AM1987" s="85"/>
      <c r="AN1987" s="85"/>
      <c r="AO1987" s="85"/>
      <c r="AP1987" s="85"/>
      <c r="AQ1987" s="85"/>
      <c r="AR1987" s="85"/>
      <c r="AS1987" s="85"/>
      <c r="AT1987" s="85"/>
      <c r="AU1987" s="85"/>
      <c r="AV1987" s="85"/>
      <c r="AW1987" s="85"/>
      <c r="AX1987" s="85"/>
      <c r="AY1987" s="85"/>
      <c r="AZ1987" s="85"/>
      <c r="BA1987" s="85"/>
      <c r="BB1987" s="85"/>
      <c r="BC1987" s="85"/>
      <c r="BD1987" s="85"/>
      <c r="BE1987" s="85"/>
      <c r="BF1987" s="85"/>
      <c r="BG1987" s="85"/>
      <c r="BH1987" s="85"/>
      <c r="BI1987" s="85"/>
      <c r="BJ1987" s="85"/>
      <c r="BK1987" s="85"/>
      <c r="BL1987" s="85"/>
      <c r="BM1987" s="85"/>
      <c r="BN1987" s="85"/>
      <c r="BO1987" s="85"/>
      <c r="BP1987" s="85"/>
      <c r="BQ1987" s="85"/>
      <c r="BR1987" s="85"/>
      <c r="BS1987" s="85"/>
      <c r="BT1987" s="85"/>
      <c r="BU1987" s="85"/>
      <c r="BV1987" s="85"/>
      <c r="BW1987" s="85"/>
      <c r="BX1987" s="85"/>
      <c r="BY1987" s="85"/>
      <c r="BZ1987" s="85"/>
      <c r="CA1987" s="85"/>
      <c r="CB1987" s="85"/>
      <c r="CC1987" s="85"/>
      <c r="CD1987" s="85"/>
      <c r="CE1987" s="85"/>
      <c r="CF1987" s="85"/>
      <c r="CG1987" s="85"/>
    </row>
    <row r="1988" spans="1:85" s="9" customFormat="1" x14ac:dyDescent="0.2">
      <c r="A1988" s="85"/>
      <c r="J1988" s="85"/>
      <c r="K1988" s="85"/>
      <c r="L1988" s="85"/>
      <c r="M1988" s="85"/>
      <c r="N1988" s="85"/>
      <c r="O1988" s="85"/>
      <c r="P1988" s="85"/>
      <c r="Q1988" s="85"/>
      <c r="R1988" s="85"/>
      <c r="S1988" s="85"/>
      <c r="T1988" s="85"/>
      <c r="U1988" s="85"/>
      <c r="V1988" s="85"/>
      <c r="W1988" s="85"/>
      <c r="X1988" s="85"/>
      <c r="Y1988" s="85"/>
      <c r="Z1988" s="85"/>
      <c r="AA1988" s="85"/>
      <c r="AB1988" s="85"/>
      <c r="AC1988" s="85"/>
      <c r="AD1988" s="85"/>
      <c r="AE1988" s="85"/>
      <c r="AF1988" s="85"/>
      <c r="AG1988" s="85"/>
      <c r="AH1988" s="85"/>
      <c r="AI1988" s="85"/>
      <c r="AJ1988" s="85"/>
      <c r="AK1988" s="85"/>
      <c r="AL1988" s="85"/>
      <c r="AM1988" s="85"/>
      <c r="AN1988" s="85"/>
      <c r="AO1988" s="85"/>
      <c r="AP1988" s="85"/>
      <c r="AQ1988" s="85"/>
      <c r="AR1988" s="85"/>
      <c r="AS1988" s="85"/>
      <c r="AT1988" s="85"/>
      <c r="AU1988" s="85"/>
      <c r="AV1988" s="85"/>
      <c r="AW1988" s="85"/>
      <c r="AX1988" s="85"/>
      <c r="AY1988" s="85"/>
      <c r="AZ1988" s="85"/>
      <c r="BA1988" s="85"/>
      <c r="BB1988" s="85"/>
      <c r="BC1988" s="85"/>
      <c r="BD1988" s="85"/>
      <c r="BE1988" s="85"/>
      <c r="BF1988" s="85"/>
      <c r="BG1988" s="85"/>
      <c r="BH1988" s="85"/>
      <c r="BI1988" s="85"/>
      <c r="BJ1988" s="85"/>
      <c r="BK1988" s="85"/>
      <c r="BL1988" s="85"/>
      <c r="BM1988" s="85"/>
      <c r="BN1988" s="85"/>
      <c r="BO1988" s="85"/>
      <c r="BP1988" s="85"/>
      <c r="BQ1988" s="85"/>
      <c r="BR1988" s="85"/>
      <c r="BS1988" s="85"/>
      <c r="BT1988" s="85"/>
      <c r="BU1988" s="85"/>
      <c r="BV1988" s="85"/>
      <c r="BW1988" s="85"/>
      <c r="BX1988" s="85"/>
      <c r="BY1988" s="85"/>
      <c r="BZ1988" s="85"/>
      <c r="CA1988" s="85"/>
      <c r="CB1988" s="85"/>
      <c r="CC1988" s="85"/>
      <c r="CD1988" s="85"/>
      <c r="CE1988" s="85"/>
      <c r="CF1988" s="85"/>
      <c r="CG1988" s="85"/>
    </row>
    <row r="1989" spans="1:85" s="9" customFormat="1" x14ac:dyDescent="0.2">
      <c r="A1989" s="85"/>
      <c r="J1989" s="85"/>
      <c r="K1989" s="85"/>
      <c r="L1989" s="85"/>
      <c r="M1989" s="85"/>
      <c r="N1989" s="85"/>
      <c r="O1989" s="85"/>
      <c r="P1989" s="85"/>
      <c r="Q1989" s="85"/>
      <c r="R1989" s="85"/>
      <c r="S1989" s="85"/>
      <c r="T1989" s="85"/>
      <c r="U1989" s="85"/>
      <c r="V1989" s="85"/>
      <c r="W1989" s="85"/>
      <c r="X1989" s="85"/>
      <c r="Y1989" s="85"/>
      <c r="Z1989" s="85"/>
      <c r="AA1989" s="85"/>
      <c r="AB1989" s="85"/>
      <c r="AC1989" s="85"/>
      <c r="AD1989" s="85"/>
      <c r="AE1989" s="85"/>
      <c r="AF1989" s="85"/>
      <c r="AG1989" s="85"/>
      <c r="AH1989" s="85"/>
      <c r="AI1989" s="85"/>
      <c r="AJ1989" s="85"/>
      <c r="AK1989" s="85"/>
      <c r="AL1989" s="85"/>
      <c r="AM1989" s="85"/>
      <c r="AN1989" s="85"/>
      <c r="AO1989" s="85"/>
      <c r="AP1989" s="85"/>
      <c r="AQ1989" s="85"/>
      <c r="AR1989" s="85"/>
      <c r="AS1989" s="85"/>
      <c r="AT1989" s="85"/>
      <c r="AU1989" s="85"/>
      <c r="AV1989" s="85"/>
      <c r="AW1989" s="85"/>
      <c r="AX1989" s="85"/>
      <c r="AY1989" s="85"/>
      <c r="AZ1989" s="85"/>
      <c r="BA1989" s="85"/>
      <c r="BB1989" s="85"/>
      <c r="BC1989" s="85"/>
      <c r="BD1989" s="85"/>
      <c r="BE1989" s="85"/>
      <c r="BF1989" s="85"/>
      <c r="BG1989" s="85"/>
      <c r="BH1989" s="85"/>
      <c r="BI1989" s="85"/>
      <c r="BJ1989" s="85"/>
      <c r="BK1989" s="85"/>
      <c r="BL1989" s="85"/>
      <c r="BM1989" s="85"/>
      <c r="BN1989" s="85"/>
      <c r="BO1989" s="85"/>
      <c r="BP1989" s="85"/>
      <c r="BQ1989" s="85"/>
      <c r="BR1989" s="85"/>
      <c r="BS1989" s="85"/>
      <c r="BT1989" s="85"/>
      <c r="BU1989" s="85"/>
      <c r="BV1989" s="85"/>
      <c r="BW1989" s="85"/>
      <c r="BX1989" s="85"/>
      <c r="BY1989" s="85"/>
      <c r="BZ1989" s="85"/>
      <c r="CA1989" s="85"/>
      <c r="CB1989" s="85"/>
      <c r="CC1989" s="85"/>
      <c r="CD1989" s="85"/>
      <c r="CE1989" s="85"/>
      <c r="CF1989" s="85"/>
      <c r="CG1989" s="85"/>
    </row>
    <row r="1990" spans="1:85" s="9" customFormat="1" x14ac:dyDescent="0.2">
      <c r="A1990" s="85"/>
      <c r="J1990" s="85"/>
      <c r="K1990" s="85"/>
      <c r="L1990" s="85"/>
      <c r="M1990" s="85"/>
      <c r="N1990" s="85"/>
      <c r="O1990" s="85"/>
      <c r="P1990" s="85"/>
      <c r="Q1990" s="85"/>
      <c r="R1990" s="85"/>
      <c r="S1990" s="85"/>
      <c r="T1990" s="85"/>
      <c r="U1990" s="85"/>
      <c r="V1990" s="85"/>
      <c r="W1990" s="85"/>
      <c r="X1990" s="85"/>
      <c r="Y1990" s="85"/>
      <c r="Z1990" s="85"/>
      <c r="AA1990" s="85"/>
      <c r="AB1990" s="85"/>
      <c r="AC1990" s="85"/>
      <c r="AD1990" s="85"/>
      <c r="AE1990" s="85"/>
      <c r="AF1990" s="85"/>
      <c r="AG1990" s="85"/>
      <c r="AH1990" s="85"/>
      <c r="AI1990" s="85"/>
      <c r="AJ1990" s="85"/>
      <c r="AK1990" s="85"/>
      <c r="AL1990" s="85"/>
      <c r="AM1990" s="85"/>
      <c r="AN1990" s="85"/>
      <c r="AO1990" s="85"/>
      <c r="AP1990" s="85"/>
      <c r="AQ1990" s="85"/>
      <c r="AR1990" s="85"/>
      <c r="AS1990" s="85"/>
      <c r="AT1990" s="85"/>
      <c r="AU1990" s="85"/>
      <c r="AV1990" s="85"/>
      <c r="AW1990" s="85"/>
      <c r="AX1990" s="85"/>
      <c r="AY1990" s="85"/>
      <c r="AZ1990" s="85"/>
      <c r="BA1990" s="85"/>
      <c r="BB1990" s="85"/>
      <c r="BC1990" s="85"/>
      <c r="BD1990" s="85"/>
      <c r="BE1990" s="85"/>
      <c r="BF1990" s="85"/>
      <c r="BG1990" s="85"/>
      <c r="BH1990" s="85"/>
      <c r="BI1990" s="85"/>
      <c r="BJ1990" s="85"/>
      <c r="BK1990" s="85"/>
      <c r="BL1990" s="85"/>
      <c r="BM1990" s="85"/>
      <c r="BN1990" s="85"/>
      <c r="BO1990" s="85"/>
      <c r="BP1990" s="85"/>
      <c r="BQ1990" s="85"/>
      <c r="BR1990" s="85"/>
      <c r="BS1990" s="85"/>
      <c r="BT1990" s="85"/>
      <c r="BU1990" s="85"/>
      <c r="BV1990" s="85"/>
      <c r="BW1990" s="85"/>
      <c r="BX1990" s="85"/>
      <c r="BY1990" s="85"/>
      <c r="BZ1990" s="85"/>
      <c r="CA1990" s="85"/>
      <c r="CB1990" s="85"/>
      <c r="CC1990" s="85"/>
      <c r="CD1990" s="85"/>
      <c r="CE1990" s="85"/>
      <c r="CF1990" s="85"/>
      <c r="CG1990" s="85"/>
    </row>
    <row r="1991" spans="1:85" s="9" customFormat="1" x14ac:dyDescent="0.2">
      <c r="A1991" s="85"/>
      <c r="J1991" s="85"/>
      <c r="K1991" s="85"/>
      <c r="L1991" s="85"/>
      <c r="M1991" s="85"/>
      <c r="N1991" s="85"/>
      <c r="O1991" s="85"/>
      <c r="P1991" s="85"/>
      <c r="Q1991" s="85"/>
      <c r="R1991" s="85"/>
      <c r="S1991" s="85"/>
      <c r="T1991" s="85"/>
      <c r="U1991" s="85"/>
      <c r="V1991" s="85"/>
      <c r="W1991" s="85"/>
      <c r="X1991" s="85"/>
      <c r="Y1991" s="85"/>
      <c r="Z1991" s="85"/>
      <c r="AA1991" s="85"/>
      <c r="AB1991" s="85"/>
      <c r="AC1991" s="85"/>
      <c r="AD1991" s="85"/>
      <c r="AE1991" s="85"/>
      <c r="AF1991" s="85"/>
      <c r="AG1991" s="85"/>
      <c r="AH1991" s="85"/>
      <c r="AI1991" s="85"/>
      <c r="AJ1991" s="85"/>
      <c r="AK1991" s="85"/>
      <c r="AL1991" s="85"/>
      <c r="AM1991" s="85"/>
      <c r="AN1991" s="85"/>
      <c r="AO1991" s="85"/>
      <c r="AP1991" s="85"/>
      <c r="AQ1991" s="85"/>
      <c r="AR1991" s="85"/>
      <c r="AS1991" s="85"/>
      <c r="AT1991" s="85"/>
      <c r="AU1991" s="85"/>
      <c r="AV1991" s="85"/>
      <c r="AW1991" s="85"/>
      <c r="AX1991" s="85"/>
      <c r="AY1991" s="85"/>
      <c r="AZ1991" s="85"/>
      <c r="BA1991" s="85"/>
      <c r="BB1991" s="85"/>
      <c r="BC1991" s="85"/>
      <c r="BD1991" s="85"/>
      <c r="BE1991" s="85"/>
      <c r="BF1991" s="85"/>
      <c r="BG1991" s="85"/>
      <c r="BH1991" s="85"/>
      <c r="BI1991" s="85"/>
      <c r="BJ1991" s="85"/>
      <c r="BK1991" s="85"/>
      <c r="BL1991" s="85"/>
      <c r="BM1991" s="85"/>
      <c r="BN1991" s="85"/>
      <c r="BO1991" s="85"/>
      <c r="BP1991" s="85"/>
      <c r="BQ1991" s="85"/>
      <c r="BR1991" s="85"/>
      <c r="BS1991" s="85"/>
      <c r="BT1991" s="85"/>
      <c r="BU1991" s="85"/>
      <c r="BV1991" s="85"/>
      <c r="BW1991" s="85"/>
      <c r="BX1991" s="85"/>
      <c r="BY1991" s="85"/>
      <c r="BZ1991" s="85"/>
      <c r="CA1991" s="85"/>
      <c r="CB1991" s="85"/>
      <c r="CC1991" s="85"/>
      <c r="CD1991" s="85"/>
      <c r="CE1991" s="85"/>
      <c r="CF1991" s="85"/>
      <c r="CG1991" s="85"/>
    </row>
    <row r="1992" spans="1:85" s="9" customFormat="1" x14ac:dyDescent="0.2">
      <c r="A1992" s="85"/>
      <c r="J1992" s="85"/>
      <c r="K1992" s="85"/>
      <c r="L1992" s="85"/>
      <c r="M1992" s="85"/>
      <c r="N1992" s="85"/>
      <c r="O1992" s="85"/>
      <c r="P1992" s="85"/>
      <c r="Q1992" s="85"/>
      <c r="R1992" s="85"/>
      <c r="S1992" s="85"/>
      <c r="T1992" s="85"/>
      <c r="U1992" s="85"/>
      <c r="V1992" s="85"/>
      <c r="W1992" s="85"/>
      <c r="X1992" s="85"/>
      <c r="Y1992" s="85"/>
      <c r="Z1992" s="85"/>
      <c r="AA1992" s="85"/>
      <c r="AB1992" s="85"/>
      <c r="AC1992" s="85"/>
      <c r="AD1992" s="85"/>
      <c r="AE1992" s="85"/>
      <c r="AF1992" s="85"/>
      <c r="AG1992" s="85"/>
      <c r="AH1992" s="85"/>
      <c r="AI1992" s="85"/>
      <c r="AJ1992" s="85"/>
      <c r="AK1992" s="85"/>
      <c r="AL1992" s="85"/>
      <c r="AM1992" s="85"/>
      <c r="AN1992" s="85"/>
      <c r="AO1992" s="85"/>
      <c r="AP1992" s="85"/>
      <c r="AQ1992" s="85"/>
      <c r="AR1992" s="85"/>
      <c r="AS1992" s="85"/>
      <c r="AT1992" s="85"/>
      <c r="AU1992" s="85"/>
      <c r="AV1992" s="85"/>
      <c r="AW1992" s="85"/>
      <c r="AX1992" s="85"/>
      <c r="AY1992" s="85"/>
      <c r="AZ1992" s="85"/>
      <c r="BA1992" s="85"/>
      <c r="BB1992" s="85"/>
      <c r="BC1992" s="85"/>
      <c r="BD1992" s="85"/>
      <c r="BE1992" s="85"/>
      <c r="BF1992" s="85"/>
      <c r="BG1992" s="85"/>
      <c r="BH1992" s="85"/>
      <c r="BI1992" s="85"/>
      <c r="BJ1992" s="85"/>
      <c r="BK1992" s="85"/>
      <c r="BL1992" s="85"/>
      <c r="BM1992" s="85"/>
      <c r="BN1992" s="85"/>
      <c r="BO1992" s="85"/>
      <c r="BP1992" s="85"/>
      <c r="BQ1992" s="85"/>
      <c r="BR1992" s="85"/>
      <c r="BS1992" s="85"/>
      <c r="BT1992" s="85"/>
      <c r="BU1992" s="85"/>
      <c r="BV1992" s="85"/>
      <c r="BW1992" s="85"/>
      <c r="BX1992" s="85"/>
      <c r="BY1992" s="85"/>
      <c r="BZ1992" s="85"/>
      <c r="CA1992" s="85"/>
      <c r="CB1992" s="85"/>
      <c r="CC1992" s="85"/>
      <c r="CD1992" s="85"/>
      <c r="CE1992" s="85"/>
      <c r="CF1992" s="85"/>
      <c r="CG1992" s="85"/>
    </row>
    <row r="1993" spans="1:85" s="9" customFormat="1" x14ac:dyDescent="0.2">
      <c r="A1993" s="85"/>
      <c r="J1993" s="85"/>
      <c r="K1993" s="85"/>
      <c r="L1993" s="85"/>
      <c r="M1993" s="85"/>
      <c r="N1993" s="85"/>
      <c r="O1993" s="85"/>
      <c r="P1993" s="85"/>
      <c r="Q1993" s="85"/>
      <c r="R1993" s="85"/>
      <c r="S1993" s="85"/>
      <c r="T1993" s="85"/>
      <c r="U1993" s="85"/>
      <c r="V1993" s="85"/>
      <c r="W1993" s="85"/>
      <c r="X1993" s="85"/>
      <c r="Y1993" s="85"/>
      <c r="Z1993" s="85"/>
      <c r="AA1993" s="85"/>
      <c r="AB1993" s="85"/>
      <c r="AC1993" s="85"/>
      <c r="AD1993" s="85"/>
      <c r="AE1993" s="85"/>
      <c r="AF1993" s="85"/>
      <c r="AG1993" s="85"/>
      <c r="AH1993" s="85"/>
      <c r="AI1993" s="85"/>
      <c r="AJ1993" s="85"/>
      <c r="AK1993" s="85"/>
      <c r="AL1993" s="85"/>
      <c r="AM1993" s="85"/>
      <c r="AN1993" s="85"/>
      <c r="AO1993" s="85"/>
      <c r="AP1993" s="85"/>
      <c r="AQ1993" s="85"/>
      <c r="AR1993" s="85"/>
      <c r="AS1993" s="85"/>
      <c r="AT1993" s="85"/>
      <c r="AU1993" s="85"/>
      <c r="AV1993" s="85"/>
      <c r="AW1993" s="85"/>
      <c r="AX1993" s="85"/>
      <c r="AY1993" s="85"/>
      <c r="AZ1993" s="85"/>
      <c r="BA1993" s="85"/>
      <c r="BB1993" s="85"/>
      <c r="BC1993" s="85"/>
      <c r="BD1993" s="85"/>
      <c r="BE1993" s="85"/>
      <c r="BF1993" s="85"/>
      <c r="BG1993" s="85"/>
      <c r="BH1993" s="85"/>
      <c r="BI1993" s="85"/>
      <c r="BJ1993" s="85"/>
      <c r="BK1993" s="85"/>
      <c r="BL1993" s="85"/>
      <c r="BM1993" s="85"/>
      <c r="BN1993" s="85"/>
      <c r="BO1993" s="85"/>
      <c r="BP1993" s="85"/>
      <c r="BQ1993" s="85"/>
      <c r="BR1993" s="85"/>
      <c r="BS1993" s="85"/>
      <c r="BT1993" s="85"/>
      <c r="BU1993" s="85"/>
      <c r="BV1993" s="85"/>
      <c r="BW1993" s="85"/>
      <c r="BX1993" s="85"/>
      <c r="BY1993" s="85"/>
      <c r="BZ1993" s="85"/>
      <c r="CA1993" s="85"/>
      <c r="CB1993" s="85"/>
      <c r="CC1993" s="85"/>
      <c r="CD1993" s="85"/>
      <c r="CE1993" s="85"/>
      <c r="CF1993" s="85"/>
      <c r="CG1993" s="85"/>
    </row>
    <row r="1994" spans="1:85" s="9" customFormat="1" x14ac:dyDescent="0.2">
      <c r="A1994" s="85"/>
      <c r="J1994" s="85"/>
      <c r="K1994" s="85"/>
      <c r="L1994" s="85"/>
      <c r="M1994" s="85"/>
      <c r="N1994" s="85"/>
      <c r="O1994" s="85"/>
      <c r="P1994" s="85"/>
      <c r="Q1994" s="85"/>
      <c r="R1994" s="85"/>
      <c r="S1994" s="85"/>
      <c r="T1994" s="85"/>
      <c r="U1994" s="85"/>
      <c r="V1994" s="85"/>
      <c r="W1994" s="85"/>
      <c r="X1994" s="85"/>
      <c r="Y1994" s="85"/>
      <c r="Z1994" s="85"/>
      <c r="AA1994" s="85"/>
      <c r="AB1994" s="85"/>
      <c r="AC1994" s="85"/>
      <c r="AD1994" s="85"/>
      <c r="AE1994" s="85"/>
      <c r="AF1994" s="85"/>
      <c r="AG1994" s="85"/>
      <c r="AH1994" s="85"/>
      <c r="AI1994" s="85"/>
      <c r="AJ1994" s="85"/>
      <c r="AK1994" s="85"/>
      <c r="AL1994" s="85"/>
      <c r="AM1994" s="85"/>
      <c r="AN1994" s="85"/>
      <c r="AO1994" s="85"/>
      <c r="AP1994" s="85"/>
      <c r="AQ1994" s="85"/>
      <c r="AR1994" s="85"/>
      <c r="AS1994" s="85"/>
      <c r="AT1994" s="85"/>
      <c r="AU1994" s="85"/>
      <c r="AV1994" s="85"/>
      <c r="AW1994" s="85"/>
      <c r="AX1994" s="85"/>
      <c r="AY1994" s="85"/>
      <c r="AZ1994" s="85"/>
      <c r="BA1994" s="85"/>
      <c r="BB1994" s="85"/>
      <c r="BC1994" s="85"/>
      <c r="BD1994" s="85"/>
      <c r="BE1994" s="85"/>
      <c r="BF1994" s="85"/>
      <c r="BG1994" s="85"/>
      <c r="BH1994" s="85"/>
      <c r="BI1994" s="85"/>
      <c r="BJ1994" s="85"/>
      <c r="BK1994" s="85"/>
      <c r="BL1994" s="85"/>
      <c r="BM1994" s="85"/>
      <c r="BN1994" s="85"/>
      <c r="BO1994" s="85"/>
      <c r="BP1994" s="85"/>
      <c r="BQ1994" s="85"/>
      <c r="BR1994" s="85"/>
      <c r="BS1994" s="85"/>
      <c r="BT1994" s="85"/>
      <c r="BU1994" s="85"/>
      <c r="BV1994" s="85"/>
      <c r="BW1994" s="85"/>
      <c r="BX1994" s="85"/>
      <c r="BY1994" s="85"/>
      <c r="BZ1994" s="85"/>
      <c r="CA1994" s="85"/>
      <c r="CB1994" s="85"/>
      <c r="CC1994" s="85"/>
      <c r="CD1994" s="85"/>
      <c r="CE1994" s="85"/>
      <c r="CF1994" s="85"/>
      <c r="CG1994" s="85"/>
    </row>
    <row r="1995" spans="1:85" s="9" customFormat="1" x14ac:dyDescent="0.2">
      <c r="A1995" s="85"/>
      <c r="J1995" s="85"/>
      <c r="K1995" s="85"/>
      <c r="L1995" s="85"/>
      <c r="M1995" s="85"/>
      <c r="N1995" s="85"/>
      <c r="O1995" s="85"/>
      <c r="P1995" s="85"/>
      <c r="Q1995" s="85"/>
      <c r="R1995" s="85"/>
      <c r="S1995" s="85"/>
      <c r="T1995" s="85"/>
      <c r="U1995" s="85"/>
      <c r="V1995" s="85"/>
      <c r="W1995" s="85"/>
      <c r="X1995" s="85"/>
      <c r="Y1995" s="85"/>
      <c r="Z1995" s="85"/>
      <c r="AA1995" s="85"/>
      <c r="AB1995" s="85"/>
      <c r="AC1995" s="85"/>
      <c r="AD1995" s="85"/>
      <c r="AE1995" s="85"/>
      <c r="AF1995" s="85"/>
      <c r="AG1995" s="85"/>
      <c r="AH1995" s="85"/>
      <c r="AI1995" s="85"/>
      <c r="AJ1995" s="85"/>
      <c r="AK1995" s="85"/>
      <c r="AL1995" s="85"/>
      <c r="AM1995" s="85"/>
      <c r="AN1995" s="85"/>
      <c r="AO1995" s="85"/>
      <c r="AP1995" s="85"/>
      <c r="AQ1995" s="85"/>
      <c r="AR1995" s="85"/>
      <c r="AS1995" s="85"/>
      <c r="AT1995" s="85"/>
      <c r="AU1995" s="85"/>
      <c r="AV1995" s="85"/>
      <c r="AW1995" s="85"/>
      <c r="AX1995" s="85"/>
      <c r="AY1995" s="85"/>
      <c r="AZ1995" s="85"/>
      <c r="BA1995" s="85"/>
      <c r="BB1995" s="85"/>
      <c r="BC1995" s="85"/>
      <c r="BD1995" s="85"/>
      <c r="BE1995" s="85"/>
      <c r="BF1995" s="85"/>
      <c r="BG1995" s="85"/>
      <c r="BH1995" s="85"/>
      <c r="BI1995" s="85"/>
      <c r="BJ1995" s="85"/>
      <c r="BK1995" s="85"/>
      <c r="BL1995" s="85"/>
      <c r="BM1995" s="85"/>
      <c r="BN1995" s="85"/>
      <c r="BO1995" s="85"/>
      <c r="BP1995" s="85"/>
      <c r="BQ1995" s="85"/>
      <c r="BR1995" s="85"/>
      <c r="BS1995" s="85"/>
      <c r="BT1995" s="85"/>
      <c r="BU1995" s="85"/>
      <c r="BV1995" s="85"/>
      <c r="BW1995" s="85"/>
      <c r="BX1995" s="85"/>
      <c r="BY1995" s="85"/>
      <c r="BZ1995" s="85"/>
      <c r="CA1995" s="85"/>
      <c r="CB1995" s="85"/>
      <c r="CC1995" s="85"/>
      <c r="CD1995" s="85"/>
      <c r="CE1995" s="85"/>
      <c r="CF1995" s="85"/>
      <c r="CG1995" s="85"/>
    </row>
    <row r="1996" spans="1:85" s="9" customFormat="1" x14ac:dyDescent="0.2">
      <c r="A1996" s="85"/>
      <c r="J1996" s="85"/>
      <c r="K1996" s="85"/>
      <c r="L1996" s="85"/>
      <c r="M1996" s="85"/>
      <c r="N1996" s="85"/>
      <c r="O1996" s="85"/>
      <c r="P1996" s="85"/>
      <c r="Q1996" s="85"/>
      <c r="R1996" s="85"/>
      <c r="S1996" s="85"/>
      <c r="T1996" s="85"/>
      <c r="U1996" s="85"/>
      <c r="V1996" s="85"/>
      <c r="W1996" s="85"/>
      <c r="X1996" s="85"/>
      <c r="Y1996" s="85"/>
      <c r="Z1996" s="85"/>
      <c r="AA1996" s="85"/>
      <c r="AB1996" s="85"/>
      <c r="AC1996" s="85"/>
      <c r="AD1996" s="85"/>
      <c r="AE1996" s="85"/>
      <c r="AF1996" s="85"/>
      <c r="AG1996" s="85"/>
      <c r="AH1996" s="85"/>
      <c r="AI1996" s="85"/>
      <c r="AJ1996" s="85"/>
      <c r="AK1996" s="85"/>
      <c r="AL1996" s="85"/>
      <c r="AM1996" s="85"/>
      <c r="AN1996" s="85"/>
      <c r="AO1996" s="85"/>
      <c r="AP1996" s="85"/>
      <c r="AQ1996" s="85"/>
      <c r="AR1996" s="85"/>
      <c r="AS1996" s="85"/>
      <c r="AT1996" s="85"/>
      <c r="AU1996" s="85"/>
      <c r="AV1996" s="85"/>
      <c r="AW1996" s="85"/>
      <c r="AX1996" s="85"/>
      <c r="AY1996" s="85"/>
      <c r="AZ1996" s="85"/>
      <c r="BA1996" s="85"/>
      <c r="BB1996" s="85"/>
      <c r="BC1996" s="85"/>
      <c r="BD1996" s="85"/>
      <c r="BE1996" s="85"/>
      <c r="BF1996" s="85"/>
      <c r="BG1996" s="85"/>
      <c r="BH1996" s="85"/>
      <c r="BI1996" s="85"/>
      <c r="BJ1996" s="85"/>
      <c r="BK1996" s="85"/>
      <c r="BL1996" s="85"/>
      <c r="BM1996" s="85"/>
      <c r="BN1996" s="85"/>
      <c r="BO1996" s="85"/>
      <c r="BP1996" s="85"/>
      <c r="BQ1996" s="85"/>
      <c r="BR1996" s="85"/>
      <c r="BS1996" s="85"/>
      <c r="BT1996" s="85"/>
      <c r="BU1996" s="85"/>
      <c r="BV1996" s="85"/>
      <c r="BW1996" s="85"/>
      <c r="BX1996" s="85"/>
      <c r="BY1996" s="85"/>
      <c r="BZ1996" s="85"/>
      <c r="CA1996" s="85"/>
      <c r="CB1996" s="85"/>
      <c r="CC1996" s="85"/>
      <c r="CD1996" s="85"/>
      <c r="CE1996" s="85"/>
      <c r="CF1996" s="85"/>
      <c r="CG1996" s="85"/>
    </row>
    <row r="1997" spans="1:85" s="9" customFormat="1" x14ac:dyDescent="0.2">
      <c r="A1997" s="85"/>
      <c r="J1997" s="85"/>
      <c r="K1997" s="85"/>
      <c r="L1997" s="85"/>
      <c r="M1997" s="85"/>
      <c r="N1997" s="85"/>
      <c r="O1997" s="85"/>
      <c r="P1997" s="85"/>
      <c r="Q1997" s="85"/>
      <c r="R1997" s="85"/>
      <c r="S1997" s="85"/>
      <c r="T1997" s="85"/>
      <c r="U1997" s="85"/>
      <c r="V1997" s="85"/>
      <c r="W1997" s="85"/>
      <c r="X1997" s="85"/>
      <c r="Y1997" s="85"/>
      <c r="Z1997" s="85"/>
      <c r="AA1997" s="85"/>
      <c r="AB1997" s="85"/>
      <c r="AC1997" s="85"/>
      <c r="AD1997" s="85"/>
      <c r="AE1997" s="85"/>
      <c r="AF1997" s="85"/>
      <c r="AG1997" s="85"/>
      <c r="AH1997" s="85"/>
      <c r="AI1997" s="85"/>
      <c r="AJ1997" s="85"/>
      <c r="AK1997" s="85"/>
      <c r="AL1997" s="85"/>
      <c r="AM1997" s="85"/>
      <c r="AN1997" s="85"/>
      <c r="AO1997" s="85"/>
      <c r="AP1997" s="85"/>
      <c r="AQ1997" s="85"/>
      <c r="AR1997" s="85"/>
      <c r="AS1997" s="85"/>
      <c r="AT1997" s="85"/>
      <c r="AU1997" s="85"/>
      <c r="AV1997" s="85"/>
      <c r="AW1997" s="85"/>
      <c r="AX1997" s="85"/>
      <c r="AY1997" s="85"/>
      <c r="AZ1997" s="85"/>
      <c r="BA1997" s="85"/>
      <c r="BB1997" s="85"/>
      <c r="BC1997" s="85"/>
      <c r="BD1997" s="85"/>
      <c r="BE1997" s="85"/>
      <c r="BF1997" s="85"/>
      <c r="BG1997" s="85"/>
      <c r="BH1997" s="85"/>
      <c r="BI1997" s="85"/>
      <c r="BJ1997" s="85"/>
      <c r="BK1997" s="85"/>
      <c r="BL1997" s="85"/>
      <c r="BM1997" s="85"/>
      <c r="BN1997" s="85"/>
      <c r="BO1997" s="85"/>
      <c r="BP1997" s="85"/>
      <c r="BQ1997" s="85"/>
      <c r="BR1997" s="85"/>
      <c r="BS1997" s="85"/>
      <c r="BT1997" s="85"/>
      <c r="BU1997" s="85"/>
      <c r="BV1997" s="85"/>
      <c r="BW1997" s="85"/>
      <c r="BX1997" s="85"/>
      <c r="BY1997" s="85"/>
      <c r="BZ1997" s="85"/>
      <c r="CA1997" s="85"/>
      <c r="CB1997" s="85"/>
      <c r="CC1997" s="85"/>
      <c r="CD1997" s="85"/>
      <c r="CE1997" s="85"/>
      <c r="CF1997" s="85"/>
      <c r="CG1997" s="85"/>
    </row>
    <row r="1998" spans="1:85" s="9" customFormat="1" x14ac:dyDescent="0.2">
      <c r="A1998" s="85"/>
      <c r="J1998" s="85"/>
      <c r="K1998" s="85"/>
      <c r="L1998" s="85"/>
      <c r="M1998" s="85"/>
      <c r="N1998" s="85"/>
      <c r="O1998" s="85"/>
      <c r="P1998" s="85"/>
      <c r="Q1998" s="85"/>
      <c r="R1998" s="85"/>
      <c r="S1998" s="85"/>
      <c r="T1998" s="85"/>
      <c r="U1998" s="85"/>
      <c r="V1998" s="85"/>
      <c r="W1998" s="85"/>
      <c r="X1998" s="85"/>
      <c r="Y1998" s="85"/>
      <c r="Z1998" s="85"/>
      <c r="AA1998" s="85"/>
      <c r="AB1998" s="85"/>
      <c r="AC1998" s="85"/>
      <c r="AD1998" s="85"/>
      <c r="AE1998" s="85"/>
      <c r="AF1998" s="85"/>
      <c r="AG1998" s="85"/>
      <c r="AH1998" s="85"/>
      <c r="AI1998" s="85"/>
      <c r="AJ1998" s="85"/>
      <c r="AK1998" s="85"/>
      <c r="AL1998" s="85"/>
      <c r="AM1998" s="85"/>
      <c r="AN1998" s="85"/>
      <c r="AO1998" s="85"/>
      <c r="AP1998" s="85"/>
      <c r="AQ1998" s="85"/>
      <c r="AR1998" s="85"/>
      <c r="AS1998" s="85"/>
      <c r="AT1998" s="85"/>
      <c r="AU1998" s="85"/>
      <c r="AV1998" s="85"/>
      <c r="AW1998" s="85"/>
      <c r="AX1998" s="85"/>
      <c r="AY1998" s="85"/>
      <c r="AZ1998" s="85"/>
      <c r="BA1998" s="85"/>
      <c r="BB1998" s="85"/>
      <c r="BC1998" s="85"/>
      <c r="BD1998" s="85"/>
      <c r="BE1998" s="85"/>
      <c r="BF1998" s="85"/>
      <c r="BG1998" s="85"/>
      <c r="BH1998" s="85"/>
      <c r="BI1998" s="85"/>
      <c r="BJ1998" s="85"/>
      <c r="BK1998" s="85"/>
      <c r="BL1998" s="85"/>
      <c r="BM1998" s="85"/>
      <c r="BN1998" s="85"/>
      <c r="BO1998" s="85"/>
      <c r="BP1998" s="85"/>
      <c r="BQ1998" s="85"/>
      <c r="BR1998" s="85"/>
      <c r="BS1998" s="85"/>
      <c r="BT1998" s="85"/>
      <c r="BU1998" s="85"/>
      <c r="BV1998" s="85"/>
      <c r="BW1998" s="85"/>
      <c r="BX1998" s="85"/>
      <c r="BY1998" s="85"/>
      <c r="BZ1998" s="85"/>
      <c r="CA1998" s="85"/>
      <c r="CB1998" s="85"/>
      <c r="CC1998" s="85"/>
      <c r="CD1998" s="85"/>
      <c r="CE1998" s="85"/>
      <c r="CF1998" s="85"/>
      <c r="CG1998" s="85"/>
    </row>
    <row r="1999" spans="1:85" s="9" customFormat="1" x14ac:dyDescent="0.2">
      <c r="A1999" s="85"/>
      <c r="J1999" s="85"/>
      <c r="K1999" s="85"/>
      <c r="L1999" s="85"/>
      <c r="M1999" s="85"/>
      <c r="N1999" s="85"/>
      <c r="O1999" s="85"/>
      <c r="P1999" s="85"/>
      <c r="Q1999" s="85"/>
      <c r="R1999" s="85"/>
      <c r="S1999" s="85"/>
      <c r="T1999" s="85"/>
      <c r="U1999" s="85"/>
      <c r="V1999" s="85"/>
      <c r="W1999" s="85"/>
      <c r="X1999" s="85"/>
      <c r="Y1999" s="85"/>
      <c r="Z1999" s="85"/>
      <c r="AA1999" s="85"/>
      <c r="AB1999" s="85"/>
      <c r="AC1999" s="85"/>
      <c r="AD1999" s="85"/>
      <c r="AE1999" s="85"/>
      <c r="AF1999" s="85"/>
      <c r="AG1999" s="85"/>
      <c r="AH1999" s="85"/>
      <c r="AI1999" s="85"/>
      <c r="AJ1999" s="85"/>
      <c r="AK1999" s="85"/>
      <c r="AL1999" s="85"/>
      <c r="AM1999" s="85"/>
      <c r="AN1999" s="85"/>
      <c r="AO1999" s="85"/>
      <c r="AP1999" s="85"/>
      <c r="AQ1999" s="85"/>
      <c r="AR1999" s="85"/>
      <c r="AS1999" s="85"/>
      <c r="AT1999" s="85"/>
      <c r="AU1999" s="85"/>
      <c r="AV1999" s="85"/>
      <c r="AW1999" s="85"/>
      <c r="AX1999" s="85"/>
      <c r="AY1999" s="85"/>
      <c r="AZ1999" s="85"/>
      <c r="BA1999" s="85"/>
      <c r="BB1999" s="85"/>
      <c r="BC1999" s="85"/>
      <c r="BD1999" s="85"/>
      <c r="BE1999" s="85"/>
      <c r="BF1999" s="85"/>
      <c r="BG1999" s="85"/>
      <c r="BH1999" s="85"/>
      <c r="BI1999" s="85"/>
      <c r="BJ1999" s="85"/>
      <c r="BK1999" s="85"/>
      <c r="BL1999" s="85"/>
      <c r="BM1999" s="85"/>
      <c r="BN1999" s="85"/>
      <c r="BO1999" s="85"/>
      <c r="BP1999" s="85"/>
      <c r="BQ1999" s="85"/>
      <c r="BR1999" s="85"/>
      <c r="BS1999" s="85"/>
      <c r="BT1999" s="85"/>
      <c r="BU1999" s="85"/>
      <c r="BV1999" s="85"/>
      <c r="BW1999" s="85"/>
      <c r="BX1999" s="85"/>
      <c r="BY1999" s="85"/>
      <c r="BZ1999" s="85"/>
      <c r="CA1999" s="85"/>
      <c r="CB1999" s="85"/>
      <c r="CC1999" s="85"/>
      <c r="CD1999" s="85"/>
      <c r="CE1999" s="85"/>
      <c r="CF1999" s="85"/>
      <c r="CG1999" s="85"/>
    </row>
    <row r="2000" spans="1:85" s="9" customFormat="1" x14ac:dyDescent="0.2">
      <c r="A2000" s="85"/>
      <c r="J2000" s="85"/>
      <c r="K2000" s="85"/>
      <c r="L2000" s="85"/>
      <c r="M2000" s="85"/>
      <c r="N2000" s="85"/>
      <c r="O2000" s="85"/>
      <c r="P2000" s="85"/>
      <c r="Q2000" s="85"/>
      <c r="R2000" s="85"/>
      <c r="S2000" s="85"/>
      <c r="T2000" s="85"/>
      <c r="U2000" s="85"/>
      <c r="V2000" s="85"/>
      <c r="W2000" s="85"/>
      <c r="X2000" s="85"/>
      <c r="Y2000" s="85"/>
      <c r="Z2000" s="85"/>
      <c r="AA2000" s="85"/>
      <c r="AB2000" s="85"/>
      <c r="AC2000" s="85"/>
      <c r="AD2000" s="85"/>
      <c r="AE2000" s="85"/>
      <c r="AF2000" s="85"/>
      <c r="AG2000" s="85"/>
      <c r="AH2000" s="85"/>
      <c r="AI2000" s="85"/>
      <c r="AJ2000" s="85"/>
      <c r="AK2000" s="85"/>
      <c r="AL2000" s="85"/>
      <c r="AM2000" s="85"/>
      <c r="AN2000" s="85"/>
      <c r="AO2000" s="85"/>
      <c r="AP2000" s="85"/>
      <c r="AQ2000" s="85"/>
      <c r="AR2000" s="85"/>
      <c r="AS2000" s="85"/>
      <c r="AT2000" s="85"/>
      <c r="AU2000" s="85"/>
      <c r="AV2000" s="85"/>
      <c r="AW2000" s="85"/>
      <c r="AX2000" s="85"/>
      <c r="AY2000" s="85"/>
      <c r="AZ2000" s="85"/>
      <c r="BA2000" s="85"/>
      <c r="BB2000" s="85"/>
      <c r="BC2000" s="85"/>
      <c r="BD2000" s="85"/>
      <c r="BE2000" s="85"/>
      <c r="BF2000" s="85"/>
      <c r="BG2000" s="85"/>
      <c r="BH2000" s="85"/>
      <c r="BI2000" s="85"/>
      <c r="BJ2000" s="85"/>
      <c r="BK2000" s="85"/>
      <c r="BL2000" s="85"/>
      <c r="BM2000" s="85"/>
      <c r="BN2000" s="85"/>
      <c r="BO2000" s="85"/>
      <c r="BP2000" s="85"/>
      <c r="BQ2000" s="85"/>
      <c r="BR2000" s="85"/>
      <c r="BS2000" s="85"/>
      <c r="BT2000" s="85"/>
      <c r="BU2000" s="85"/>
      <c r="BV2000" s="85"/>
      <c r="BW2000" s="85"/>
      <c r="BX2000" s="85"/>
      <c r="BY2000" s="85"/>
      <c r="BZ2000" s="85"/>
      <c r="CA2000" s="85"/>
      <c r="CB2000" s="85"/>
      <c r="CC2000" s="85"/>
      <c r="CD2000" s="85"/>
      <c r="CE2000" s="85"/>
      <c r="CF2000" s="85"/>
      <c r="CG2000" s="85"/>
    </row>
    <row r="2001" spans="1:85" s="9" customFormat="1" x14ac:dyDescent="0.2">
      <c r="A2001" s="85"/>
      <c r="J2001" s="85"/>
      <c r="K2001" s="85"/>
      <c r="L2001" s="85"/>
      <c r="M2001" s="85"/>
      <c r="N2001" s="85"/>
      <c r="O2001" s="85"/>
      <c r="P2001" s="85"/>
      <c r="Q2001" s="85"/>
      <c r="R2001" s="85"/>
      <c r="S2001" s="85"/>
      <c r="T2001" s="85"/>
      <c r="U2001" s="85"/>
      <c r="V2001" s="85"/>
      <c r="W2001" s="85"/>
      <c r="X2001" s="85"/>
      <c r="Y2001" s="85"/>
      <c r="Z2001" s="85"/>
      <c r="AA2001" s="85"/>
      <c r="AB2001" s="85"/>
      <c r="AC2001" s="85"/>
      <c r="AD2001" s="85"/>
      <c r="AE2001" s="85"/>
      <c r="AF2001" s="85"/>
      <c r="AG2001" s="85"/>
      <c r="AH2001" s="85"/>
      <c r="AI2001" s="85"/>
      <c r="AJ2001" s="85"/>
      <c r="AK2001" s="85"/>
      <c r="AL2001" s="85"/>
      <c r="AM2001" s="85"/>
      <c r="AN2001" s="85"/>
      <c r="AO2001" s="85"/>
      <c r="AP2001" s="85"/>
      <c r="AQ2001" s="85"/>
      <c r="AR2001" s="85"/>
      <c r="AS2001" s="85"/>
      <c r="AT2001" s="85"/>
      <c r="AU2001" s="85"/>
      <c r="AV2001" s="85"/>
      <c r="AW2001" s="85"/>
      <c r="AX2001" s="85"/>
      <c r="AY2001" s="85"/>
      <c r="AZ2001" s="85"/>
      <c r="BA2001" s="85"/>
      <c r="BB2001" s="85"/>
      <c r="BC2001" s="85"/>
      <c r="BD2001" s="85"/>
      <c r="BE2001" s="85"/>
      <c r="BF2001" s="85"/>
      <c r="BG2001" s="85"/>
      <c r="BH2001" s="85"/>
      <c r="BI2001" s="85"/>
      <c r="BJ2001" s="85"/>
      <c r="BK2001" s="85"/>
      <c r="BL2001" s="85"/>
      <c r="BM2001" s="85"/>
      <c r="BN2001" s="85"/>
      <c r="BO2001" s="85"/>
      <c r="BP2001" s="85"/>
      <c r="BQ2001" s="85"/>
      <c r="BR2001" s="85"/>
      <c r="BS2001" s="85"/>
      <c r="BT2001" s="85"/>
      <c r="BU2001" s="85"/>
      <c r="BV2001" s="85"/>
      <c r="BW2001" s="85"/>
      <c r="BX2001" s="85"/>
      <c r="BY2001" s="85"/>
      <c r="BZ2001" s="85"/>
      <c r="CA2001" s="85"/>
      <c r="CB2001" s="85"/>
      <c r="CC2001" s="85"/>
      <c r="CD2001" s="85"/>
      <c r="CE2001" s="85"/>
      <c r="CF2001" s="85"/>
      <c r="CG2001" s="85"/>
    </row>
    <row r="2002" spans="1:85" s="9" customFormat="1" x14ac:dyDescent="0.2">
      <c r="A2002" s="85"/>
      <c r="J2002" s="85"/>
      <c r="K2002" s="85"/>
      <c r="L2002" s="85"/>
      <c r="M2002" s="85"/>
      <c r="N2002" s="85"/>
      <c r="O2002" s="85"/>
      <c r="P2002" s="85"/>
      <c r="Q2002" s="85"/>
      <c r="R2002" s="85"/>
      <c r="S2002" s="85"/>
      <c r="T2002" s="85"/>
      <c r="U2002" s="85"/>
      <c r="V2002" s="85"/>
      <c r="W2002" s="85"/>
      <c r="X2002" s="85"/>
      <c r="Y2002" s="85"/>
      <c r="Z2002" s="85"/>
      <c r="AA2002" s="85"/>
      <c r="AB2002" s="85"/>
      <c r="AC2002" s="85"/>
      <c r="AD2002" s="85"/>
      <c r="AE2002" s="85"/>
      <c r="AF2002" s="85"/>
      <c r="AG2002" s="85"/>
      <c r="AH2002" s="85"/>
      <c r="AI2002" s="85"/>
      <c r="AJ2002" s="85"/>
      <c r="AK2002" s="85"/>
      <c r="AL2002" s="85"/>
      <c r="AM2002" s="85"/>
      <c r="AN2002" s="85"/>
      <c r="AO2002" s="85"/>
      <c r="AP2002" s="85"/>
      <c r="AQ2002" s="85"/>
      <c r="AR2002" s="85"/>
      <c r="AS2002" s="85"/>
      <c r="AT2002" s="85"/>
      <c r="AU2002" s="85"/>
      <c r="AV2002" s="85"/>
      <c r="AW2002" s="85"/>
      <c r="AX2002" s="85"/>
      <c r="AY2002" s="85"/>
      <c r="AZ2002" s="85"/>
      <c r="BA2002" s="85"/>
      <c r="BB2002" s="85"/>
      <c r="BC2002" s="85"/>
      <c r="BD2002" s="85"/>
      <c r="BE2002" s="85"/>
      <c r="BF2002" s="85"/>
      <c r="BG2002" s="85"/>
      <c r="BH2002" s="85"/>
      <c r="BI2002" s="85"/>
      <c r="BJ2002" s="85"/>
      <c r="BK2002" s="85"/>
      <c r="BL2002" s="85"/>
      <c r="BM2002" s="85"/>
      <c r="BN2002" s="85"/>
      <c r="BO2002" s="85"/>
      <c r="BP2002" s="85"/>
      <c r="BQ2002" s="85"/>
      <c r="BR2002" s="85"/>
      <c r="BS2002" s="85"/>
      <c r="BT2002" s="85"/>
      <c r="BU2002" s="85"/>
      <c r="BV2002" s="85"/>
      <c r="BW2002" s="85"/>
      <c r="BX2002" s="85"/>
      <c r="BY2002" s="85"/>
      <c r="BZ2002" s="85"/>
      <c r="CA2002" s="85"/>
      <c r="CB2002" s="85"/>
      <c r="CC2002" s="85"/>
      <c r="CD2002" s="85"/>
      <c r="CE2002" s="85"/>
      <c r="CF2002" s="85"/>
      <c r="CG2002" s="85"/>
    </row>
    <row r="2003" spans="1:85" s="9" customFormat="1" x14ac:dyDescent="0.2">
      <c r="A2003" s="85"/>
      <c r="J2003" s="85"/>
      <c r="K2003" s="85"/>
      <c r="L2003" s="85"/>
      <c r="M2003" s="85"/>
      <c r="N2003" s="85"/>
      <c r="O2003" s="85"/>
      <c r="P2003" s="85"/>
      <c r="Q2003" s="85"/>
      <c r="R2003" s="85"/>
      <c r="S2003" s="85"/>
      <c r="T2003" s="85"/>
      <c r="U2003" s="85"/>
      <c r="V2003" s="85"/>
      <c r="W2003" s="85"/>
      <c r="X2003" s="85"/>
      <c r="Y2003" s="85"/>
      <c r="Z2003" s="85"/>
      <c r="AA2003" s="85"/>
      <c r="AB2003" s="85"/>
      <c r="AC2003" s="85"/>
      <c r="AD2003" s="85"/>
      <c r="AE2003" s="85"/>
      <c r="AF2003" s="85"/>
      <c r="AG2003" s="85"/>
      <c r="AH2003" s="85"/>
      <c r="AI2003" s="85"/>
      <c r="AJ2003" s="85"/>
      <c r="AK2003" s="85"/>
      <c r="AL2003" s="85"/>
      <c r="AM2003" s="85"/>
      <c r="AN2003" s="85"/>
      <c r="AO2003" s="85"/>
      <c r="AP2003" s="85"/>
      <c r="AQ2003" s="85"/>
      <c r="AR2003" s="85"/>
      <c r="AS2003" s="85"/>
      <c r="AT2003" s="85"/>
      <c r="AU2003" s="85"/>
      <c r="AV2003" s="85"/>
      <c r="AW2003" s="85"/>
      <c r="AX2003" s="85"/>
      <c r="AY2003" s="85"/>
      <c r="AZ2003" s="85"/>
      <c r="BA2003" s="85"/>
      <c r="BB2003" s="85"/>
      <c r="BC2003" s="85"/>
      <c r="BD2003" s="85"/>
      <c r="BE2003" s="85"/>
      <c r="BF2003" s="85"/>
      <c r="BG2003" s="85"/>
      <c r="BH2003" s="85"/>
      <c r="BI2003" s="85"/>
      <c r="BJ2003" s="85"/>
      <c r="BK2003" s="85"/>
      <c r="BL2003" s="85"/>
      <c r="BM2003" s="85"/>
      <c r="BN2003" s="85"/>
      <c r="BO2003" s="85"/>
      <c r="BP2003" s="85"/>
      <c r="BQ2003" s="85"/>
      <c r="BR2003" s="85"/>
      <c r="BS2003" s="85"/>
      <c r="BT2003" s="85"/>
      <c r="BU2003" s="85"/>
      <c r="BV2003" s="85"/>
      <c r="BW2003" s="85"/>
      <c r="BX2003" s="85"/>
      <c r="BY2003" s="85"/>
      <c r="BZ2003" s="85"/>
      <c r="CA2003" s="85"/>
      <c r="CB2003" s="85"/>
      <c r="CC2003" s="85"/>
      <c r="CD2003" s="85"/>
      <c r="CE2003" s="85"/>
      <c r="CF2003" s="85"/>
      <c r="CG2003" s="85"/>
    </row>
    <row r="2004" spans="1:85" s="9" customFormat="1" x14ac:dyDescent="0.2">
      <c r="A2004" s="85"/>
      <c r="J2004" s="85"/>
      <c r="K2004" s="85"/>
      <c r="L2004" s="85"/>
      <c r="M2004" s="85"/>
      <c r="N2004" s="85"/>
      <c r="O2004" s="85"/>
      <c r="P2004" s="85"/>
      <c r="Q2004" s="85"/>
      <c r="R2004" s="85"/>
      <c r="S2004" s="85"/>
      <c r="T2004" s="85"/>
      <c r="U2004" s="85"/>
      <c r="V2004" s="85"/>
      <c r="W2004" s="85"/>
      <c r="X2004" s="85"/>
      <c r="Y2004" s="85"/>
      <c r="Z2004" s="85"/>
      <c r="AA2004" s="85"/>
      <c r="AB2004" s="85"/>
      <c r="AC2004" s="85"/>
      <c r="AD2004" s="85"/>
      <c r="AE2004" s="85"/>
      <c r="AF2004" s="85"/>
      <c r="AG2004" s="85"/>
      <c r="AH2004" s="85"/>
      <c r="AI2004" s="85"/>
      <c r="AJ2004" s="85"/>
      <c r="AK2004" s="85"/>
      <c r="AL2004" s="85"/>
      <c r="AM2004" s="85"/>
      <c r="AN2004" s="85"/>
      <c r="AO2004" s="85"/>
      <c r="AP2004" s="85"/>
      <c r="AQ2004" s="85"/>
      <c r="AR2004" s="85"/>
      <c r="AS2004" s="85"/>
      <c r="AT2004" s="85"/>
      <c r="AU2004" s="85"/>
      <c r="AV2004" s="85"/>
      <c r="AW2004" s="85"/>
      <c r="AX2004" s="85"/>
      <c r="AY2004" s="85"/>
      <c r="AZ2004" s="85"/>
      <c r="BA2004" s="85"/>
      <c r="BB2004" s="85"/>
      <c r="BC2004" s="85"/>
      <c r="BD2004" s="85"/>
      <c r="BE2004" s="85"/>
      <c r="BF2004" s="85"/>
      <c r="BG2004" s="85"/>
      <c r="BH2004" s="85"/>
      <c r="BI2004" s="85"/>
      <c r="BJ2004" s="85"/>
      <c r="BK2004" s="85"/>
      <c r="BL2004" s="85"/>
      <c r="BM2004" s="85"/>
      <c r="BN2004" s="85"/>
      <c r="BO2004" s="85"/>
      <c r="BP2004" s="85"/>
      <c r="BQ2004" s="85"/>
      <c r="BR2004" s="85"/>
      <c r="BS2004" s="85"/>
      <c r="BT2004" s="85"/>
      <c r="BU2004" s="85"/>
      <c r="BV2004" s="85"/>
      <c r="BW2004" s="85"/>
      <c r="BX2004" s="85"/>
      <c r="BY2004" s="85"/>
      <c r="BZ2004" s="85"/>
      <c r="CA2004" s="85"/>
      <c r="CB2004" s="85"/>
      <c r="CC2004" s="85"/>
      <c r="CD2004" s="85"/>
      <c r="CE2004" s="85"/>
      <c r="CF2004" s="85"/>
      <c r="CG2004" s="85"/>
    </row>
    <row r="2005" spans="1:85" s="9" customFormat="1" x14ac:dyDescent="0.2">
      <c r="A2005" s="85"/>
      <c r="J2005" s="85"/>
      <c r="K2005" s="85"/>
      <c r="L2005" s="85"/>
      <c r="M2005" s="85"/>
      <c r="N2005" s="85"/>
      <c r="O2005" s="85"/>
      <c r="P2005" s="85"/>
      <c r="Q2005" s="85"/>
      <c r="R2005" s="85"/>
      <c r="S2005" s="85"/>
      <c r="T2005" s="85"/>
      <c r="U2005" s="85"/>
      <c r="V2005" s="85"/>
      <c r="W2005" s="85"/>
      <c r="X2005" s="85"/>
      <c r="Y2005" s="85"/>
      <c r="Z2005" s="85"/>
      <c r="AA2005" s="85"/>
      <c r="AB2005" s="85"/>
      <c r="AC2005" s="85"/>
      <c r="AD2005" s="85"/>
      <c r="AE2005" s="85"/>
      <c r="AF2005" s="85"/>
      <c r="AG2005" s="85"/>
      <c r="AH2005" s="85"/>
      <c r="AI2005" s="85"/>
      <c r="AJ2005" s="85"/>
      <c r="AK2005" s="85"/>
      <c r="AL2005" s="85"/>
      <c r="AM2005" s="85"/>
      <c r="AN2005" s="85"/>
      <c r="AO2005" s="85"/>
      <c r="AP2005" s="85"/>
      <c r="AQ2005" s="85"/>
      <c r="AR2005" s="85"/>
      <c r="AS2005" s="85"/>
      <c r="AT2005" s="85"/>
      <c r="AU2005" s="85"/>
      <c r="AV2005" s="85"/>
      <c r="AW2005" s="85"/>
      <c r="AX2005" s="85"/>
      <c r="AY2005" s="85"/>
      <c r="AZ2005" s="85"/>
      <c r="BA2005" s="85"/>
      <c r="BB2005" s="85"/>
      <c r="BC2005" s="85"/>
      <c r="BD2005" s="85"/>
      <c r="BE2005" s="85"/>
      <c r="BF2005" s="85"/>
      <c r="BG2005" s="85"/>
      <c r="BH2005" s="85"/>
      <c r="BI2005" s="85"/>
      <c r="BJ2005" s="85"/>
      <c r="BK2005" s="85"/>
      <c r="BL2005" s="85"/>
      <c r="BM2005" s="85"/>
      <c r="BN2005" s="85"/>
      <c r="BO2005" s="85"/>
      <c r="BP2005" s="85"/>
      <c r="BQ2005" s="85"/>
      <c r="BR2005" s="85"/>
      <c r="BS2005" s="85"/>
      <c r="BT2005" s="85"/>
      <c r="BU2005" s="85"/>
      <c r="BV2005" s="85"/>
      <c r="BW2005" s="85"/>
      <c r="BX2005" s="85"/>
      <c r="BY2005" s="85"/>
      <c r="BZ2005" s="85"/>
      <c r="CA2005" s="85"/>
      <c r="CB2005" s="85"/>
      <c r="CC2005" s="85"/>
      <c r="CD2005" s="85"/>
      <c r="CE2005" s="85"/>
      <c r="CF2005" s="85"/>
      <c r="CG2005" s="85"/>
    </row>
    <row r="2006" spans="1:85" s="9" customFormat="1" x14ac:dyDescent="0.2">
      <c r="A2006" s="85"/>
      <c r="J2006" s="85"/>
      <c r="K2006" s="85"/>
      <c r="L2006" s="85"/>
      <c r="M2006" s="85"/>
      <c r="N2006" s="85"/>
      <c r="O2006" s="85"/>
      <c r="P2006" s="85"/>
      <c r="Q2006" s="85"/>
      <c r="R2006" s="85"/>
      <c r="S2006" s="85"/>
      <c r="T2006" s="85"/>
      <c r="U2006" s="85"/>
      <c r="V2006" s="85"/>
      <c r="W2006" s="85"/>
      <c r="X2006" s="85"/>
      <c r="Y2006" s="85"/>
      <c r="Z2006" s="85"/>
      <c r="AA2006" s="85"/>
      <c r="AB2006" s="85"/>
      <c r="AC2006" s="85"/>
      <c r="AD2006" s="85"/>
      <c r="AE2006" s="85"/>
      <c r="AF2006" s="85"/>
      <c r="AG2006" s="85"/>
      <c r="AH2006" s="85"/>
      <c r="AI2006" s="85"/>
      <c r="AJ2006" s="85"/>
      <c r="AK2006" s="85"/>
      <c r="AL2006" s="85"/>
      <c r="AM2006" s="85"/>
      <c r="AN2006" s="85"/>
      <c r="AO2006" s="85"/>
      <c r="AP2006" s="85"/>
      <c r="AQ2006" s="85"/>
      <c r="AR2006" s="85"/>
      <c r="AS2006" s="85"/>
      <c r="AT2006" s="85"/>
      <c r="AU2006" s="85"/>
      <c r="AV2006" s="85"/>
      <c r="AW2006" s="85"/>
      <c r="AX2006" s="85"/>
      <c r="AY2006" s="85"/>
      <c r="AZ2006" s="85"/>
      <c r="BA2006" s="85"/>
      <c r="BB2006" s="85"/>
      <c r="BC2006" s="85"/>
      <c r="BD2006" s="85"/>
      <c r="BE2006" s="85"/>
      <c r="BF2006" s="85"/>
      <c r="BG2006" s="85"/>
      <c r="BH2006" s="85"/>
      <c r="BI2006" s="85"/>
      <c r="BJ2006" s="85"/>
      <c r="BK2006" s="85"/>
      <c r="BL2006" s="85"/>
      <c r="BM2006" s="85"/>
      <c r="BN2006" s="85"/>
      <c r="BO2006" s="85"/>
      <c r="BP2006" s="85"/>
      <c r="BQ2006" s="85"/>
      <c r="BR2006" s="85"/>
      <c r="BS2006" s="85"/>
      <c r="BT2006" s="85"/>
      <c r="BU2006" s="85"/>
      <c r="BV2006" s="85"/>
      <c r="BW2006" s="85"/>
      <c r="BX2006" s="85"/>
      <c r="BY2006" s="85"/>
      <c r="BZ2006" s="85"/>
      <c r="CA2006" s="85"/>
      <c r="CB2006" s="85"/>
      <c r="CC2006" s="85"/>
      <c r="CD2006" s="85"/>
      <c r="CE2006" s="85"/>
      <c r="CF2006" s="85"/>
      <c r="CG2006" s="85"/>
    </row>
    <row r="2007" spans="1:85" s="9" customFormat="1" x14ac:dyDescent="0.2">
      <c r="A2007" s="85"/>
      <c r="J2007" s="85"/>
      <c r="K2007" s="85"/>
      <c r="L2007" s="85"/>
      <c r="M2007" s="85"/>
      <c r="N2007" s="85"/>
      <c r="O2007" s="85"/>
      <c r="P2007" s="85"/>
      <c r="Q2007" s="85"/>
      <c r="R2007" s="85"/>
      <c r="S2007" s="85"/>
      <c r="T2007" s="85"/>
      <c r="U2007" s="85"/>
      <c r="V2007" s="85"/>
      <c r="W2007" s="85"/>
      <c r="X2007" s="85"/>
      <c r="Y2007" s="85"/>
      <c r="Z2007" s="85"/>
      <c r="AA2007" s="85"/>
      <c r="AB2007" s="85"/>
      <c r="AC2007" s="85"/>
      <c r="AD2007" s="85"/>
      <c r="AE2007" s="85"/>
      <c r="AF2007" s="85"/>
      <c r="AG2007" s="85"/>
      <c r="AH2007" s="85"/>
      <c r="AI2007" s="85"/>
      <c r="AJ2007" s="85"/>
      <c r="AK2007" s="85"/>
      <c r="AL2007" s="85"/>
      <c r="AM2007" s="85"/>
      <c r="AN2007" s="85"/>
      <c r="AO2007" s="85"/>
      <c r="AP2007" s="85"/>
      <c r="AQ2007" s="85"/>
      <c r="AR2007" s="85"/>
      <c r="AS2007" s="85"/>
      <c r="AT2007" s="85"/>
      <c r="AU2007" s="85"/>
      <c r="AV2007" s="85"/>
      <c r="AW2007" s="85"/>
      <c r="AX2007" s="85"/>
      <c r="AY2007" s="85"/>
      <c r="AZ2007" s="85"/>
      <c r="BA2007" s="85"/>
      <c r="BB2007" s="85"/>
      <c r="BC2007" s="85"/>
      <c r="BD2007" s="85"/>
      <c r="BE2007" s="85"/>
      <c r="BF2007" s="85"/>
      <c r="BG2007" s="85"/>
      <c r="BH2007" s="85"/>
      <c r="BI2007" s="85"/>
      <c r="BJ2007" s="85"/>
      <c r="BK2007" s="85"/>
      <c r="BL2007" s="85"/>
      <c r="BM2007" s="85"/>
      <c r="BN2007" s="85"/>
      <c r="BO2007" s="85"/>
      <c r="BP2007" s="85"/>
      <c r="BQ2007" s="85"/>
      <c r="BR2007" s="85"/>
      <c r="BS2007" s="85"/>
      <c r="BT2007" s="85"/>
      <c r="BU2007" s="85"/>
      <c r="BV2007" s="85"/>
      <c r="BW2007" s="85"/>
      <c r="BX2007" s="85"/>
      <c r="BY2007" s="85"/>
      <c r="BZ2007" s="85"/>
      <c r="CA2007" s="85"/>
      <c r="CB2007" s="85"/>
      <c r="CC2007" s="85"/>
      <c r="CD2007" s="85"/>
      <c r="CE2007" s="85"/>
      <c r="CF2007" s="85"/>
      <c r="CG2007" s="85"/>
    </row>
    <row r="2008" spans="1:85" s="9" customFormat="1" x14ac:dyDescent="0.2">
      <c r="A2008" s="85"/>
      <c r="J2008" s="85"/>
      <c r="K2008" s="85"/>
      <c r="L2008" s="85"/>
      <c r="M2008" s="85"/>
      <c r="N2008" s="85"/>
      <c r="O2008" s="85"/>
      <c r="P2008" s="85"/>
      <c r="Q2008" s="85"/>
      <c r="R2008" s="85"/>
      <c r="S2008" s="85"/>
      <c r="T2008" s="85"/>
      <c r="U2008" s="85"/>
      <c r="V2008" s="85"/>
      <c r="W2008" s="85"/>
      <c r="X2008" s="85"/>
      <c r="Y2008" s="85"/>
      <c r="Z2008" s="85"/>
      <c r="AA2008" s="85"/>
      <c r="AB2008" s="85"/>
      <c r="AC2008" s="85"/>
      <c r="AD2008" s="85"/>
      <c r="AE2008" s="85"/>
      <c r="AF2008" s="85"/>
      <c r="AG2008" s="85"/>
      <c r="AH2008" s="85"/>
      <c r="AI2008" s="85"/>
      <c r="AJ2008" s="85"/>
      <c r="AK2008" s="85"/>
      <c r="AL2008" s="85"/>
      <c r="AM2008" s="85"/>
      <c r="AN2008" s="85"/>
      <c r="AO2008" s="85"/>
      <c r="AP2008" s="85"/>
      <c r="AQ2008" s="85"/>
      <c r="AR2008" s="85"/>
      <c r="AS2008" s="85"/>
      <c r="AT2008" s="85"/>
      <c r="AU2008" s="85"/>
      <c r="AV2008" s="85"/>
      <c r="AW2008" s="85"/>
      <c r="AX2008" s="85"/>
      <c r="AY2008" s="85"/>
      <c r="AZ2008" s="85"/>
      <c r="BA2008" s="85"/>
      <c r="BB2008" s="85"/>
      <c r="BC2008" s="85"/>
      <c r="BD2008" s="85"/>
      <c r="BE2008" s="85"/>
      <c r="BF2008" s="85"/>
      <c r="BG2008" s="85"/>
      <c r="BH2008" s="85"/>
      <c r="BI2008" s="85"/>
      <c r="BJ2008" s="85"/>
      <c r="BK2008" s="85"/>
      <c r="BL2008" s="85"/>
      <c r="BM2008" s="85"/>
      <c r="BN2008" s="85"/>
      <c r="BO2008" s="85"/>
      <c r="BP2008" s="85"/>
      <c r="BQ2008" s="85"/>
      <c r="BR2008" s="85"/>
      <c r="BS2008" s="85"/>
      <c r="BT2008" s="85"/>
      <c r="BU2008" s="85"/>
      <c r="BV2008" s="85"/>
      <c r="BW2008" s="85"/>
      <c r="BX2008" s="85"/>
      <c r="BY2008" s="85"/>
      <c r="BZ2008" s="85"/>
      <c r="CA2008" s="85"/>
      <c r="CB2008" s="85"/>
      <c r="CC2008" s="85"/>
      <c r="CD2008" s="85"/>
      <c r="CE2008" s="85"/>
      <c r="CF2008" s="85"/>
      <c r="CG2008" s="85"/>
    </row>
    <row r="2009" spans="1:85" s="9" customFormat="1" x14ac:dyDescent="0.2">
      <c r="A2009" s="85"/>
      <c r="J2009" s="85"/>
      <c r="K2009" s="85"/>
      <c r="L2009" s="85"/>
      <c r="M2009" s="85"/>
      <c r="N2009" s="85"/>
      <c r="O2009" s="85"/>
      <c r="P2009" s="85"/>
      <c r="Q2009" s="85"/>
      <c r="R2009" s="85"/>
      <c r="S2009" s="85"/>
      <c r="T2009" s="85"/>
      <c r="U2009" s="85"/>
      <c r="V2009" s="85"/>
      <c r="W2009" s="85"/>
      <c r="X2009" s="85"/>
      <c r="Y2009" s="85"/>
      <c r="Z2009" s="85"/>
      <c r="AA2009" s="85"/>
      <c r="AB2009" s="85"/>
      <c r="AC2009" s="85"/>
      <c r="AD2009" s="85"/>
      <c r="AE2009" s="85"/>
      <c r="AF2009" s="85"/>
      <c r="AG2009" s="85"/>
      <c r="AH2009" s="85"/>
      <c r="AI2009" s="85"/>
      <c r="AJ2009" s="85"/>
      <c r="AK2009" s="85"/>
      <c r="AL2009" s="85"/>
      <c r="AM2009" s="85"/>
      <c r="AN2009" s="85"/>
      <c r="AO2009" s="85"/>
      <c r="AP2009" s="85"/>
      <c r="AQ2009" s="85"/>
      <c r="AR2009" s="85"/>
      <c r="AS2009" s="85"/>
      <c r="AT2009" s="85"/>
      <c r="AU2009" s="85"/>
      <c r="AV2009" s="85"/>
      <c r="AW2009" s="85"/>
      <c r="AX2009" s="85"/>
      <c r="AY2009" s="85"/>
      <c r="AZ2009" s="85"/>
      <c r="BA2009" s="85"/>
      <c r="BB2009" s="85"/>
      <c r="BC2009" s="85"/>
      <c r="BD2009" s="85"/>
      <c r="BE2009" s="85"/>
      <c r="BF2009" s="85"/>
      <c r="BG2009" s="85"/>
      <c r="BH2009" s="85"/>
      <c r="BI2009" s="85"/>
      <c r="BJ2009" s="85"/>
      <c r="BK2009" s="85"/>
      <c r="BL2009" s="85"/>
      <c r="BM2009" s="85"/>
      <c r="BN2009" s="85"/>
      <c r="BO2009" s="85"/>
      <c r="BP2009" s="85"/>
      <c r="BQ2009" s="85"/>
      <c r="BR2009" s="85"/>
      <c r="BS2009" s="85"/>
      <c r="BT2009" s="85"/>
      <c r="BU2009" s="85"/>
      <c r="BV2009" s="85"/>
      <c r="BW2009" s="85"/>
      <c r="BX2009" s="85"/>
      <c r="BY2009" s="85"/>
      <c r="BZ2009" s="85"/>
      <c r="CA2009" s="85"/>
      <c r="CB2009" s="85"/>
      <c r="CC2009" s="85"/>
      <c r="CD2009" s="85"/>
      <c r="CE2009" s="85"/>
      <c r="CF2009" s="85"/>
      <c r="CG2009" s="85"/>
    </row>
    <row r="2010" spans="1:85" s="9" customFormat="1" x14ac:dyDescent="0.2">
      <c r="A2010" s="85"/>
      <c r="J2010" s="85"/>
      <c r="K2010" s="85"/>
      <c r="L2010" s="85"/>
      <c r="M2010" s="85"/>
      <c r="N2010" s="85"/>
      <c r="O2010" s="85"/>
      <c r="P2010" s="85"/>
      <c r="Q2010" s="85"/>
      <c r="R2010" s="85"/>
      <c r="S2010" s="85"/>
      <c r="T2010" s="85"/>
      <c r="U2010" s="85"/>
      <c r="V2010" s="85"/>
      <c r="W2010" s="85"/>
      <c r="X2010" s="85"/>
      <c r="Y2010" s="85"/>
      <c r="Z2010" s="85"/>
      <c r="AA2010" s="85"/>
      <c r="AB2010" s="85"/>
      <c r="AC2010" s="85"/>
      <c r="AD2010" s="85"/>
      <c r="AE2010" s="85"/>
      <c r="AF2010" s="85"/>
      <c r="AG2010" s="85"/>
      <c r="AH2010" s="85"/>
      <c r="AI2010" s="85"/>
      <c r="AJ2010" s="85"/>
      <c r="AK2010" s="85"/>
      <c r="AL2010" s="85"/>
      <c r="AM2010" s="85"/>
      <c r="AN2010" s="85"/>
      <c r="AO2010" s="85"/>
      <c r="AP2010" s="85"/>
      <c r="AQ2010" s="85"/>
      <c r="AR2010" s="85"/>
      <c r="AS2010" s="85"/>
      <c r="AT2010" s="85"/>
      <c r="AU2010" s="85"/>
      <c r="AV2010" s="85"/>
      <c r="AW2010" s="85"/>
      <c r="AX2010" s="85"/>
      <c r="AY2010" s="85"/>
      <c r="AZ2010" s="85"/>
      <c r="BA2010" s="85"/>
      <c r="BB2010" s="85"/>
      <c r="BC2010" s="85"/>
      <c r="BD2010" s="85"/>
      <c r="BE2010" s="85"/>
      <c r="BF2010" s="85"/>
      <c r="BG2010" s="85"/>
      <c r="BH2010" s="85"/>
      <c r="BI2010" s="85"/>
      <c r="BJ2010" s="85"/>
      <c r="BK2010" s="85"/>
      <c r="BL2010" s="85"/>
      <c r="BM2010" s="85"/>
      <c r="BN2010" s="85"/>
      <c r="BO2010" s="85"/>
      <c r="BP2010" s="85"/>
      <c r="BQ2010" s="85"/>
      <c r="BR2010" s="85"/>
      <c r="BS2010" s="85"/>
      <c r="BT2010" s="85"/>
      <c r="BU2010" s="85"/>
      <c r="BV2010" s="85"/>
      <c r="BW2010" s="85"/>
      <c r="BX2010" s="85"/>
      <c r="BY2010" s="85"/>
      <c r="BZ2010" s="85"/>
      <c r="CA2010" s="85"/>
      <c r="CB2010" s="85"/>
      <c r="CC2010" s="85"/>
      <c r="CD2010" s="85"/>
      <c r="CE2010" s="85"/>
      <c r="CF2010" s="85"/>
      <c r="CG2010" s="85"/>
    </row>
    <row r="2011" spans="1:85" s="9" customFormat="1" x14ac:dyDescent="0.2">
      <c r="A2011" s="85"/>
      <c r="J2011" s="85"/>
      <c r="K2011" s="85"/>
      <c r="L2011" s="85"/>
      <c r="M2011" s="85"/>
      <c r="N2011" s="85"/>
      <c r="O2011" s="85"/>
      <c r="P2011" s="85"/>
      <c r="Q2011" s="85"/>
      <c r="R2011" s="85"/>
      <c r="S2011" s="85"/>
      <c r="T2011" s="85"/>
      <c r="U2011" s="85"/>
      <c r="V2011" s="85"/>
      <c r="W2011" s="85"/>
      <c r="X2011" s="85"/>
      <c r="Y2011" s="85"/>
      <c r="Z2011" s="85"/>
      <c r="AA2011" s="85"/>
      <c r="AB2011" s="85"/>
      <c r="AC2011" s="85"/>
      <c r="AD2011" s="85"/>
      <c r="AE2011" s="85"/>
      <c r="AF2011" s="85"/>
      <c r="AG2011" s="85"/>
      <c r="AH2011" s="85"/>
      <c r="AI2011" s="85"/>
      <c r="AJ2011" s="85"/>
      <c r="AK2011" s="85"/>
      <c r="AL2011" s="85"/>
      <c r="AM2011" s="85"/>
      <c r="AN2011" s="85"/>
      <c r="AO2011" s="85"/>
      <c r="AP2011" s="85"/>
      <c r="AQ2011" s="85"/>
      <c r="AR2011" s="85"/>
      <c r="AS2011" s="85"/>
      <c r="AT2011" s="85"/>
      <c r="AU2011" s="85"/>
      <c r="AV2011" s="85"/>
      <c r="AW2011" s="85"/>
      <c r="AX2011" s="85"/>
      <c r="AY2011" s="85"/>
      <c r="AZ2011" s="85"/>
      <c r="BA2011" s="85"/>
      <c r="BB2011" s="85"/>
      <c r="BC2011" s="85"/>
      <c r="BD2011" s="85"/>
      <c r="BE2011" s="85"/>
      <c r="BF2011" s="85"/>
      <c r="BG2011" s="85"/>
      <c r="BH2011" s="85"/>
      <c r="BI2011" s="85"/>
      <c r="BJ2011" s="85"/>
      <c r="BK2011" s="85"/>
      <c r="BL2011" s="85"/>
      <c r="BM2011" s="85"/>
      <c r="BN2011" s="85"/>
      <c r="BO2011" s="85"/>
      <c r="BP2011" s="85"/>
      <c r="BQ2011" s="85"/>
      <c r="BR2011" s="85"/>
      <c r="BS2011" s="85"/>
      <c r="BT2011" s="85"/>
      <c r="BU2011" s="85"/>
      <c r="BV2011" s="85"/>
      <c r="BW2011" s="85"/>
      <c r="BX2011" s="85"/>
      <c r="BY2011" s="85"/>
      <c r="BZ2011" s="85"/>
      <c r="CA2011" s="85"/>
      <c r="CB2011" s="85"/>
      <c r="CC2011" s="85"/>
      <c r="CD2011" s="85"/>
      <c r="CE2011" s="85"/>
      <c r="CF2011" s="85"/>
      <c r="CG2011" s="85"/>
    </row>
    <row r="2012" spans="1:85" s="9" customFormat="1" x14ac:dyDescent="0.2">
      <c r="A2012" s="85"/>
      <c r="J2012" s="85"/>
      <c r="K2012" s="85"/>
      <c r="L2012" s="85"/>
      <c r="M2012" s="85"/>
      <c r="N2012" s="85"/>
      <c r="O2012" s="85"/>
      <c r="P2012" s="85"/>
      <c r="Q2012" s="85"/>
      <c r="R2012" s="85"/>
      <c r="S2012" s="85"/>
      <c r="T2012" s="85"/>
      <c r="U2012" s="85"/>
      <c r="V2012" s="85"/>
      <c r="W2012" s="85"/>
      <c r="X2012" s="85"/>
      <c r="Y2012" s="85"/>
      <c r="Z2012" s="85"/>
      <c r="AA2012" s="85"/>
      <c r="AB2012" s="85"/>
      <c r="AC2012" s="85"/>
      <c r="AD2012" s="85"/>
      <c r="AE2012" s="85"/>
      <c r="AF2012" s="85"/>
      <c r="AG2012" s="85"/>
      <c r="AH2012" s="85"/>
      <c r="AI2012" s="85"/>
      <c r="AJ2012" s="85"/>
      <c r="AK2012" s="85"/>
      <c r="AL2012" s="85"/>
      <c r="AM2012" s="85"/>
      <c r="AN2012" s="85"/>
      <c r="AO2012" s="85"/>
      <c r="AP2012" s="85"/>
      <c r="AQ2012" s="85"/>
      <c r="AR2012" s="85"/>
      <c r="AS2012" s="85"/>
      <c r="AT2012" s="85"/>
      <c r="AU2012" s="85"/>
      <c r="AV2012" s="85"/>
      <c r="AW2012" s="85"/>
      <c r="AX2012" s="85"/>
      <c r="AY2012" s="85"/>
      <c r="AZ2012" s="85"/>
      <c r="BA2012" s="85"/>
      <c r="BB2012" s="85"/>
      <c r="BC2012" s="85"/>
      <c r="BD2012" s="85"/>
      <c r="BE2012" s="85"/>
      <c r="BF2012" s="85"/>
      <c r="BG2012" s="85"/>
      <c r="BH2012" s="85"/>
      <c r="BI2012" s="85"/>
      <c r="BJ2012" s="85"/>
      <c r="BK2012" s="85"/>
      <c r="BL2012" s="85"/>
      <c r="BM2012" s="85"/>
      <c r="BN2012" s="85"/>
      <c r="BO2012" s="85"/>
      <c r="BP2012" s="85"/>
      <c r="BQ2012" s="85"/>
      <c r="BR2012" s="85"/>
      <c r="BS2012" s="85"/>
      <c r="BT2012" s="85"/>
      <c r="BU2012" s="85"/>
      <c r="BV2012" s="85"/>
      <c r="BW2012" s="85"/>
      <c r="BX2012" s="85"/>
      <c r="BY2012" s="85"/>
      <c r="BZ2012" s="85"/>
      <c r="CA2012" s="85"/>
      <c r="CB2012" s="85"/>
      <c r="CC2012" s="85"/>
      <c r="CD2012" s="85"/>
      <c r="CE2012" s="85"/>
      <c r="CF2012" s="85"/>
      <c r="CG2012" s="85"/>
    </row>
    <row r="2013" spans="1:85" s="9" customFormat="1" x14ac:dyDescent="0.2">
      <c r="A2013" s="85"/>
      <c r="J2013" s="85"/>
      <c r="K2013" s="85"/>
      <c r="L2013" s="85"/>
      <c r="M2013" s="85"/>
      <c r="N2013" s="85"/>
      <c r="O2013" s="85"/>
      <c r="P2013" s="85"/>
      <c r="Q2013" s="85"/>
      <c r="R2013" s="85"/>
      <c r="S2013" s="85"/>
      <c r="T2013" s="85"/>
      <c r="U2013" s="85"/>
      <c r="V2013" s="85"/>
      <c r="W2013" s="85"/>
      <c r="X2013" s="85"/>
      <c r="Y2013" s="85"/>
      <c r="Z2013" s="85"/>
      <c r="AA2013" s="85"/>
      <c r="AB2013" s="85"/>
      <c r="AC2013" s="85"/>
      <c r="AD2013" s="85"/>
      <c r="AE2013" s="85"/>
      <c r="AF2013" s="85"/>
      <c r="AG2013" s="85"/>
      <c r="AH2013" s="85"/>
      <c r="AI2013" s="85"/>
      <c r="AJ2013" s="85"/>
      <c r="AK2013" s="85"/>
      <c r="AL2013" s="85"/>
      <c r="AM2013" s="85"/>
      <c r="AN2013" s="85"/>
      <c r="AO2013" s="85"/>
      <c r="AP2013" s="85"/>
      <c r="AQ2013" s="85"/>
      <c r="AR2013" s="85"/>
      <c r="AS2013" s="85"/>
      <c r="AT2013" s="85"/>
      <c r="AU2013" s="85"/>
      <c r="AV2013" s="85"/>
      <c r="AW2013" s="85"/>
      <c r="AX2013" s="85"/>
      <c r="AY2013" s="85"/>
      <c r="AZ2013" s="85"/>
      <c r="BA2013" s="85"/>
      <c r="BB2013" s="85"/>
      <c r="BC2013" s="85"/>
      <c r="BD2013" s="85"/>
      <c r="BE2013" s="85"/>
      <c r="BF2013" s="85"/>
      <c r="BG2013" s="85"/>
      <c r="BH2013" s="85"/>
      <c r="BI2013" s="85"/>
      <c r="BJ2013" s="85"/>
      <c r="BK2013" s="85"/>
      <c r="BL2013" s="85"/>
      <c r="BM2013" s="85"/>
      <c r="BN2013" s="85"/>
      <c r="BO2013" s="85"/>
      <c r="BP2013" s="85"/>
      <c r="BQ2013" s="85"/>
      <c r="BR2013" s="85"/>
      <c r="BS2013" s="85"/>
      <c r="BT2013" s="85"/>
      <c r="BU2013" s="85"/>
      <c r="BV2013" s="85"/>
      <c r="BW2013" s="85"/>
      <c r="BX2013" s="85"/>
      <c r="BY2013" s="85"/>
      <c r="BZ2013" s="85"/>
      <c r="CA2013" s="85"/>
      <c r="CB2013" s="85"/>
      <c r="CC2013" s="85"/>
      <c r="CD2013" s="85"/>
      <c r="CE2013" s="85"/>
      <c r="CF2013" s="85"/>
      <c r="CG2013" s="85"/>
    </row>
    <row r="2014" spans="1:85" s="9" customFormat="1" x14ac:dyDescent="0.2">
      <c r="A2014" s="85"/>
      <c r="J2014" s="85"/>
      <c r="K2014" s="85"/>
      <c r="L2014" s="85"/>
      <c r="M2014" s="85"/>
      <c r="N2014" s="85"/>
      <c r="O2014" s="85"/>
      <c r="P2014" s="85"/>
      <c r="Q2014" s="85"/>
      <c r="R2014" s="85"/>
      <c r="S2014" s="85"/>
      <c r="T2014" s="85"/>
      <c r="U2014" s="85"/>
      <c r="V2014" s="85"/>
      <c r="W2014" s="85"/>
      <c r="X2014" s="85"/>
      <c r="Y2014" s="85"/>
      <c r="Z2014" s="85"/>
      <c r="AA2014" s="85"/>
      <c r="AB2014" s="85"/>
      <c r="AC2014" s="85"/>
      <c r="AD2014" s="85"/>
      <c r="AE2014" s="85"/>
      <c r="AF2014" s="85"/>
      <c r="AG2014" s="85"/>
      <c r="AH2014" s="85"/>
      <c r="AI2014" s="85"/>
      <c r="AJ2014" s="85"/>
      <c r="AK2014" s="85"/>
      <c r="AL2014" s="85"/>
      <c r="AM2014" s="85"/>
      <c r="AN2014" s="85"/>
      <c r="AO2014" s="85"/>
      <c r="AP2014" s="85"/>
      <c r="AQ2014" s="85"/>
      <c r="AR2014" s="85"/>
      <c r="AS2014" s="85"/>
      <c r="AT2014" s="85"/>
      <c r="AU2014" s="85"/>
      <c r="AV2014" s="85"/>
      <c r="AW2014" s="85"/>
      <c r="AX2014" s="85"/>
      <c r="AY2014" s="85"/>
      <c r="AZ2014" s="85"/>
      <c r="BA2014" s="85"/>
      <c r="BB2014" s="85"/>
      <c r="BC2014" s="85"/>
      <c r="BD2014" s="85"/>
      <c r="BE2014" s="85"/>
      <c r="BF2014" s="85"/>
      <c r="BG2014" s="85"/>
      <c r="BH2014" s="85"/>
      <c r="BI2014" s="85"/>
      <c r="BJ2014" s="85"/>
      <c r="BK2014" s="85"/>
      <c r="BL2014" s="85"/>
      <c r="BM2014" s="85"/>
      <c r="BN2014" s="85"/>
      <c r="BO2014" s="85"/>
      <c r="BP2014" s="85"/>
      <c r="BQ2014" s="85"/>
      <c r="BR2014" s="85"/>
      <c r="BS2014" s="85"/>
      <c r="BT2014" s="85"/>
      <c r="BU2014" s="85"/>
      <c r="BV2014" s="85"/>
      <c r="BW2014" s="85"/>
      <c r="BX2014" s="85"/>
      <c r="BY2014" s="85"/>
      <c r="BZ2014" s="85"/>
      <c r="CA2014" s="85"/>
      <c r="CB2014" s="85"/>
      <c r="CC2014" s="85"/>
      <c r="CD2014" s="85"/>
      <c r="CE2014" s="85"/>
      <c r="CF2014" s="85"/>
      <c r="CG2014" s="85"/>
    </row>
    <row r="2015" spans="1:85" s="9" customFormat="1" x14ac:dyDescent="0.2">
      <c r="A2015" s="85"/>
      <c r="J2015" s="85"/>
      <c r="K2015" s="85"/>
      <c r="L2015" s="85"/>
      <c r="M2015" s="85"/>
      <c r="N2015" s="85"/>
      <c r="O2015" s="85"/>
      <c r="P2015" s="85"/>
      <c r="Q2015" s="85"/>
      <c r="R2015" s="85"/>
      <c r="S2015" s="85"/>
      <c r="T2015" s="85"/>
      <c r="U2015" s="85"/>
      <c r="V2015" s="85"/>
      <c r="W2015" s="85"/>
      <c r="X2015" s="85"/>
      <c r="Y2015" s="85"/>
      <c r="Z2015" s="85"/>
      <c r="AA2015" s="85"/>
      <c r="AB2015" s="85"/>
      <c r="AC2015" s="85"/>
      <c r="AD2015" s="85"/>
      <c r="AE2015" s="85"/>
      <c r="AF2015" s="85"/>
      <c r="AG2015" s="85"/>
      <c r="AH2015" s="85"/>
      <c r="AI2015" s="85"/>
      <c r="AJ2015" s="85"/>
      <c r="AK2015" s="85"/>
      <c r="AL2015" s="85"/>
      <c r="AM2015" s="85"/>
      <c r="AN2015" s="85"/>
      <c r="AO2015" s="85"/>
      <c r="AP2015" s="85"/>
      <c r="AQ2015" s="85"/>
      <c r="AR2015" s="85"/>
      <c r="AS2015" s="85"/>
      <c r="AT2015" s="85"/>
      <c r="AU2015" s="85"/>
      <c r="AV2015" s="85"/>
      <c r="AW2015" s="85"/>
      <c r="AX2015" s="85"/>
      <c r="AY2015" s="85"/>
      <c r="AZ2015" s="85"/>
      <c r="BA2015" s="85"/>
      <c r="BB2015" s="85"/>
      <c r="BC2015" s="85"/>
      <c r="BD2015" s="85"/>
      <c r="BE2015" s="85"/>
      <c r="BF2015" s="85"/>
      <c r="BG2015" s="85"/>
      <c r="BH2015" s="85"/>
      <c r="BI2015" s="85"/>
      <c r="BJ2015" s="85"/>
      <c r="BK2015" s="85"/>
      <c r="BL2015" s="85"/>
      <c r="BM2015" s="85"/>
      <c r="BN2015" s="85"/>
      <c r="BO2015" s="85"/>
      <c r="BP2015" s="85"/>
      <c r="BQ2015" s="85"/>
      <c r="BR2015" s="85"/>
      <c r="BS2015" s="85"/>
      <c r="BT2015" s="85"/>
      <c r="BU2015" s="85"/>
      <c r="BV2015" s="85"/>
      <c r="BW2015" s="85"/>
      <c r="BX2015" s="85"/>
      <c r="BY2015" s="85"/>
      <c r="BZ2015" s="85"/>
      <c r="CA2015" s="85"/>
      <c r="CB2015" s="85"/>
      <c r="CC2015" s="85"/>
      <c r="CD2015" s="85"/>
      <c r="CE2015" s="85"/>
      <c r="CF2015" s="85"/>
      <c r="CG2015" s="85"/>
    </row>
    <row r="2016" spans="1:85" s="9" customFormat="1" x14ac:dyDescent="0.2">
      <c r="A2016" s="85"/>
      <c r="J2016" s="85"/>
      <c r="K2016" s="85"/>
      <c r="L2016" s="85"/>
      <c r="M2016" s="85"/>
      <c r="N2016" s="85"/>
      <c r="O2016" s="85"/>
      <c r="P2016" s="85"/>
      <c r="Q2016" s="85"/>
      <c r="R2016" s="85"/>
      <c r="S2016" s="85"/>
      <c r="T2016" s="85"/>
      <c r="U2016" s="85"/>
      <c r="V2016" s="85"/>
      <c r="W2016" s="85"/>
      <c r="X2016" s="85"/>
      <c r="Y2016" s="85"/>
      <c r="Z2016" s="85"/>
      <c r="AA2016" s="85"/>
      <c r="AB2016" s="85"/>
      <c r="AC2016" s="85"/>
      <c r="AD2016" s="85"/>
      <c r="AE2016" s="85"/>
      <c r="AF2016" s="85"/>
      <c r="AG2016" s="85"/>
      <c r="AH2016" s="85"/>
      <c r="AI2016" s="85"/>
      <c r="AJ2016" s="85"/>
      <c r="AK2016" s="85"/>
      <c r="AL2016" s="85"/>
      <c r="AM2016" s="85"/>
      <c r="AN2016" s="85"/>
      <c r="AO2016" s="85"/>
      <c r="AP2016" s="85"/>
      <c r="AQ2016" s="85"/>
      <c r="AR2016" s="85"/>
      <c r="AS2016" s="85"/>
      <c r="AT2016" s="85"/>
      <c r="AU2016" s="85"/>
      <c r="AV2016" s="85"/>
      <c r="AW2016" s="85"/>
      <c r="AX2016" s="85"/>
      <c r="AY2016" s="85"/>
      <c r="AZ2016" s="85"/>
      <c r="BA2016" s="85"/>
      <c r="BB2016" s="85"/>
      <c r="BC2016" s="85"/>
      <c r="BD2016" s="85"/>
      <c r="BE2016" s="85"/>
      <c r="BF2016" s="85"/>
      <c r="BG2016" s="85"/>
      <c r="BH2016" s="85"/>
      <c r="BI2016" s="85"/>
      <c r="BJ2016" s="85"/>
      <c r="BK2016" s="85"/>
      <c r="BL2016" s="85"/>
      <c r="BM2016" s="85"/>
      <c r="BN2016" s="85"/>
      <c r="BO2016" s="85"/>
      <c r="BP2016" s="85"/>
      <c r="BQ2016" s="85"/>
      <c r="BR2016" s="85"/>
      <c r="BS2016" s="85"/>
      <c r="BT2016" s="85"/>
      <c r="BU2016" s="85"/>
      <c r="BV2016" s="85"/>
      <c r="BW2016" s="85"/>
      <c r="BX2016" s="85"/>
      <c r="BY2016" s="85"/>
      <c r="BZ2016" s="85"/>
      <c r="CA2016" s="85"/>
      <c r="CB2016" s="85"/>
      <c r="CC2016" s="85"/>
      <c r="CD2016" s="85"/>
      <c r="CE2016" s="85"/>
      <c r="CF2016" s="85"/>
      <c r="CG2016" s="85"/>
    </row>
    <row r="2017" spans="1:85" s="9" customFormat="1" x14ac:dyDescent="0.2">
      <c r="A2017" s="85"/>
      <c r="J2017" s="85"/>
      <c r="K2017" s="85"/>
      <c r="L2017" s="85"/>
      <c r="M2017" s="85"/>
      <c r="N2017" s="85"/>
      <c r="O2017" s="85"/>
      <c r="P2017" s="85"/>
      <c r="Q2017" s="85"/>
      <c r="R2017" s="85"/>
      <c r="S2017" s="85"/>
      <c r="T2017" s="85"/>
      <c r="U2017" s="85"/>
      <c r="V2017" s="85"/>
      <c r="W2017" s="85"/>
      <c r="X2017" s="85"/>
      <c r="Y2017" s="85"/>
      <c r="Z2017" s="85"/>
      <c r="AA2017" s="85"/>
      <c r="AB2017" s="85"/>
      <c r="AC2017" s="85"/>
      <c r="AD2017" s="85"/>
      <c r="AE2017" s="85"/>
      <c r="AF2017" s="85"/>
      <c r="AG2017" s="85"/>
      <c r="AH2017" s="85"/>
      <c r="AI2017" s="85"/>
      <c r="AJ2017" s="85"/>
      <c r="AK2017" s="85"/>
      <c r="AL2017" s="85"/>
      <c r="AM2017" s="85"/>
      <c r="AN2017" s="85"/>
      <c r="AO2017" s="85"/>
      <c r="AP2017" s="85"/>
      <c r="AQ2017" s="85"/>
      <c r="AR2017" s="85"/>
      <c r="AS2017" s="85"/>
      <c r="AT2017" s="85"/>
      <c r="AU2017" s="85"/>
      <c r="AV2017" s="85"/>
      <c r="AW2017" s="85"/>
      <c r="AX2017" s="85"/>
      <c r="AY2017" s="85"/>
      <c r="AZ2017" s="85"/>
      <c r="BA2017" s="85"/>
      <c r="BB2017" s="85"/>
      <c r="BC2017" s="85"/>
      <c r="BD2017" s="85"/>
      <c r="BE2017" s="85"/>
      <c r="BF2017" s="85"/>
      <c r="BG2017" s="85"/>
      <c r="BH2017" s="85"/>
      <c r="BI2017" s="85"/>
      <c r="BJ2017" s="85"/>
      <c r="BK2017" s="85"/>
      <c r="BL2017" s="85"/>
      <c r="BM2017" s="85"/>
      <c r="BN2017" s="85"/>
      <c r="BO2017" s="85"/>
      <c r="BP2017" s="85"/>
      <c r="BQ2017" s="85"/>
      <c r="BR2017" s="85"/>
      <c r="BS2017" s="85"/>
      <c r="BT2017" s="85"/>
      <c r="BU2017" s="85"/>
      <c r="BV2017" s="85"/>
      <c r="BW2017" s="85"/>
      <c r="BX2017" s="85"/>
      <c r="BY2017" s="85"/>
      <c r="BZ2017" s="85"/>
      <c r="CA2017" s="85"/>
      <c r="CB2017" s="85"/>
      <c r="CC2017" s="85"/>
      <c r="CD2017" s="85"/>
      <c r="CE2017" s="85"/>
      <c r="CF2017" s="85"/>
      <c r="CG2017" s="85"/>
    </row>
    <row r="2018" spans="1:85" s="9" customFormat="1" x14ac:dyDescent="0.2">
      <c r="A2018" s="85"/>
      <c r="J2018" s="85"/>
      <c r="K2018" s="85"/>
      <c r="L2018" s="85"/>
      <c r="M2018" s="85"/>
      <c r="N2018" s="85"/>
      <c r="O2018" s="85"/>
      <c r="P2018" s="85"/>
      <c r="Q2018" s="85"/>
      <c r="R2018" s="85"/>
      <c r="S2018" s="85"/>
      <c r="T2018" s="85"/>
      <c r="U2018" s="85"/>
      <c r="V2018" s="85"/>
      <c r="W2018" s="85"/>
      <c r="X2018" s="85"/>
      <c r="Y2018" s="85"/>
      <c r="Z2018" s="85"/>
      <c r="AA2018" s="85"/>
      <c r="AB2018" s="85"/>
      <c r="AC2018" s="85"/>
      <c r="AD2018" s="85"/>
      <c r="AE2018" s="85"/>
      <c r="AF2018" s="85"/>
      <c r="AG2018" s="85"/>
      <c r="AH2018" s="85"/>
      <c r="AI2018" s="85"/>
      <c r="AJ2018" s="85"/>
      <c r="AK2018" s="85"/>
      <c r="AL2018" s="85"/>
      <c r="AM2018" s="85"/>
      <c r="AN2018" s="85"/>
      <c r="AO2018" s="85"/>
      <c r="AP2018" s="85"/>
      <c r="AQ2018" s="85"/>
      <c r="AR2018" s="85"/>
      <c r="AS2018" s="85"/>
      <c r="AT2018" s="85"/>
      <c r="AU2018" s="85"/>
      <c r="AV2018" s="85"/>
      <c r="AW2018" s="85"/>
      <c r="AX2018" s="85"/>
      <c r="AY2018" s="85"/>
      <c r="AZ2018" s="85"/>
      <c r="BA2018" s="85"/>
      <c r="BB2018" s="85"/>
      <c r="BC2018" s="85"/>
      <c r="BD2018" s="85"/>
      <c r="BE2018" s="85"/>
      <c r="BF2018" s="85"/>
      <c r="BG2018" s="85"/>
      <c r="BH2018" s="85"/>
      <c r="BI2018" s="85"/>
      <c r="BJ2018" s="85"/>
      <c r="BK2018" s="85"/>
      <c r="BL2018" s="85"/>
      <c r="BM2018" s="85"/>
      <c r="BN2018" s="85"/>
      <c r="BO2018" s="85"/>
      <c r="BP2018" s="85"/>
      <c r="BQ2018" s="85"/>
      <c r="BR2018" s="85"/>
      <c r="BS2018" s="85"/>
      <c r="BT2018" s="85"/>
      <c r="BU2018" s="85"/>
      <c r="BV2018" s="85"/>
      <c r="BW2018" s="85"/>
      <c r="BX2018" s="85"/>
      <c r="BY2018" s="85"/>
      <c r="BZ2018" s="85"/>
      <c r="CA2018" s="85"/>
      <c r="CB2018" s="85"/>
      <c r="CC2018" s="85"/>
      <c r="CD2018" s="85"/>
      <c r="CE2018" s="85"/>
      <c r="CF2018" s="85"/>
      <c r="CG2018" s="85"/>
    </row>
    <row r="2019" spans="1:85" s="9" customFormat="1" x14ac:dyDescent="0.2">
      <c r="A2019" s="85"/>
      <c r="J2019" s="85"/>
      <c r="K2019" s="85"/>
      <c r="L2019" s="85"/>
      <c r="M2019" s="85"/>
      <c r="N2019" s="85"/>
      <c r="O2019" s="85"/>
      <c r="P2019" s="85"/>
      <c r="Q2019" s="85"/>
      <c r="R2019" s="85"/>
      <c r="S2019" s="85"/>
      <c r="T2019" s="85"/>
      <c r="U2019" s="85"/>
      <c r="V2019" s="85"/>
      <c r="W2019" s="85"/>
      <c r="X2019" s="85"/>
      <c r="Y2019" s="85"/>
      <c r="Z2019" s="85"/>
      <c r="AA2019" s="85"/>
      <c r="AB2019" s="85"/>
      <c r="AC2019" s="85"/>
      <c r="AD2019" s="85"/>
      <c r="AE2019" s="85"/>
      <c r="AF2019" s="85"/>
      <c r="AG2019" s="85"/>
      <c r="AH2019" s="85"/>
      <c r="AI2019" s="85"/>
      <c r="AJ2019" s="85"/>
      <c r="AK2019" s="85"/>
      <c r="AL2019" s="85"/>
      <c r="AM2019" s="85"/>
      <c r="AN2019" s="85"/>
      <c r="AO2019" s="85"/>
      <c r="AP2019" s="85"/>
      <c r="AQ2019" s="85"/>
      <c r="AR2019" s="85"/>
      <c r="AS2019" s="85"/>
      <c r="AT2019" s="85"/>
      <c r="AU2019" s="85"/>
      <c r="AV2019" s="85"/>
      <c r="AW2019" s="85"/>
      <c r="AX2019" s="85"/>
      <c r="AY2019" s="85"/>
      <c r="AZ2019" s="85"/>
      <c r="BA2019" s="85"/>
      <c r="BB2019" s="85"/>
      <c r="BC2019" s="85"/>
      <c r="BD2019" s="85"/>
      <c r="BE2019" s="85"/>
      <c r="BF2019" s="85"/>
      <c r="BG2019" s="85"/>
      <c r="BH2019" s="85"/>
      <c r="BI2019" s="85"/>
      <c r="BJ2019" s="85"/>
      <c r="BK2019" s="85"/>
      <c r="BL2019" s="85"/>
      <c r="BM2019" s="85"/>
      <c r="BN2019" s="85"/>
      <c r="BO2019" s="85"/>
      <c r="BP2019" s="85"/>
      <c r="BQ2019" s="85"/>
      <c r="BR2019" s="85"/>
      <c r="BS2019" s="85"/>
      <c r="BT2019" s="85"/>
      <c r="BU2019" s="85"/>
      <c r="BV2019" s="85"/>
      <c r="BW2019" s="85"/>
      <c r="BX2019" s="85"/>
      <c r="BY2019" s="85"/>
      <c r="BZ2019" s="85"/>
      <c r="CA2019" s="85"/>
      <c r="CB2019" s="85"/>
      <c r="CC2019" s="85"/>
      <c r="CD2019" s="85"/>
      <c r="CE2019" s="85"/>
      <c r="CF2019" s="85"/>
      <c r="CG2019" s="85"/>
    </row>
    <row r="2020" spans="1:85" s="9" customFormat="1" x14ac:dyDescent="0.2">
      <c r="A2020" s="85"/>
      <c r="J2020" s="85"/>
      <c r="K2020" s="85"/>
      <c r="L2020" s="85"/>
      <c r="M2020" s="85"/>
      <c r="N2020" s="85"/>
      <c r="O2020" s="85"/>
      <c r="P2020" s="85"/>
      <c r="Q2020" s="85"/>
      <c r="R2020" s="85"/>
      <c r="S2020" s="85"/>
      <c r="T2020" s="85"/>
      <c r="U2020" s="85"/>
      <c r="V2020" s="85"/>
      <c r="W2020" s="85"/>
      <c r="X2020" s="85"/>
      <c r="Y2020" s="85"/>
      <c r="Z2020" s="85"/>
      <c r="AA2020" s="85"/>
      <c r="AB2020" s="85"/>
      <c r="AC2020" s="85"/>
      <c r="AD2020" s="85"/>
      <c r="AE2020" s="85"/>
      <c r="AF2020" s="85"/>
      <c r="AG2020" s="85"/>
      <c r="AH2020" s="85"/>
      <c r="AI2020" s="85"/>
      <c r="AJ2020" s="85"/>
      <c r="AK2020" s="85"/>
      <c r="AL2020" s="85"/>
      <c r="AM2020" s="85"/>
      <c r="AN2020" s="85"/>
      <c r="AO2020" s="85"/>
      <c r="AP2020" s="85"/>
      <c r="AQ2020" s="85"/>
      <c r="AR2020" s="85"/>
      <c r="AS2020" s="85"/>
      <c r="AT2020" s="85"/>
      <c r="AU2020" s="85"/>
      <c r="AV2020" s="85"/>
      <c r="AW2020" s="85"/>
      <c r="AX2020" s="85"/>
      <c r="AY2020" s="85"/>
      <c r="AZ2020" s="85"/>
      <c r="BA2020" s="85"/>
      <c r="BB2020" s="85"/>
      <c r="BC2020" s="85"/>
      <c r="BD2020" s="85"/>
      <c r="BE2020" s="85"/>
      <c r="BF2020" s="85"/>
      <c r="BG2020" s="85"/>
      <c r="BH2020" s="85"/>
      <c r="BI2020" s="85"/>
      <c r="BJ2020" s="85"/>
      <c r="BK2020" s="85"/>
      <c r="BL2020" s="85"/>
      <c r="BM2020" s="85"/>
      <c r="BN2020" s="85"/>
      <c r="BO2020" s="85"/>
      <c r="BP2020" s="85"/>
      <c r="BQ2020" s="85"/>
      <c r="BR2020" s="85"/>
      <c r="BS2020" s="85"/>
      <c r="BT2020" s="85"/>
      <c r="BU2020" s="85"/>
      <c r="BV2020" s="85"/>
      <c r="BW2020" s="85"/>
      <c r="BX2020" s="85"/>
      <c r="BY2020" s="85"/>
      <c r="BZ2020" s="85"/>
      <c r="CA2020" s="85"/>
      <c r="CB2020" s="85"/>
      <c r="CC2020" s="85"/>
      <c r="CD2020" s="85"/>
      <c r="CE2020" s="85"/>
      <c r="CF2020" s="85"/>
      <c r="CG2020" s="85"/>
    </row>
    <row r="2021" spans="1:85" s="9" customFormat="1" x14ac:dyDescent="0.2">
      <c r="A2021" s="85"/>
      <c r="J2021" s="85"/>
      <c r="K2021" s="85"/>
      <c r="L2021" s="85"/>
      <c r="M2021" s="85"/>
      <c r="N2021" s="85"/>
      <c r="O2021" s="85"/>
      <c r="P2021" s="85"/>
      <c r="Q2021" s="85"/>
      <c r="R2021" s="85"/>
      <c r="S2021" s="85"/>
      <c r="T2021" s="85"/>
      <c r="U2021" s="85"/>
      <c r="V2021" s="85"/>
      <c r="W2021" s="85"/>
      <c r="X2021" s="85"/>
      <c r="Y2021" s="85"/>
      <c r="Z2021" s="85"/>
      <c r="AA2021" s="85"/>
      <c r="AB2021" s="85"/>
      <c r="AC2021" s="85"/>
      <c r="AD2021" s="85"/>
      <c r="AE2021" s="85"/>
      <c r="AF2021" s="85"/>
      <c r="AG2021" s="85"/>
      <c r="AH2021" s="85"/>
      <c r="AI2021" s="85"/>
      <c r="AJ2021" s="85"/>
      <c r="AK2021" s="85"/>
      <c r="AL2021" s="85"/>
      <c r="AM2021" s="85"/>
      <c r="AN2021" s="85"/>
      <c r="AO2021" s="85"/>
      <c r="AP2021" s="85"/>
      <c r="AQ2021" s="85"/>
      <c r="AR2021" s="85"/>
      <c r="AS2021" s="85"/>
      <c r="AT2021" s="85"/>
      <c r="AU2021" s="85"/>
      <c r="AV2021" s="85"/>
      <c r="AW2021" s="85"/>
      <c r="AX2021" s="85"/>
      <c r="AY2021" s="85"/>
      <c r="AZ2021" s="85"/>
      <c r="BA2021" s="85"/>
      <c r="BB2021" s="85"/>
      <c r="BC2021" s="85"/>
      <c r="BD2021" s="85"/>
      <c r="BE2021" s="85"/>
      <c r="BF2021" s="85"/>
      <c r="BG2021" s="85"/>
      <c r="BH2021" s="85"/>
      <c r="BI2021" s="85"/>
      <c r="BJ2021" s="85"/>
      <c r="BK2021" s="85"/>
      <c r="BL2021" s="85"/>
      <c r="BM2021" s="85"/>
      <c r="BN2021" s="85"/>
      <c r="BO2021" s="85"/>
      <c r="BP2021" s="85"/>
      <c r="BQ2021" s="85"/>
      <c r="BR2021" s="85"/>
      <c r="BS2021" s="85"/>
      <c r="BT2021" s="85"/>
      <c r="BU2021" s="85"/>
      <c r="BV2021" s="85"/>
      <c r="BW2021" s="85"/>
      <c r="BX2021" s="85"/>
      <c r="BY2021" s="85"/>
      <c r="BZ2021" s="85"/>
      <c r="CA2021" s="85"/>
      <c r="CB2021" s="85"/>
      <c r="CC2021" s="85"/>
      <c r="CD2021" s="85"/>
      <c r="CE2021" s="85"/>
      <c r="CF2021" s="85"/>
      <c r="CG2021" s="85"/>
    </row>
    <row r="2022" spans="1:85" s="9" customFormat="1" x14ac:dyDescent="0.2">
      <c r="A2022" s="85"/>
      <c r="J2022" s="85"/>
      <c r="K2022" s="85"/>
      <c r="L2022" s="85"/>
      <c r="M2022" s="85"/>
      <c r="N2022" s="85"/>
      <c r="O2022" s="85"/>
      <c r="P2022" s="85"/>
      <c r="Q2022" s="85"/>
      <c r="R2022" s="85"/>
      <c r="S2022" s="85"/>
      <c r="T2022" s="85"/>
      <c r="U2022" s="85"/>
      <c r="V2022" s="85"/>
      <c r="W2022" s="85"/>
      <c r="X2022" s="85"/>
      <c r="Y2022" s="85"/>
      <c r="Z2022" s="85"/>
      <c r="AA2022" s="85"/>
      <c r="AB2022" s="85"/>
      <c r="AC2022" s="85"/>
      <c r="AD2022" s="85"/>
      <c r="AE2022" s="85"/>
      <c r="AF2022" s="85"/>
      <c r="AG2022" s="85"/>
      <c r="AH2022" s="85"/>
      <c r="AI2022" s="85"/>
      <c r="AJ2022" s="85"/>
      <c r="AK2022" s="85"/>
      <c r="AL2022" s="85"/>
      <c r="AM2022" s="85"/>
      <c r="AN2022" s="85"/>
      <c r="AO2022" s="85"/>
      <c r="AP2022" s="85"/>
      <c r="AQ2022" s="85"/>
      <c r="AR2022" s="85"/>
      <c r="AS2022" s="85"/>
      <c r="AT2022" s="85"/>
      <c r="AU2022" s="85"/>
      <c r="AV2022" s="85"/>
      <c r="AW2022" s="85"/>
      <c r="AX2022" s="85"/>
      <c r="AY2022" s="85"/>
      <c r="AZ2022" s="85"/>
      <c r="BA2022" s="85"/>
      <c r="BB2022" s="85"/>
      <c r="BC2022" s="85"/>
      <c r="BD2022" s="85"/>
      <c r="BE2022" s="85"/>
      <c r="BF2022" s="85"/>
      <c r="BG2022" s="85"/>
      <c r="BH2022" s="85"/>
      <c r="BI2022" s="85"/>
      <c r="BJ2022" s="85"/>
      <c r="BK2022" s="85"/>
      <c r="BL2022" s="85"/>
      <c r="BM2022" s="85"/>
      <c r="BN2022" s="85"/>
      <c r="BO2022" s="85"/>
      <c r="BP2022" s="85"/>
      <c r="BQ2022" s="85"/>
      <c r="BR2022" s="85"/>
      <c r="BS2022" s="85"/>
      <c r="BT2022" s="85"/>
      <c r="BU2022" s="85"/>
      <c r="BV2022" s="85"/>
      <c r="BW2022" s="85"/>
      <c r="BX2022" s="85"/>
      <c r="BY2022" s="85"/>
      <c r="BZ2022" s="85"/>
      <c r="CA2022" s="85"/>
      <c r="CB2022" s="85"/>
      <c r="CC2022" s="85"/>
      <c r="CD2022" s="85"/>
      <c r="CE2022" s="85"/>
      <c r="CF2022" s="85"/>
      <c r="CG2022" s="85"/>
    </row>
    <row r="2023" spans="1:85" s="9" customFormat="1" x14ac:dyDescent="0.2">
      <c r="A2023" s="85"/>
      <c r="J2023" s="85"/>
      <c r="K2023" s="85"/>
      <c r="L2023" s="85"/>
      <c r="M2023" s="85"/>
      <c r="N2023" s="85"/>
      <c r="O2023" s="85"/>
      <c r="P2023" s="85"/>
      <c r="Q2023" s="85"/>
      <c r="R2023" s="85"/>
      <c r="S2023" s="85"/>
      <c r="T2023" s="85"/>
      <c r="U2023" s="85"/>
      <c r="V2023" s="85"/>
      <c r="W2023" s="85"/>
      <c r="X2023" s="85"/>
      <c r="Y2023" s="85"/>
      <c r="Z2023" s="85"/>
      <c r="AA2023" s="85"/>
      <c r="AB2023" s="85"/>
      <c r="AC2023" s="85"/>
      <c r="AD2023" s="85"/>
      <c r="AE2023" s="85"/>
      <c r="AF2023" s="85"/>
      <c r="AG2023" s="85"/>
      <c r="AH2023" s="85"/>
      <c r="AI2023" s="85"/>
      <c r="AJ2023" s="85"/>
      <c r="AK2023" s="85"/>
      <c r="AL2023" s="85"/>
      <c r="AM2023" s="85"/>
      <c r="AN2023" s="85"/>
      <c r="AO2023" s="85"/>
      <c r="AP2023" s="85"/>
      <c r="AQ2023" s="85"/>
      <c r="AR2023" s="85"/>
      <c r="AS2023" s="85"/>
      <c r="AT2023" s="85"/>
      <c r="AU2023" s="85"/>
      <c r="AV2023" s="85"/>
      <c r="AW2023" s="85"/>
      <c r="AX2023" s="85"/>
      <c r="AY2023" s="85"/>
      <c r="AZ2023" s="85"/>
      <c r="BA2023" s="85"/>
      <c r="BB2023" s="85"/>
      <c r="BC2023" s="85"/>
      <c r="BD2023" s="85"/>
      <c r="BE2023" s="85"/>
      <c r="BF2023" s="85"/>
      <c r="BG2023" s="85"/>
      <c r="BH2023" s="85"/>
      <c r="BI2023" s="85"/>
      <c r="BJ2023" s="85"/>
      <c r="BK2023" s="85"/>
      <c r="BL2023" s="85"/>
      <c r="BM2023" s="85"/>
      <c r="BN2023" s="85"/>
      <c r="BO2023" s="85"/>
      <c r="BP2023" s="85"/>
      <c r="BQ2023" s="85"/>
      <c r="BR2023" s="85"/>
      <c r="BS2023" s="85"/>
      <c r="BT2023" s="85"/>
      <c r="BU2023" s="85"/>
      <c r="BV2023" s="85"/>
      <c r="BW2023" s="85"/>
      <c r="BX2023" s="85"/>
      <c r="BY2023" s="85"/>
      <c r="BZ2023" s="85"/>
      <c r="CA2023" s="85"/>
      <c r="CB2023" s="85"/>
      <c r="CC2023" s="85"/>
      <c r="CD2023" s="85"/>
      <c r="CE2023" s="85"/>
      <c r="CF2023" s="85"/>
      <c r="CG2023" s="85"/>
    </row>
    <row r="2024" spans="1:85" s="9" customFormat="1" x14ac:dyDescent="0.2">
      <c r="A2024" s="85"/>
      <c r="J2024" s="85"/>
      <c r="K2024" s="85"/>
      <c r="L2024" s="85"/>
      <c r="M2024" s="85"/>
      <c r="N2024" s="85"/>
      <c r="O2024" s="85"/>
      <c r="P2024" s="85"/>
      <c r="Q2024" s="85"/>
      <c r="R2024" s="85"/>
      <c r="S2024" s="85"/>
      <c r="T2024" s="85"/>
      <c r="U2024" s="85"/>
      <c r="V2024" s="85"/>
      <c r="W2024" s="85"/>
      <c r="X2024" s="85"/>
      <c r="Y2024" s="85"/>
      <c r="Z2024" s="85"/>
      <c r="AA2024" s="85"/>
      <c r="AB2024" s="85"/>
      <c r="AC2024" s="85"/>
      <c r="AD2024" s="85"/>
      <c r="AE2024" s="85"/>
      <c r="AF2024" s="85"/>
      <c r="AG2024" s="85"/>
      <c r="AH2024" s="85"/>
      <c r="AI2024" s="85"/>
      <c r="AJ2024" s="85"/>
      <c r="AK2024" s="85"/>
      <c r="AL2024" s="85"/>
      <c r="AM2024" s="85"/>
      <c r="AN2024" s="85"/>
      <c r="AO2024" s="85"/>
      <c r="AP2024" s="85"/>
      <c r="AQ2024" s="85"/>
      <c r="AR2024" s="85"/>
      <c r="AS2024" s="85"/>
      <c r="AT2024" s="85"/>
      <c r="AU2024" s="85"/>
      <c r="AV2024" s="85"/>
      <c r="AW2024" s="85"/>
      <c r="AX2024" s="85"/>
      <c r="AY2024" s="85"/>
      <c r="AZ2024" s="85"/>
      <c r="BA2024" s="85"/>
      <c r="BB2024" s="85"/>
      <c r="BC2024" s="85"/>
      <c r="BD2024" s="85"/>
      <c r="BE2024" s="85"/>
      <c r="BF2024" s="85"/>
      <c r="BG2024" s="85"/>
      <c r="BH2024" s="85"/>
      <c r="BI2024" s="85"/>
      <c r="BJ2024" s="85"/>
      <c r="BK2024" s="85"/>
      <c r="BL2024" s="85"/>
      <c r="BM2024" s="85"/>
      <c r="BN2024" s="85"/>
      <c r="BO2024" s="85"/>
      <c r="BP2024" s="85"/>
      <c r="BQ2024" s="85"/>
      <c r="BR2024" s="85"/>
      <c r="BS2024" s="85"/>
      <c r="BT2024" s="85"/>
      <c r="BU2024" s="85"/>
      <c r="BV2024" s="85"/>
      <c r="BW2024" s="85"/>
      <c r="BX2024" s="85"/>
      <c r="BY2024" s="85"/>
      <c r="BZ2024" s="85"/>
      <c r="CA2024" s="85"/>
      <c r="CB2024" s="85"/>
      <c r="CC2024" s="85"/>
      <c r="CD2024" s="85"/>
      <c r="CE2024" s="85"/>
      <c r="CF2024" s="85"/>
      <c r="CG2024" s="85"/>
    </row>
    <row r="2025" spans="1:85" s="9" customFormat="1" x14ac:dyDescent="0.2">
      <c r="A2025" s="85"/>
      <c r="J2025" s="85"/>
      <c r="K2025" s="85"/>
      <c r="L2025" s="85"/>
      <c r="M2025" s="85"/>
      <c r="N2025" s="85"/>
      <c r="O2025" s="85"/>
      <c r="P2025" s="85"/>
      <c r="Q2025" s="85"/>
      <c r="R2025" s="85"/>
      <c r="S2025" s="85"/>
      <c r="T2025" s="85"/>
      <c r="U2025" s="85"/>
      <c r="V2025" s="85"/>
      <c r="W2025" s="85"/>
      <c r="X2025" s="85"/>
      <c r="Y2025" s="85"/>
      <c r="Z2025" s="85"/>
      <c r="AA2025" s="85"/>
      <c r="AB2025" s="85"/>
      <c r="AC2025" s="85"/>
      <c r="AD2025" s="85"/>
      <c r="AE2025" s="85"/>
      <c r="AF2025" s="85"/>
      <c r="AG2025" s="85"/>
      <c r="AH2025" s="85"/>
      <c r="AI2025" s="85"/>
      <c r="AJ2025" s="85"/>
      <c r="AK2025" s="85"/>
      <c r="AL2025" s="85"/>
      <c r="AM2025" s="85"/>
      <c r="AN2025" s="85"/>
      <c r="AO2025" s="85"/>
      <c r="AP2025" s="85"/>
      <c r="AQ2025" s="85"/>
      <c r="AR2025" s="85"/>
      <c r="AS2025" s="85"/>
      <c r="AT2025" s="85"/>
      <c r="AU2025" s="85"/>
      <c r="AV2025" s="85"/>
      <c r="AW2025" s="85"/>
      <c r="AX2025" s="85"/>
      <c r="AY2025" s="85"/>
      <c r="AZ2025" s="85"/>
      <c r="BA2025" s="85"/>
      <c r="BB2025" s="85"/>
      <c r="BC2025" s="85"/>
      <c r="BD2025" s="85"/>
      <c r="BE2025" s="85"/>
      <c r="BF2025" s="85"/>
      <c r="BG2025" s="85"/>
      <c r="BH2025" s="85"/>
      <c r="BI2025" s="85"/>
      <c r="BJ2025" s="85"/>
      <c r="BK2025" s="85"/>
      <c r="BL2025" s="85"/>
      <c r="BM2025" s="85"/>
      <c r="BN2025" s="85"/>
      <c r="BO2025" s="85"/>
      <c r="BP2025" s="85"/>
      <c r="BQ2025" s="85"/>
      <c r="BR2025" s="85"/>
      <c r="BS2025" s="85"/>
      <c r="BT2025" s="85"/>
      <c r="BU2025" s="85"/>
      <c r="BV2025" s="85"/>
      <c r="BW2025" s="85"/>
      <c r="BX2025" s="85"/>
      <c r="BY2025" s="85"/>
      <c r="BZ2025" s="85"/>
      <c r="CA2025" s="85"/>
      <c r="CB2025" s="85"/>
      <c r="CC2025" s="85"/>
      <c r="CD2025" s="85"/>
      <c r="CE2025" s="85"/>
      <c r="CF2025" s="85"/>
      <c r="CG2025" s="85"/>
    </row>
    <row r="2026" spans="1:85" s="9" customFormat="1" x14ac:dyDescent="0.2">
      <c r="A2026" s="85"/>
      <c r="J2026" s="85"/>
      <c r="K2026" s="85"/>
      <c r="L2026" s="85"/>
      <c r="M2026" s="85"/>
      <c r="N2026" s="85"/>
      <c r="O2026" s="85"/>
      <c r="P2026" s="85"/>
      <c r="Q2026" s="85"/>
      <c r="R2026" s="85"/>
      <c r="S2026" s="85"/>
      <c r="T2026" s="85"/>
      <c r="U2026" s="85"/>
      <c r="V2026" s="85"/>
      <c r="W2026" s="85"/>
      <c r="X2026" s="85"/>
      <c r="Y2026" s="85"/>
      <c r="Z2026" s="85"/>
      <c r="AA2026" s="85"/>
      <c r="AB2026" s="85"/>
      <c r="AC2026" s="85"/>
      <c r="AD2026" s="85"/>
      <c r="AE2026" s="85"/>
      <c r="AF2026" s="85"/>
      <c r="AG2026" s="85"/>
      <c r="AH2026" s="85"/>
      <c r="AI2026" s="85"/>
      <c r="AJ2026" s="85"/>
      <c r="AK2026" s="85"/>
      <c r="AL2026" s="85"/>
      <c r="AM2026" s="85"/>
      <c r="AN2026" s="85"/>
      <c r="AO2026" s="85"/>
      <c r="AP2026" s="85"/>
      <c r="AQ2026" s="85"/>
      <c r="AR2026" s="85"/>
      <c r="AS2026" s="85"/>
      <c r="AT2026" s="85"/>
      <c r="AU2026" s="85"/>
      <c r="AV2026" s="85"/>
      <c r="AW2026" s="85"/>
      <c r="AX2026" s="85"/>
      <c r="AY2026" s="85"/>
      <c r="AZ2026" s="85"/>
      <c r="BA2026" s="85"/>
      <c r="BB2026" s="85"/>
      <c r="BC2026" s="85"/>
      <c r="BD2026" s="85"/>
      <c r="BE2026" s="85"/>
      <c r="BF2026" s="85"/>
      <c r="BG2026" s="85"/>
      <c r="BH2026" s="85"/>
      <c r="BI2026" s="85"/>
      <c r="BJ2026" s="85"/>
      <c r="BK2026" s="85"/>
      <c r="BL2026" s="85"/>
      <c r="BM2026" s="85"/>
      <c r="BN2026" s="85"/>
      <c r="BO2026" s="85"/>
      <c r="BP2026" s="85"/>
      <c r="BQ2026" s="85"/>
      <c r="BR2026" s="85"/>
      <c r="BS2026" s="85"/>
      <c r="BT2026" s="85"/>
      <c r="BU2026" s="85"/>
      <c r="BV2026" s="85"/>
      <c r="BW2026" s="85"/>
      <c r="BX2026" s="85"/>
      <c r="BY2026" s="85"/>
      <c r="BZ2026" s="85"/>
      <c r="CA2026" s="85"/>
      <c r="CB2026" s="85"/>
      <c r="CC2026" s="85"/>
      <c r="CD2026" s="85"/>
      <c r="CE2026" s="85"/>
      <c r="CF2026" s="85"/>
      <c r="CG2026" s="85"/>
    </row>
    <row r="2027" spans="1:85" s="9" customFormat="1" x14ac:dyDescent="0.2">
      <c r="A2027" s="85"/>
      <c r="J2027" s="85"/>
      <c r="K2027" s="85"/>
      <c r="L2027" s="85"/>
      <c r="M2027" s="85"/>
      <c r="N2027" s="85"/>
      <c r="O2027" s="85"/>
      <c r="P2027" s="85"/>
      <c r="Q2027" s="85"/>
      <c r="R2027" s="85"/>
      <c r="S2027" s="85"/>
      <c r="T2027" s="85"/>
      <c r="U2027" s="85"/>
      <c r="V2027" s="85"/>
      <c r="W2027" s="85"/>
      <c r="X2027" s="85"/>
      <c r="Y2027" s="85"/>
      <c r="Z2027" s="85"/>
      <c r="AA2027" s="85"/>
      <c r="AB2027" s="85"/>
      <c r="AC2027" s="85"/>
      <c r="AD2027" s="85"/>
      <c r="AE2027" s="85"/>
      <c r="AF2027" s="85"/>
      <c r="AG2027" s="85"/>
      <c r="AH2027" s="85"/>
      <c r="AI2027" s="85"/>
      <c r="AJ2027" s="85"/>
      <c r="AK2027" s="85"/>
      <c r="AL2027" s="85"/>
      <c r="AM2027" s="85"/>
      <c r="AN2027" s="85"/>
      <c r="AO2027" s="85"/>
      <c r="AP2027" s="85"/>
      <c r="AQ2027" s="85"/>
      <c r="AR2027" s="85"/>
      <c r="AS2027" s="85"/>
      <c r="AT2027" s="85"/>
      <c r="AU2027" s="85"/>
      <c r="AV2027" s="85"/>
      <c r="AW2027" s="85"/>
      <c r="AX2027" s="85"/>
      <c r="AY2027" s="85"/>
      <c r="AZ2027" s="85"/>
      <c r="BA2027" s="85"/>
      <c r="BB2027" s="85"/>
      <c r="BC2027" s="85"/>
      <c r="BD2027" s="85"/>
      <c r="BE2027" s="85"/>
      <c r="BF2027" s="85"/>
      <c r="BG2027" s="85"/>
      <c r="BH2027" s="85"/>
      <c r="BI2027" s="85"/>
      <c r="BJ2027" s="85"/>
      <c r="BK2027" s="85"/>
      <c r="BL2027" s="85"/>
      <c r="BM2027" s="85"/>
      <c r="BN2027" s="85"/>
      <c r="BO2027" s="85"/>
      <c r="BP2027" s="85"/>
      <c r="BQ2027" s="85"/>
      <c r="BR2027" s="85"/>
      <c r="BS2027" s="85"/>
      <c r="BT2027" s="85"/>
      <c r="BU2027" s="85"/>
      <c r="BV2027" s="85"/>
      <c r="BW2027" s="85"/>
      <c r="BX2027" s="85"/>
      <c r="BY2027" s="85"/>
      <c r="BZ2027" s="85"/>
      <c r="CA2027" s="85"/>
      <c r="CB2027" s="85"/>
      <c r="CC2027" s="85"/>
      <c r="CD2027" s="85"/>
      <c r="CE2027" s="85"/>
      <c r="CF2027" s="85"/>
      <c r="CG2027" s="85"/>
    </row>
    <row r="2028" spans="1:85" s="9" customFormat="1" x14ac:dyDescent="0.2">
      <c r="A2028" s="85"/>
      <c r="J2028" s="85"/>
      <c r="K2028" s="85"/>
      <c r="L2028" s="85"/>
      <c r="M2028" s="85"/>
      <c r="N2028" s="85"/>
      <c r="O2028" s="85"/>
      <c r="P2028" s="85"/>
      <c r="Q2028" s="85"/>
      <c r="R2028" s="85"/>
      <c r="S2028" s="85"/>
      <c r="T2028" s="85"/>
      <c r="U2028" s="85"/>
      <c r="V2028" s="85"/>
      <c r="W2028" s="85"/>
      <c r="X2028" s="85"/>
      <c r="Y2028" s="85"/>
      <c r="Z2028" s="85"/>
      <c r="AA2028" s="85"/>
      <c r="AB2028" s="85"/>
      <c r="AC2028" s="85"/>
      <c r="AD2028" s="85"/>
      <c r="AE2028" s="85"/>
      <c r="AF2028" s="85"/>
      <c r="AG2028" s="85"/>
      <c r="AH2028" s="85"/>
      <c r="AI2028" s="85"/>
      <c r="AJ2028" s="85"/>
      <c r="AK2028" s="85"/>
      <c r="AL2028" s="85"/>
      <c r="AM2028" s="85"/>
      <c r="AN2028" s="85"/>
      <c r="AO2028" s="85"/>
      <c r="AP2028" s="85"/>
      <c r="AQ2028" s="85"/>
      <c r="AR2028" s="85"/>
      <c r="AS2028" s="85"/>
      <c r="AT2028" s="85"/>
      <c r="AU2028" s="85"/>
      <c r="AV2028" s="85"/>
      <c r="AW2028" s="85"/>
      <c r="AX2028" s="85"/>
      <c r="AY2028" s="85"/>
      <c r="AZ2028" s="85"/>
      <c r="BA2028" s="85"/>
      <c r="BB2028" s="85"/>
      <c r="BC2028" s="85"/>
      <c r="BD2028" s="85"/>
      <c r="BE2028" s="85"/>
      <c r="BF2028" s="85"/>
      <c r="BG2028" s="85"/>
      <c r="BH2028" s="85"/>
      <c r="BI2028" s="85"/>
      <c r="BJ2028" s="85"/>
      <c r="BK2028" s="85"/>
      <c r="BL2028" s="85"/>
      <c r="BM2028" s="85"/>
      <c r="BN2028" s="85"/>
      <c r="BO2028" s="85"/>
      <c r="BP2028" s="85"/>
      <c r="BQ2028" s="85"/>
      <c r="BR2028" s="85"/>
      <c r="BS2028" s="85"/>
      <c r="BT2028" s="85"/>
      <c r="BU2028" s="85"/>
      <c r="BV2028" s="85"/>
      <c r="BW2028" s="85"/>
      <c r="BX2028" s="85"/>
      <c r="BY2028" s="85"/>
      <c r="BZ2028" s="85"/>
      <c r="CA2028" s="85"/>
      <c r="CB2028" s="85"/>
      <c r="CC2028" s="85"/>
      <c r="CD2028" s="85"/>
      <c r="CE2028" s="85"/>
      <c r="CF2028" s="85"/>
      <c r="CG2028" s="85"/>
    </row>
    <row r="2029" spans="1:85" s="9" customFormat="1" x14ac:dyDescent="0.2">
      <c r="A2029" s="85"/>
      <c r="J2029" s="85"/>
      <c r="K2029" s="85"/>
      <c r="L2029" s="85"/>
      <c r="M2029" s="85"/>
      <c r="N2029" s="85"/>
      <c r="O2029" s="85"/>
      <c r="P2029" s="85"/>
      <c r="Q2029" s="85"/>
      <c r="R2029" s="85"/>
      <c r="S2029" s="85"/>
      <c r="T2029" s="85"/>
      <c r="U2029" s="85"/>
      <c r="V2029" s="85"/>
      <c r="W2029" s="85"/>
      <c r="X2029" s="85"/>
      <c r="Y2029" s="85"/>
      <c r="Z2029" s="85"/>
      <c r="AA2029" s="85"/>
      <c r="AB2029" s="85"/>
      <c r="AC2029" s="85"/>
      <c r="AD2029" s="85"/>
      <c r="AE2029" s="85"/>
      <c r="AF2029" s="85"/>
      <c r="AG2029" s="85"/>
      <c r="AH2029" s="85"/>
      <c r="AI2029" s="85"/>
      <c r="AJ2029" s="85"/>
      <c r="AK2029" s="85"/>
      <c r="AL2029" s="85"/>
      <c r="AM2029" s="85"/>
      <c r="AN2029" s="85"/>
      <c r="AO2029" s="85"/>
      <c r="AP2029" s="85"/>
      <c r="AQ2029" s="85"/>
      <c r="AR2029" s="85"/>
      <c r="AS2029" s="85"/>
      <c r="AT2029" s="85"/>
      <c r="AU2029" s="85"/>
      <c r="AV2029" s="85"/>
      <c r="AW2029" s="85"/>
      <c r="AX2029" s="85"/>
      <c r="AY2029" s="85"/>
      <c r="AZ2029" s="85"/>
      <c r="BA2029" s="85"/>
      <c r="BB2029" s="85"/>
      <c r="BC2029" s="85"/>
      <c r="BD2029" s="85"/>
      <c r="BE2029" s="85"/>
      <c r="BF2029" s="85"/>
      <c r="BG2029" s="85"/>
      <c r="BH2029" s="85"/>
      <c r="BI2029" s="85"/>
      <c r="BJ2029" s="85"/>
      <c r="BK2029" s="85"/>
      <c r="BL2029" s="85"/>
      <c r="BM2029" s="85"/>
      <c r="BN2029" s="85"/>
      <c r="BO2029" s="85"/>
      <c r="BP2029" s="85"/>
      <c r="BQ2029" s="85"/>
      <c r="BR2029" s="85"/>
      <c r="BS2029" s="85"/>
      <c r="BT2029" s="85"/>
      <c r="BU2029" s="85"/>
      <c r="BV2029" s="85"/>
      <c r="BW2029" s="85"/>
      <c r="BX2029" s="85"/>
      <c r="BY2029" s="85"/>
      <c r="BZ2029" s="85"/>
      <c r="CA2029" s="85"/>
      <c r="CB2029" s="85"/>
      <c r="CC2029" s="85"/>
      <c r="CD2029" s="85"/>
      <c r="CE2029" s="85"/>
      <c r="CF2029" s="85"/>
      <c r="CG2029" s="85"/>
    </row>
    <row r="2030" spans="1:85" s="9" customFormat="1" x14ac:dyDescent="0.2">
      <c r="A2030" s="85"/>
      <c r="J2030" s="85"/>
      <c r="K2030" s="85"/>
      <c r="L2030" s="85"/>
      <c r="M2030" s="85"/>
      <c r="N2030" s="85"/>
      <c r="O2030" s="85"/>
      <c r="P2030" s="85"/>
      <c r="Q2030" s="85"/>
      <c r="R2030" s="85"/>
      <c r="S2030" s="85"/>
      <c r="T2030" s="85"/>
      <c r="U2030" s="85"/>
      <c r="V2030" s="85"/>
      <c r="W2030" s="85"/>
      <c r="X2030" s="85"/>
      <c r="Y2030" s="85"/>
      <c r="Z2030" s="85"/>
      <c r="AA2030" s="85"/>
      <c r="AB2030" s="85"/>
      <c r="AC2030" s="85"/>
      <c r="AD2030" s="85"/>
      <c r="AE2030" s="85"/>
      <c r="AF2030" s="85"/>
      <c r="AG2030" s="85"/>
      <c r="AH2030" s="85"/>
      <c r="AI2030" s="85"/>
      <c r="AJ2030" s="85"/>
      <c r="AK2030" s="85"/>
      <c r="AL2030" s="85"/>
      <c r="AM2030" s="85"/>
      <c r="AN2030" s="85"/>
      <c r="AO2030" s="85"/>
      <c r="AP2030" s="85"/>
      <c r="AQ2030" s="85"/>
      <c r="AR2030" s="85"/>
      <c r="AS2030" s="85"/>
      <c r="AT2030" s="85"/>
      <c r="AU2030" s="85"/>
      <c r="AV2030" s="85"/>
      <c r="AW2030" s="85"/>
      <c r="AX2030" s="85"/>
      <c r="AY2030" s="85"/>
      <c r="AZ2030" s="85"/>
      <c r="BA2030" s="85"/>
      <c r="BB2030" s="85"/>
      <c r="BC2030" s="85"/>
      <c r="BD2030" s="85"/>
      <c r="BE2030" s="85"/>
      <c r="BF2030" s="85"/>
      <c r="BG2030" s="85"/>
      <c r="BH2030" s="85"/>
      <c r="BI2030" s="85"/>
      <c r="BJ2030" s="85"/>
      <c r="BK2030" s="85"/>
      <c r="BL2030" s="85"/>
      <c r="BM2030" s="85"/>
      <c r="BN2030" s="85"/>
      <c r="BO2030" s="85"/>
      <c r="BP2030" s="85"/>
      <c r="BQ2030" s="85"/>
      <c r="BR2030" s="85"/>
      <c r="BS2030" s="85"/>
      <c r="BT2030" s="85"/>
      <c r="BU2030" s="85"/>
      <c r="BV2030" s="85"/>
      <c r="BW2030" s="85"/>
      <c r="BX2030" s="85"/>
      <c r="BY2030" s="85"/>
      <c r="BZ2030" s="85"/>
      <c r="CA2030" s="85"/>
      <c r="CB2030" s="85"/>
      <c r="CC2030" s="85"/>
      <c r="CD2030" s="85"/>
      <c r="CE2030" s="85"/>
      <c r="CF2030" s="85"/>
      <c r="CG2030" s="85"/>
    </row>
    <row r="2031" spans="1:85" s="9" customFormat="1" x14ac:dyDescent="0.2">
      <c r="A2031" s="85"/>
      <c r="J2031" s="85"/>
      <c r="K2031" s="85"/>
      <c r="L2031" s="85"/>
      <c r="M2031" s="85"/>
      <c r="N2031" s="85"/>
      <c r="O2031" s="85"/>
      <c r="P2031" s="85"/>
      <c r="Q2031" s="85"/>
      <c r="R2031" s="85"/>
      <c r="S2031" s="85"/>
      <c r="T2031" s="85"/>
      <c r="U2031" s="85"/>
      <c r="V2031" s="85"/>
      <c r="W2031" s="85"/>
      <c r="X2031" s="85"/>
      <c r="Y2031" s="85"/>
      <c r="Z2031" s="85"/>
      <c r="AA2031" s="85"/>
      <c r="AB2031" s="85"/>
      <c r="AC2031" s="85"/>
      <c r="AD2031" s="85"/>
      <c r="AE2031" s="85"/>
      <c r="AF2031" s="85"/>
      <c r="AG2031" s="85"/>
      <c r="AH2031" s="85"/>
      <c r="AI2031" s="85"/>
      <c r="AJ2031" s="85"/>
      <c r="AK2031" s="85"/>
      <c r="AL2031" s="85"/>
      <c r="AM2031" s="85"/>
      <c r="AN2031" s="85"/>
      <c r="AO2031" s="85"/>
      <c r="AP2031" s="85"/>
      <c r="AQ2031" s="85"/>
      <c r="AR2031" s="85"/>
      <c r="AS2031" s="85"/>
      <c r="AT2031" s="85"/>
      <c r="AU2031" s="85"/>
      <c r="AV2031" s="85"/>
      <c r="AW2031" s="85"/>
      <c r="AX2031" s="85"/>
      <c r="AY2031" s="85"/>
      <c r="AZ2031" s="85"/>
      <c r="BA2031" s="85"/>
      <c r="BB2031" s="85"/>
      <c r="BC2031" s="85"/>
      <c r="BD2031" s="85"/>
      <c r="BE2031" s="85"/>
      <c r="BF2031" s="85"/>
      <c r="BG2031" s="85"/>
      <c r="BH2031" s="85"/>
      <c r="BI2031" s="85"/>
      <c r="BJ2031" s="85"/>
      <c r="BK2031" s="85"/>
      <c r="BL2031" s="85"/>
      <c r="BM2031" s="85"/>
      <c r="BN2031" s="85"/>
      <c r="BO2031" s="85"/>
      <c r="BP2031" s="85"/>
      <c r="BQ2031" s="85"/>
      <c r="BR2031" s="85"/>
      <c r="BS2031" s="85"/>
      <c r="BT2031" s="85"/>
      <c r="BU2031" s="85"/>
      <c r="BV2031" s="85"/>
      <c r="BW2031" s="85"/>
      <c r="BX2031" s="85"/>
      <c r="BY2031" s="85"/>
      <c r="BZ2031" s="85"/>
      <c r="CA2031" s="85"/>
      <c r="CB2031" s="85"/>
      <c r="CC2031" s="85"/>
      <c r="CD2031" s="85"/>
      <c r="CE2031" s="85"/>
      <c r="CF2031" s="85"/>
      <c r="CG2031" s="85"/>
    </row>
    <row r="2032" spans="1:85" s="9" customFormat="1" x14ac:dyDescent="0.2">
      <c r="A2032" s="85"/>
      <c r="J2032" s="85"/>
      <c r="K2032" s="85"/>
      <c r="L2032" s="85"/>
      <c r="M2032" s="85"/>
      <c r="N2032" s="85"/>
      <c r="O2032" s="85"/>
      <c r="P2032" s="85"/>
      <c r="Q2032" s="85"/>
      <c r="R2032" s="85"/>
      <c r="S2032" s="85"/>
      <c r="T2032" s="85"/>
      <c r="U2032" s="85"/>
      <c r="V2032" s="85"/>
      <c r="W2032" s="85"/>
      <c r="X2032" s="85"/>
      <c r="Y2032" s="85"/>
      <c r="Z2032" s="85"/>
      <c r="AA2032" s="85"/>
      <c r="AB2032" s="85"/>
      <c r="AC2032" s="85"/>
      <c r="AD2032" s="85"/>
      <c r="AE2032" s="85"/>
      <c r="AF2032" s="85"/>
      <c r="AG2032" s="85"/>
      <c r="AH2032" s="85"/>
      <c r="AI2032" s="85"/>
      <c r="AJ2032" s="85"/>
      <c r="AK2032" s="85"/>
      <c r="AL2032" s="85"/>
      <c r="AM2032" s="85"/>
      <c r="AN2032" s="85"/>
      <c r="AO2032" s="85"/>
      <c r="AP2032" s="85"/>
      <c r="AQ2032" s="85"/>
      <c r="AR2032" s="85"/>
      <c r="AS2032" s="85"/>
      <c r="AT2032" s="85"/>
      <c r="AU2032" s="85"/>
      <c r="AV2032" s="85"/>
      <c r="AW2032" s="85"/>
      <c r="AX2032" s="85"/>
      <c r="AY2032" s="85"/>
      <c r="AZ2032" s="85"/>
      <c r="BA2032" s="85"/>
      <c r="BB2032" s="85"/>
      <c r="BC2032" s="85"/>
      <c r="BD2032" s="85"/>
      <c r="BE2032" s="85"/>
      <c r="BF2032" s="85"/>
      <c r="BG2032" s="85"/>
      <c r="BH2032" s="85"/>
      <c r="BI2032" s="85"/>
      <c r="BJ2032" s="85"/>
      <c r="BK2032" s="85"/>
      <c r="BL2032" s="85"/>
      <c r="BM2032" s="85"/>
      <c r="BN2032" s="85"/>
      <c r="BO2032" s="85"/>
      <c r="BP2032" s="85"/>
      <c r="BQ2032" s="85"/>
      <c r="BR2032" s="85"/>
      <c r="BS2032" s="85"/>
      <c r="BT2032" s="85"/>
      <c r="BU2032" s="85"/>
      <c r="BV2032" s="85"/>
      <c r="BW2032" s="85"/>
      <c r="BX2032" s="85"/>
      <c r="BY2032" s="85"/>
      <c r="BZ2032" s="85"/>
      <c r="CA2032" s="85"/>
      <c r="CB2032" s="85"/>
      <c r="CC2032" s="85"/>
      <c r="CD2032" s="85"/>
      <c r="CE2032" s="85"/>
      <c r="CF2032" s="85"/>
      <c r="CG2032" s="85"/>
    </row>
    <row r="2033" spans="1:85" s="9" customFormat="1" x14ac:dyDescent="0.2">
      <c r="A2033" s="85"/>
      <c r="J2033" s="85"/>
      <c r="K2033" s="85"/>
      <c r="L2033" s="85"/>
      <c r="M2033" s="85"/>
      <c r="N2033" s="85"/>
      <c r="O2033" s="85"/>
      <c r="P2033" s="85"/>
      <c r="Q2033" s="85"/>
      <c r="R2033" s="85"/>
      <c r="S2033" s="85"/>
      <c r="T2033" s="85"/>
      <c r="U2033" s="85"/>
      <c r="V2033" s="85"/>
      <c r="W2033" s="85"/>
      <c r="X2033" s="85"/>
      <c r="Y2033" s="85"/>
      <c r="Z2033" s="85"/>
      <c r="AA2033" s="85"/>
      <c r="AB2033" s="85"/>
      <c r="AC2033" s="85"/>
      <c r="AD2033" s="85"/>
      <c r="AE2033" s="85"/>
      <c r="AF2033" s="85"/>
      <c r="AG2033" s="85"/>
      <c r="AH2033" s="85"/>
      <c r="AI2033" s="85"/>
      <c r="AJ2033" s="85"/>
      <c r="AK2033" s="85"/>
      <c r="AL2033" s="85"/>
      <c r="AM2033" s="85"/>
      <c r="AN2033" s="85"/>
      <c r="AO2033" s="85"/>
      <c r="AP2033" s="85"/>
      <c r="AQ2033" s="85"/>
      <c r="AR2033" s="85"/>
      <c r="AS2033" s="85"/>
      <c r="AT2033" s="85"/>
      <c r="AU2033" s="85"/>
      <c r="AV2033" s="85"/>
      <c r="AW2033" s="85"/>
      <c r="AX2033" s="85"/>
      <c r="AY2033" s="85"/>
      <c r="AZ2033" s="85"/>
      <c r="BA2033" s="85"/>
      <c r="BB2033" s="85"/>
      <c r="BC2033" s="85"/>
      <c r="BD2033" s="85"/>
      <c r="BE2033" s="85"/>
      <c r="BF2033" s="85"/>
      <c r="BG2033" s="85"/>
      <c r="BH2033" s="85"/>
      <c r="BI2033" s="85"/>
      <c r="BJ2033" s="85"/>
      <c r="BK2033" s="85"/>
      <c r="BL2033" s="85"/>
      <c r="BM2033" s="85"/>
      <c r="BN2033" s="85"/>
      <c r="BO2033" s="85"/>
      <c r="BP2033" s="85"/>
      <c r="BQ2033" s="85"/>
      <c r="BR2033" s="85"/>
      <c r="BS2033" s="85"/>
      <c r="BT2033" s="85"/>
      <c r="BU2033" s="85"/>
      <c r="BV2033" s="85"/>
      <c r="BW2033" s="85"/>
      <c r="BX2033" s="85"/>
      <c r="BY2033" s="85"/>
      <c r="BZ2033" s="85"/>
      <c r="CA2033" s="85"/>
      <c r="CB2033" s="85"/>
      <c r="CC2033" s="85"/>
      <c r="CD2033" s="85"/>
      <c r="CE2033" s="85"/>
      <c r="CF2033" s="85"/>
      <c r="CG2033" s="85"/>
    </row>
    <row r="2034" spans="1:85" s="9" customFormat="1" x14ac:dyDescent="0.2">
      <c r="A2034" s="85"/>
      <c r="J2034" s="85"/>
      <c r="K2034" s="85"/>
      <c r="L2034" s="85"/>
      <c r="M2034" s="85"/>
      <c r="N2034" s="85"/>
      <c r="O2034" s="85"/>
      <c r="P2034" s="85"/>
      <c r="Q2034" s="85"/>
      <c r="R2034" s="85"/>
      <c r="S2034" s="85"/>
      <c r="T2034" s="85"/>
      <c r="U2034" s="85"/>
      <c r="V2034" s="85"/>
      <c r="W2034" s="85"/>
      <c r="X2034" s="85"/>
      <c r="Y2034" s="85"/>
      <c r="Z2034" s="85"/>
      <c r="AA2034" s="85"/>
      <c r="AB2034" s="85"/>
      <c r="AC2034" s="85"/>
      <c r="AD2034" s="85"/>
      <c r="AE2034" s="85"/>
      <c r="AF2034" s="85"/>
      <c r="AG2034" s="85"/>
      <c r="AH2034" s="85"/>
      <c r="AI2034" s="85"/>
      <c r="AJ2034" s="85"/>
      <c r="AK2034" s="85"/>
      <c r="AL2034" s="85"/>
      <c r="AM2034" s="85"/>
      <c r="AN2034" s="85"/>
      <c r="AO2034" s="85"/>
      <c r="AP2034" s="85"/>
      <c r="AQ2034" s="85"/>
      <c r="AR2034" s="85"/>
      <c r="AS2034" s="85"/>
      <c r="AT2034" s="85"/>
      <c r="AU2034" s="85"/>
      <c r="AV2034" s="85"/>
      <c r="AW2034" s="85"/>
      <c r="AX2034" s="85"/>
      <c r="AY2034" s="85"/>
      <c r="AZ2034" s="85"/>
      <c r="BA2034" s="85"/>
      <c r="BB2034" s="85"/>
      <c r="BC2034" s="85"/>
      <c r="BD2034" s="85"/>
      <c r="BE2034" s="85"/>
      <c r="BF2034" s="85"/>
      <c r="BG2034" s="85"/>
      <c r="BH2034" s="85"/>
      <c r="BI2034" s="85"/>
      <c r="BJ2034" s="85"/>
      <c r="BK2034" s="85"/>
      <c r="BL2034" s="85"/>
      <c r="BM2034" s="85"/>
      <c r="BN2034" s="85"/>
      <c r="BO2034" s="85"/>
      <c r="BP2034" s="85"/>
      <c r="BQ2034" s="85"/>
      <c r="BR2034" s="85"/>
      <c r="BS2034" s="85"/>
      <c r="BT2034" s="85"/>
      <c r="BU2034" s="85"/>
      <c r="BV2034" s="85"/>
      <c r="BW2034" s="85"/>
      <c r="BX2034" s="85"/>
      <c r="BY2034" s="85"/>
      <c r="BZ2034" s="85"/>
      <c r="CA2034" s="85"/>
      <c r="CB2034" s="85"/>
      <c r="CC2034" s="85"/>
      <c r="CD2034" s="85"/>
      <c r="CE2034" s="85"/>
      <c r="CF2034" s="85"/>
      <c r="CG2034" s="85"/>
    </row>
    <row r="2035" spans="1:85" s="9" customFormat="1" x14ac:dyDescent="0.2">
      <c r="A2035" s="85"/>
      <c r="J2035" s="85"/>
      <c r="K2035" s="85"/>
      <c r="L2035" s="85"/>
      <c r="M2035" s="85"/>
      <c r="N2035" s="85"/>
      <c r="O2035" s="85"/>
      <c r="P2035" s="85"/>
      <c r="Q2035" s="85"/>
      <c r="R2035" s="85"/>
      <c r="S2035" s="85"/>
      <c r="T2035" s="85"/>
      <c r="U2035" s="85"/>
      <c r="V2035" s="85"/>
      <c r="W2035" s="85"/>
      <c r="X2035" s="85"/>
      <c r="Y2035" s="85"/>
      <c r="Z2035" s="85"/>
      <c r="AA2035" s="85"/>
      <c r="AB2035" s="85"/>
      <c r="AC2035" s="85"/>
      <c r="AD2035" s="85"/>
      <c r="AE2035" s="85"/>
      <c r="AF2035" s="85"/>
      <c r="AG2035" s="85"/>
      <c r="AH2035" s="85"/>
      <c r="AI2035" s="85"/>
      <c r="AJ2035" s="85"/>
      <c r="AK2035" s="85"/>
      <c r="AL2035" s="85"/>
      <c r="AM2035" s="85"/>
      <c r="AN2035" s="85"/>
      <c r="AO2035" s="85"/>
      <c r="AP2035" s="85"/>
      <c r="AQ2035" s="85"/>
      <c r="AR2035" s="85"/>
      <c r="AS2035" s="85"/>
      <c r="AT2035" s="85"/>
      <c r="AU2035" s="85"/>
      <c r="AV2035" s="85"/>
      <c r="AW2035" s="85"/>
      <c r="AX2035" s="85"/>
      <c r="AY2035" s="85"/>
      <c r="AZ2035" s="85"/>
      <c r="BA2035" s="85"/>
      <c r="BB2035" s="85"/>
      <c r="BC2035" s="85"/>
      <c r="BD2035" s="85"/>
      <c r="BE2035" s="85"/>
      <c r="BF2035" s="85"/>
      <c r="BG2035" s="85"/>
      <c r="BH2035" s="85"/>
      <c r="BI2035" s="85"/>
      <c r="BJ2035" s="85"/>
      <c r="BK2035" s="85"/>
      <c r="BL2035" s="85"/>
      <c r="BM2035" s="85"/>
      <c r="BN2035" s="85"/>
      <c r="BO2035" s="85"/>
      <c r="BP2035" s="85"/>
      <c r="BQ2035" s="85"/>
      <c r="BR2035" s="85"/>
      <c r="BS2035" s="85"/>
      <c r="BT2035" s="85"/>
      <c r="BU2035" s="85"/>
      <c r="BV2035" s="85"/>
      <c r="BW2035" s="85"/>
      <c r="BX2035" s="85"/>
      <c r="BY2035" s="85"/>
      <c r="BZ2035" s="85"/>
      <c r="CA2035" s="85"/>
      <c r="CB2035" s="85"/>
      <c r="CC2035" s="85"/>
      <c r="CD2035" s="85"/>
      <c r="CE2035" s="85"/>
      <c r="CF2035" s="85"/>
      <c r="CG2035" s="85"/>
    </row>
    <row r="2036" spans="1:85" s="9" customFormat="1" x14ac:dyDescent="0.2">
      <c r="A2036" s="85"/>
      <c r="J2036" s="85"/>
      <c r="K2036" s="85"/>
      <c r="L2036" s="85"/>
      <c r="M2036" s="85"/>
      <c r="N2036" s="85"/>
      <c r="O2036" s="85"/>
      <c r="P2036" s="85"/>
      <c r="Q2036" s="85"/>
      <c r="R2036" s="85"/>
      <c r="S2036" s="85"/>
      <c r="T2036" s="85"/>
      <c r="U2036" s="85"/>
      <c r="V2036" s="85"/>
      <c r="W2036" s="85"/>
      <c r="X2036" s="85"/>
      <c r="Y2036" s="85"/>
      <c r="Z2036" s="85"/>
      <c r="AA2036" s="85"/>
      <c r="AB2036" s="85"/>
      <c r="AC2036" s="85"/>
      <c r="AD2036" s="85"/>
      <c r="AE2036" s="85"/>
      <c r="AF2036" s="85"/>
      <c r="AG2036" s="85"/>
      <c r="AH2036" s="85"/>
      <c r="AI2036" s="85"/>
      <c r="AJ2036" s="85"/>
      <c r="AK2036" s="85"/>
      <c r="AL2036" s="85"/>
      <c r="AM2036" s="85"/>
      <c r="AN2036" s="85"/>
      <c r="AO2036" s="85"/>
      <c r="AP2036" s="85"/>
      <c r="AQ2036" s="85"/>
      <c r="AR2036" s="85"/>
      <c r="AS2036" s="85"/>
      <c r="AT2036" s="85"/>
      <c r="AU2036" s="85"/>
      <c r="AV2036" s="85"/>
      <c r="AW2036" s="85"/>
      <c r="AX2036" s="85"/>
      <c r="AY2036" s="85"/>
      <c r="AZ2036" s="85"/>
      <c r="BA2036" s="85"/>
      <c r="BB2036" s="85"/>
      <c r="BC2036" s="85"/>
      <c r="BD2036" s="85"/>
      <c r="BE2036" s="85"/>
      <c r="BF2036" s="85"/>
      <c r="BG2036" s="85"/>
      <c r="BH2036" s="85"/>
      <c r="BI2036" s="85"/>
      <c r="BJ2036" s="85"/>
      <c r="BK2036" s="85"/>
      <c r="BL2036" s="85"/>
      <c r="BM2036" s="85"/>
      <c r="BN2036" s="85"/>
      <c r="BO2036" s="85"/>
      <c r="BP2036" s="85"/>
      <c r="BQ2036" s="85"/>
      <c r="BR2036" s="85"/>
      <c r="BS2036" s="85"/>
      <c r="BT2036" s="85"/>
      <c r="BU2036" s="85"/>
      <c r="BV2036" s="85"/>
      <c r="BW2036" s="85"/>
      <c r="BX2036" s="85"/>
      <c r="BY2036" s="85"/>
      <c r="BZ2036" s="85"/>
      <c r="CA2036" s="85"/>
      <c r="CB2036" s="85"/>
      <c r="CC2036" s="85"/>
      <c r="CD2036" s="85"/>
      <c r="CE2036" s="85"/>
      <c r="CF2036" s="85"/>
      <c r="CG2036" s="85"/>
    </row>
    <row r="2037" spans="1:85" s="9" customFormat="1" x14ac:dyDescent="0.2">
      <c r="A2037" s="85"/>
      <c r="J2037" s="85"/>
      <c r="K2037" s="85"/>
      <c r="L2037" s="85"/>
      <c r="M2037" s="85"/>
      <c r="N2037" s="85"/>
      <c r="O2037" s="85"/>
      <c r="P2037" s="85"/>
      <c r="Q2037" s="85"/>
      <c r="R2037" s="85"/>
      <c r="S2037" s="85"/>
      <c r="T2037" s="85"/>
      <c r="U2037" s="85"/>
      <c r="V2037" s="85"/>
      <c r="W2037" s="85"/>
      <c r="X2037" s="85"/>
      <c r="Y2037" s="85"/>
      <c r="Z2037" s="85"/>
      <c r="AA2037" s="85"/>
      <c r="AB2037" s="85"/>
      <c r="AC2037" s="85"/>
      <c r="AD2037" s="85"/>
      <c r="AE2037" s="85"/>
      <c r="AF2037" s="85"/>
      <c r="AG2037" s="85"/>
      <c r="AH2037" s="85"/>
      <c r="AI2037" s="85"/>
      <c r="AJ2037" s="85"/>
      <c r="AK2037" s="85"/>
      <c r="AL2037" s="85"/>
      <c r="AM2037" s="85"/>
      <c r="AN2037" s="85"/>
      <c r="AO2037" s="85"/>
      <c r="AP2037" s="85"/>
      <c r="AQ2037" s="85"/>
      <c r="AR2037" s="85"/>
      <c r="AS2037" s="85"/>
      <c r="AT2037" s="85"/>
      <c r="AU2037" s="85"/>
      <c r="AV2037" s="85"/>
      <c r="AW2037" s="85"/>
      <c r="AX2037" s="85"/>
      <c r="AY2037" s="85"/>
      <c r="AZ2037" s="85"/>
      <c r="BA2037" s="85"/>
      <c r="BB2037" s="85"/>
      <c r="BC2037" s="85"/>
      <c r="BD2037" s="85"/>
      <c r="BE2037" s="85"/>
      <c r="BF2037" s="85"/>
      <c r="BG2037" s="85"/>
      <c r="BH2037" s="85"/>
      <c r="BI2037" s="85"/>
      <c r="BJ2037" s="85"/>
      <c r="BK2037" s="85"/>
      <c r="BL2037" s="85"/>
      <c r="BM2037" s="85"/>
      <c r="BN2037" s="85"/>
      <c r="BO2037" s="85"/>
      <c r="BP2037" s="85"/>
      <c r="BQ2037" s="85"/>
      <c r="BR2037" s="85"/>
      <c r="BS2037" s="85"/>
      <c r="BT2037" s="85"/>
      <c r="BU2037" s="85"/>
      <c r="BV2037" s="85"/>
      <c r="BW2037" s="85"/>
      <c r="BX2037" s="85"/>
      <c r="BY2037" s="85"/>
      <c r="BZ2037" s="85"/>
      <c r="CA2037" s="85"/>
      <c r="CB2037" s="85"/>
      <c r="CC2037" s="85"/>
      <c r="CD2037" s="85"/>
      <c r="CE2037" s="85"/>
      <c r="CF2037" s="85"/>
      <c r="CG2037" s="85"/>
    </row>
    <row r="2038" spans="1:85" s="9" customFormat="1" x14ac:dyDescent="0.2">
      <c r="A2038" s="85"/>
      <c r="J2038" s="85"/>
      <c r="K2038" s="85"/>
      <c r="L2038" s="85"/>
      <c r="M2038" s="85"/>
      <c r="N2038" s="85"/>
      <c r="O2038" s="85"/>
      <c r="P2038" s="85"/>
      <c r="Q2038" s="85"/>
      <c r="R2038" s="85"/>
      <c r="S2038" s="85"/>
      <c r="T2038" s="85"/>
      <c r="U2038" s="85"/>
      <c r="V2038" s="85"/>
      <c r="W2038" s="85"/>
      <c r="X2038" s="85"/>
      <c r="Y2038" s="85"/>
      <c r="Z2038" s="85"/>
      <c r="AA2038" s="85"/>
      <c r="AB2038" s="85"/>
      <c r="AC2038" s="85"/>
      <c r="AD2038" s="85"/>
      <c r="AE2038" s="85"/>
      <c r="AF2038" s="85"/>
      <c r="AG2038" s="85"/>
      <c r="AH2038" s="85"/>
      <c r="AI2038" s="85"/>
      <c r="AJ2038" s="85"/>
      <c r="AK2038" s="85"/>
      <c r="AL2038" s="85"/>
      <c r="AM2038" s="85"/>
      <c r="AN2038" s="85"/>
      <c r="AO2038" s="85"/>
      <c r="AP2038" s="85"/>
      <c r="AQ2038" s="85"/>
      <c r="AR2038" s="85"/>
      <c r="AS2038" s="85"/>
      <c r="AT2038" s="85"/>
      <c r="AU2038" s="85"/>
      <c r="AV2038" s="85"/>
      <c r="AW2038" s="85"/>
      <c r="AX2038" s="85"/>
      <c r="AY2038" s="85"/>
      <c r="AZ2038" s="85"/>
      <c r="BA2038" s="85"/>
      <c r="BB2038" s="85"/>
      <c r="BC2038" s="85"/>
      <c r="BD2038" s="85"/>
      <c r="BE2038" s="85"/>
      <c r="BF2038" s="85"/>
      <c r="BG2038" s="85"/>
      <c r="BH2038" s="85"/>
      <c r="BI2038" s="85"/>
      <c r="BJ2038" s="85"/>
      <c r="BK2038" s="85"/>
      <c r="BL2038" s="85"/>
      <c r="BM2038" s="85"/>
      <c r="BN2038" s="85"/>
      <c r="BO2038" s="85"/>
      <c r="BP2038" s="85"/>
      <c r="BQ2038" s="85"/>
      <c r="BR2038" s="85"/>
      <c r="BS2038" s="85"/>
      <c r="BT2038" s="85"/>
      <c r="BU2038" s="85"/>
      <c r="BV2038" s="85"/>
      <c r="BW2038" s="85"/>
      <c r="BX2038" s="85"/>
      <c r="BY2038" s="85"/>
      <c r="BZ2038" s="85"/>
      <c r="CA2038" s="85"/>
      <c r="CB2038" s="85"/>
      <c r="CC2038" s="85"/>
      <c r="CD2038" s="85"/>
      <c r="CE2038" s="85"/>
      <c r="CF2038" s="85"/>
      <c r="CG2038" s="85"/>
    </row>
    <row r="2039" spans="1:85" s="9" customFormat="1" x14ac:dyDescent="0.2">
      <c r="A2039" s="85"/>
      <c r="J2039" s="85"/>
      <c r="K2039" s="85"/>
      <c r="L2039" s="85"/>
      <c r="M2039" s="85"/>
      <c r="N2039" s="85"/>
      <c r="O2039" s="85"/>
      <c r="P2039" s="85"/>
      <c r="Q2039" s="85"/>
      <c r="R2039" s="85"/>
      <c r="S2039" s="85"/>
      <c r="T2039" s="85"/>
      <c r="U2039" s="85"/>
      <c r="V2039" s="85"/>
      <c r="W2039" s="85"/>
      <c r="X2039" s="85"/>
      <c r="Y2039" s="85"/>
      <c r="Z2039" s="85"/>
      <c r="AA2039" s="85"/>
      <c r="AB2039" s="85"/>
      <c r="AC2039" s="85"/>
      <c r="AD2039" s="85"/>
      <c r="AE2039" s="85"/>
      <c r="AF2039" s="85"/>
      <c r="AG2039" s="85"/>
      <c r="AH2039" s="85"/>
      <c r="AI2039" s="85"/>
      <c r="AJ2039" s="85"/>
      <c r="AK2039" s="85"/>
      <c r="AL2039" s="85"/>
      <c r="AM2039" s="85"/>
      <c r="AN2039" s="85"/>
      <c r="AO2039" s="85"/>
      <c r="AP2039" s="85"/>
      <c r="AQ2039" s="85"/>
      <c r="AR2039" s="85"/>
      <c r="AS2039" s="85"/>
      <c r="AT2039" s="85"/>
      <c r="AU2039" s="85"/>
      <c r="AV2039" s="85"/>
      <c r="AW2039" s="85"/>
      <c r="AX2039" s="85"/>
      <c r="AY2039" s="85"/>
      <c r="AZ2039" s="85"/>
      <c r="BA2039" s="85"/>
      <c r="BB2039" s="85"/>
      <c r="BC2039" s="85"/>
      <c r="BD2039" s="85"/>
      <c r="BE2039" s="85"/>
      <c r="BF2039" s="85"/>
      <c r="BG2039" s="85"/>
      <c r="BH2039" s="85"/>
      <c r="BI2039" s="85"/>
      <c r="BJ2039" s="85"/>
      <c r="BK2039" s="85"/>
      <c r="BL2039" s="85"/>
      <c r="BM2039" s="85"/>
      <c r="BN2039" s="85"/>
      <c r="BO2039" s="85"/>
      <c r="BP2039" s="85"/>
      <c r="BQ2039" s="85"/>
      <c r="BR2039" s="85"/>
      <c r="BS2039" s="85"/>
      <c r="BT2039" s="85"/>
      <c r="BU2039" s="85"/>
      <c r="BV2039" s="85"/>
      <c r="BW2039" s="85"/>
      <c r="BX2039" s="85"/>
      <c r="BY2039" s="85"/>
      <c r="BZ2039" s="85"/>
      <c r="CA2039" s="85"/>
      <c r="CB2039" s="85"/>
      <c r="CC2039" s="85"/>
      <c r="CD2039" s="85"/>
      <c r="CE2039" s="85"/>
      <c r="CF2039" s="85"/>
      <c r="CG2039" s="85"/>
    </row>
    <row r="2040" spans="1:85" s="9" customFormat="1" x14ac:dyDescent="0.2">
      <c r="A2040" s="85"/>
      <c r="J2040" s="85"/>
      <c r="K2040" s="85"/>
      <c r="L2040" s="85"/>
      <c r="M2040" s="85"/>
      <c r="N2040" s="85"/>
      <c r="O2040" s="85"/>
      <c r="P2040" s="85"/>
      <c r="Q2040" s="85"/>
      <c r="R2040" s="85"/>
      <c r="S2040" s="85"/>
      <c r="T2040" s="85"/>
      <c r="U2040" s="85"/>
      <c r="V2040" s="85"/>
      <c r="W2040" s="85"/>
      <c r="X2040" s="85"/>
      <c r="Y2040" s="85"/>
      <c r="Z2040" s="85"/>
      <c r="AA2040" s="85"/>
      <c r="AB2040" s="85"/>
      <c r="AC2040" s="85"/>
      <c r="AD2040" s="85"/>
      <c r="AE2040" s="85"/>
      <c r="AF2040" s="85"/>
      <c r="AG2040" s="85"/>
      <c r="AH2040" s="85"/>
      <c r="AI2040" s="85"/>
      <c r="AJ2040" s="85"/>
      <c r="AK2040" s="85"/>
      <c r="AL2040" s="85"/>
      <c r="AM2040" s="85"/>
      <c r="AN2040" s="85"/>
      <c r="AO2040" s="85"/>
      <c r="AP2040" s="85"/>
      <c r="AQ2040" s="85"/>
      <c r="AR2040" s="85"/>
      <c r="AS2040" s="85"/>
      <c r="AT2040" s="85"/>
      <c r="AU2040" s="85"/>
      <c r="AV2040" s="85"/>
      <c r="AW2040" s="85"/>
      <c r="AX2040" s="85"/>
      <c r="AY2040" s="85"/>
      <c r="AZ2040" s="85"/>
      <c r="BA2040" s="85"/>
      <c r="BB2040" s="85"/>
      <c r="BC2040" s="85"/>
      <c r="BD2040" s="85"/>
      <c r="BE2040" s="85"/>
      <c r="BF2040" s="85"/>
      <c r="BG2040" s="85"/>
      <c r="BH2040" s="85"/>
      <c r="BI2040" s="85"/>
      <c r="BJ2040" s="85"/>
      <c r="BK2040" s="85"/>
      <c r="BL2040" s="85"/>
      <c r="BM2040" s="85"/>
      <c r="BN2040" s="85"/>
      <c r="BO2040" s="85"/>
      <c r="BP2040" s="85"/>
      <c r="BQ2040" s="85"/>
      <c r="BR2040" s="85"/>
      <c r="BS2040" s="85"/>
      <c r="BT2040" s="85"/>
      <c r="BU2040" s="85"/>
      <c r="BV2040" s="85"/>
      <c r="BW2040" s="85"/>
      <c r="BX2040" s="85"/>
      <c r="BY2040" s="85"/>
      <c r="BZ2040" s="85"/>
      <c r="CA2040" s="85"/>
      <c r="CB2040" s="85"/>
      <c r="CC2040" s="85"/>
      <c r="CD2040" s="85"/>
      <c r="CE2040" s="85"/>
      <c r="CF2040" s="85"/>
      <c r="CG2040" s="85"/>
    </row>
    <row r="2041" spans="1:85" s="9" customFormat="1" x14ac:dyDescent="0.2">
      <c r="A2041" s="85"/>
      <c r="J2041" s="85"/>
      <c r="K2041" s="85"/>
      <c r="L2041" s="85"/>
      <c r="M2041" s="85"/>
      <c r="N2041" s="85"/>
      <c r="O2041" s="85"/>
      <c r="P2041" s="85"/>
      <c r="Q2041" s="85"/>
      <c r="R2041" s="85"/>
      <c r="S2041" s="85"/>
      <c r="T2041" s="85"/>
      <c r="U2041" s="85"/>
      <c r="V2041" s="85"/>
      <c r="W2041" s="85"/>
      <c r="X2041" s="85"/>
      <c r="Y2041" s="85"/>
      <c r="Z2041" s="85"/>
      <c r="AA2041" s="85"/>
      <c r="AB2041" s="85"/>
      <c r="AC2041" s="85"/>
      <c r="AD2041" s="85"/>
      <c r="AE2041" s="85"/>
      <c r="AF2041" s="85"/>
      <c r="AG2041" s="85"/>
      <c r="AH2041" s="85"/>
      <c r="AI2041" s="85"/>
      <c r="AJ2041" s="85"/>
      <c r="AK2041" s="85"/>
      <c r="AL2041" s="85"/>
      <c r="AM2041" s="85"/>
      <c r="AN2041" s="85"/>
      <c r="AO2041" s="85"/>
      <c r="AP2041" s="85"/>
      <c r="AQ2041" s="85"/>
      <c r="AR2041" s="85"/>
      <c r="AS2041" s="85"/>
      <c r="AT2041" s="85"/>
      <c r="AU2041" s="85"/>
      <c r="AV2041" s="85"/>
      <c r="AW2041" s="85"/>
      <c r="AX2041" s="85"/>
      <c r="AY2041" s="85"/>
      <c r="AZ2041" s="85"/>
      <c r="BA2041" s="85"/>
      <c r="BB2041" s="85"/>
      <c r="BC2041" s="85"/>
      <c r="BD2041" s="85"/>
      <c r="BE2041" s="85"/>
      <c r="BF2041" s="85"/>
      <c r="BG2041" s="85"/>
      <c r="BH2041" s="85"/>
      <c r="BI2041" s="85"/>
      <c r="BJ2041" s="85"/>
      <c r="BK2041" s="85"/>
      <c r="BL2041" s="85"/>
      <c r="BM2041" s="85"/>
      <c r="BN2041" s="85"/>
      <c r="BO2041" s="85"/>
      <c r="BP2041" s="85"/>
      <c r="BQ2041" s="85"/>
      <c r="BR2041" s="85"/>
      <c r="BS2041" s="85"/>
      <c r="BT2041" s="85"/>
      <c r="BU2041" s="85"/>
      <c r="BV2041" s="85"/>
      <c r="BW2041" s="85"/>
      <c r="BX2041" s="85"/>
      <c r="BY2041" s="85"/>
      <c r="BZ2041" s="85"/>
      <c r="CA2041" s="85"/>
      <c r="CB2041" s="85"/>
      <c r="CC2041" s="85"/>
      <c r="CD2041" s="85"/>
      <c r="CE2041" s="85"/>
      <c r="CF2041" s="85"/>
      <c r="CG2041" s="85"/>
    </row>
    <row r="2042" spans="1:85" s="9" customFormat="1" x14ac:dyDescent="0.2">
      <c r="A2042" s="85"/>
      <c r="J2042" s="85"/>
      <c r="K2042" s="85"/>
      <c r="L2042" s="85"/>
      <c r="M2042" s="85"/>
      <c r="N2042" s="85"/>
      <c r="O2042" s="85"/>
      <c r="P2042" s="85"/>
      <c r="Q2042" s="85"/>
      <c r="R2042" s="85"/>
      <c r="S2042" s="85"/>
      <c r="T2042" s="85"/>
      <c r="U2042" s="85"/>
      <c r="V2042" s="85"/>
      <c r="W2042" s="85"/>
      <c r="X2042" s="85"/>
      <c r="Y2042" s="85"/>
      <c r="Z2042" s="85"/>
      <c r="AA2042" s="85"/>
      <c r="AB2042" s="85"/>
      <c r="AC2042" s="85"/>
      <c r="AD2042" s="85"/>
      <c r="AE2042" s="85"/>
      <c r="AF2042" s="85"/>
      <c r="AG2042" s="85"/>
      <c r="AH2042" s="85"/>
      <c r="AI2042" s="85"/>
      <c r="AJ2042" s="85"/>
      <c r="AK2042" s="85"/>
      <c r="AL2042" s="85"/>
      <c r="AM2042" s="85"/>
      <c r="AN2042" s="85"/>
      <c r="AO2042" s="85"/>
      <c r="AP2042" s="85"/>
      <c r="AQ2042" s="85"/>
      <c r="AR2042" s="85"/>
      <c r="AS2042" s="85"/>
      <c r="AT2042" s="85"/>
      <c r="AU2042" s="85"/>
      <c r="AV2042" s="85"/>
      <c r="AW2042" s="85"/>
      <c r="AX2042" s="85"/>
      <c r="AY2042" s="85"/>
      <c r="AZ2042" s="85"/>
      <c r="BA2042" s="85"/>
      <c r="BB2042" s="85"/>
      <c r="BC2042" s="85"/>
      <c r="BD2042" s="85"/>
      <c r="BE2042" s="85"/>
      <c r="BF2042" s="85"/>
      <c r="BG2042" s="85"/>
      <c r="BH2042" s="85"/>
      <c r="BI2042" s="85"/>
      <c r="BJ2042" s="85"/>
      <c r="BK2042" s="85"/>
      <c r="BL2042" s="85"/>
      <c r="BM2042" s="85"/>
      <c r="BN2042" s="85"/>
      <c r="BO2042" s="85"/>
      <c r="BP2042" s="85"/>
      <c r="BQ2042" s="85"/>
      <c r="BR2042" s="85"/>
      <c r="BS2042" s="85"/>
      <c r="BT2042" s="85"/>
      <c r="BU2042" s="85"/>
      <c r="BV2042" s="85"/>
      <c r="BW2042" s="85"/>
      <c r="BX2042" s="85"/>
      <c r="BY2042" s="85"/>
      <c r="BZ2042" s="85"/>
      <c r="CA2042" s="85"/>
      <c r="CB2042" s="85"/>
      <c r="CC2042" s="85"/>
      <c r="CD2042" s="85"/>
      <c r="CE2042" s="85"/>
      <c r="CF2042" s="85"/>
      <c r="CG2042" s="85"/>
    </row>
    <row r="2043" spans="1:85" s="9" customFormat="1" x14ac:dyDescent="0.2">
      <c r="A2043" s="85"/>
      <c r="J2043" s="85"/>
      <c r="K2043" s="85"/>
      <c r="L2043" s="85"/>
      <c r="M2043" s="85"/>
      <c r="N2043" s="85"/>
      <c r="O2043" s="85"/>
      <c r="P2043" s="85"/>
      <c r="Q2043" s="85"/>
      <c r="R2043" s="85"/>
      <c r="S2043" s="85"/>
      <c r="T2043" s="85"/>
      <c r="U2043" s="85"/>
      <c r="V2043" s="85"/>
      <c r="W2043" s="85"/>
      <c r="X2043" s="85"/>
      <c r="Y2043" s="85"/>
      <c r="Z2043" s="85"/>
      <c r="AA2043" s="85"/>
      <c r="AB2043" s="85"/>
      <c r="AC2043" s="85"/>
      <c r="AD2043" s="85"/>
      <c r="AE2043" s="85"/>
      <c r="AF2043" s="85"/>
      <c r="AG2043" s="85"/>
      <c r="AH2043" s="85"/>
      <c r="AI2043" s="85"/>
      <c r="AJ2043" s="85"/>
      <c r="AK2043" s="85"/>
      <c r="AL2043" s="85"/>
      <c r="AM2043" s="85"/>
      <c r="AN2043" s="85"/>
      <c r="AO2043" s="85"/>
      <c r="AP2043" s="85"/>
      <c r="AQ2043" s="85"/>
      <c r="AR2043" s="85"/>
      <c r="AS2043" s="85"/>
      <c r="AT2043" s="85"/>
      <c r="AU2043" s="85"/>
      <c r="AV2043" s="85"/>
      <c r="AW2043" s="85"/>
      <c r="AX2043" s="85"/>
      <c r="AY2043" s="85"/>
      <c r="AZ2043" s="85"/>
      <c r="BA2043" s="85"/>
      <c r="BB2043" s="85"/>
      <c r="BC2043" s="85"/>
      <c r="BD2043" s="85"/>
      <c r="BE2043" s="85"/>
      <c r="BF2043" s="85"/>
      <c r="BG2043" s="85"/>
      <c r="BH2043" s="85"/>
      <c r="BI2043" s="85"/>
      <c r="BJ2043" s="85"/>
      <c r="BK2043" s="85"/>
      <c r="BL2043" s="85"/>
      <c r="BM2043" s="85"/>
      <c r="BN2043" s="85"/>
      <c r="BO2043" s="85"/>
      <c r="BP2043" s="85"/>
      <c r="BQ2043" s="85"/>
      <c r="BR2043" s="85"/>
      <c r="BS2043" s="85"/>
      <c r="BT2043" s="85"/>
      <c r="BU2043" s="85"/>
      <c r="BV2043" s="85"/>
      <c r="BW2043" s="85"/>
      <c r="BX2043" s="85"/>
      <c r="BY2043" s="85"/>
      <c r="BZ2043" s="85"/>
      <c r="CA2043" s="85"/>
      <c r="CB2043" s="85"/>
      <c r="CC2043" s="85"/>
      <c r="CD2043" s="85"/>
      <c r="CE2043" s="85"/>
      <c r="CF2043" s="85"/>
      <c r="CG2043" s="85"/>
    </row>
    <row r="2044" spans="1:85" s="9" customFormat="1" x14ac:dyDescent="0.2">
      <c r="A2044" s="85"/>
      <c r="J2044" s="85"/>
      <c r="K2044" s="85"/>
      <c r="L2044" s="85"/>
      <c r="M2044" s="85"/>
      <c r="N2044" s="85"/>
      <c r="O2044" s="85"/>
      <c r="P2044" s="85"/>
      <c r="Q2044" s="85"/>
      <c r="R2044" s="85"/>
      <c r="S2044" s="85"/>
      <c r="T2044" s="85"/>
      <c r="U2044" s="85"/>
      <c r="V2044" s="85"/>
      <c r="W2044" s="85"/>
      <c r="X2044" s="85"/>
      <c r="Y2044" s="85"/>
      <c r="Z2044" s="85"/>
      <c r="AA2044" s="85"/>
      <c r="AB2044" s="85"/>
      <c r="AC2044" s="85"/>
      <c r="AD2044" s="85"/>
      <c r="AE2044" s="85"/>
      <c r="AF2044" s="85"/>
      <c r="AG2044" s="85"/>
      <c r="AH2044" s="85"/>
      <c r="AI2044" s="85"/>
      <c r="AJ2044" s="85"/>
      <c r="AK2044" s="85"/>
      <c r="AL2044" s="85"/>
      <c r="AM2044" s="85"/>
      <c r="AN2044" s="85"/>
      <c r="AO2044" s="85"/>
      <c r="AP2044" s="85"/>
      <c r="AQ2044" s="85"/>
      <c r="AR2044" s="85"/>
      <c r="AS2044" s="85"/>
      <c r="AT2044" s="85"/>
      <c r="AU2044" s="85"/>
      <c r="AV2044" s="85"/>
      <c r="AW2044" s="85"/>
      <c r="AX2044" s="85"/>
      <c r="AY2044" s="85"/>
      <c r="AZ2044" s="85"/>
      <c r="BA2044" s="85"/>
      <c r="BB2044" s="85"/>
      <c r="BC2044" s="85"/>
      <c r="BD2044" s="85"/>
      <c r="BE2044" s="85"/>
      <c r="BF2044" s="85"/>
      <c r="BG2044" s="85"/>
      <c r="BH2044" s="85"/>
      <c r="BI2044" s="85"/>
      <c r="BJ2044" s="85"/>
      <c r="BK2044" s="85"/>
      <c r="BL2044" s="85"/>
      <c r="BM2044" s="85"/>
      <c r="BN2044" s="85"/>
      <c r="BO2044" s="85"/>
      <c r="BP2044" s="85"/>
      <c r="BQ2044" s="85"/>
      <c r="BR2044" s="85"/>
      <c r="BS2044" s="85"/>
      <c r="BT2044" s="85"/>
      <c r="BU2044" s="85"/>
      <c r="BV2044" s="85"/>
      <c r="BW2044" s="85"/>
      <c r="BX2044" s="85"/>
      <c r="BY2044" s="85"/>
      <c r="BZ2044" s="85"/>
      <c r="CA2044" s="85"/>
      <c r="CB2044" s="85"/>
      <c r="CC2044" s="85"/>
      <c r="CD2044" s="85"/>
      <c r="CE2044" s="85"/>
      <c r="CF2044" s="85"/>
      <c r="CG2044" s="85"/>
    </row>
    <row r="2045" spans="1:85" s="9" customFormat="1" x14ac:dyDescent="0.2">
      <c r="A2045" s="85"/>
      <c r="J2045" s="85"/>
      <c r="K2045" s="85"/>
      <c r="L2045" s="85"/>
      <c r="M2045" s="85"/>
      <c r="N2045" s="85"/>
      <c r="O2045" s="85"/>
      <c r="P2045" s="85"/>
      <c r="Q2045" s="85"/>
      <c r="R2045" s="85"/>
      <c r="S2045" s="85"/>
      <c r="T2045" s="85"/>
      <c r="U2045" s="85"/>
      <c r="V2045" s="85"/>
      <c r="W2045" s="85"/>
      <c r="X2045" s="85"/>
      <c r="Y2045" s="85"/>
      <c r="Z2045" s="85"/>
      <c r="AA2045" s="85"/>
      <c r="AB2045" s="85"/>
      <c r="AC2045" s="85"/>
      <c r="AD2045" s="85"/>
      <c r="AE2045" s="85"/>
      <c r="AF2045" s="85"/>
      <c r="AG2045" s="85"/>
      <c r="AH2045" s="85"/>
      <c r="AI2045" s="85"/>
      <c r="AJ2045" s="85"/>
      <c r="AK2045" s="85"/>
      <c r="AL2045" s="85"/>
      <c r="AM2045" s="85"/>
      <c r="AN2045" s="85"/>
      <c r="AO2045" s="85"/>
      <c r="AP2045" s="85"/>
      <c r="AQ2045" s="85"/>
      <c r="AR2045" s="85"/>
      <c r="AS2045" s="85"/>
      <c r="AT2045" s="85"/>
      <c r="AU2045" s="85"/>
      <c r="AV2045" s="85"/>
      <c r="AW2045" s="85"/>
      <c r="AX2045" s="85"/>
      <c r="AY2045" s="85"/>
      <c r="AZ2045" s="85"/>
      <c r="BA2045" s="85"/>
      <c r="BB2045" s="85"/>
      <c r="BC2045" s="85"/>
      <c r="BD2045" s="85"/>
      <c r="BE2045" s="85"/>
      <c r="BF2045" s="85"/>
      <c r="BG2045" s="85"/>
      <c r="BH2045" s="85"/>
      <c r="BI2045" s="85"/>
      <c r="BJ2045" s="85"/>
      <c r="BK2045" s="85"/>
      <c r="BL2045" s="85"/>
      <c r="BM2045" s="85"/>
      <c r="BN2045" s="85"/>
      <c r="BO2045" s="85"/>
      <c r="BP2045" s="85"/>
      <c r="BQ2045" s="85"/>
      <c r="BR2045" s="85"/>
      <c r="BS2045" s="85"/>
      <c r="BT2045" s="85"/>
      <c r="BU2045" s="85"/>
      <c r="BV2045" s="85"/>
      <c r="BW2045" s="85"/>
      <c r="BX2045" s="85"/>
      <c r="BY2045" s="85"/>
      <c r="BZ2045" s="85"/>
      <c r="CA2045" s="85"/>
      <c r="CB2045" s="85"/>
      <c r="CC2045" s="85"/>
      <c r="CD2045" s="85"/>
      <c r="CE2045" s="85"/>
      <c r="CF2045" s="85"/>
      <c r="CG2045" s="85"/>
    </row>
    <row r="2046" spans="1:85" s="9" customFormat="1" x14ac:dyDescent="0.2">
      <c r="A2046" s="85"/>
      <c r="J2046" s="85"/>
      <c r="K2046" s="85"/>
      <c r="L2046" s="85"/>
      <c r="M2046" s="85"/>
      <c r="N2046" s="85"/>
      <c r="O2046" s="85"/>
      <c r="P2046" s="85"/>
      <c r="Q2046" s="85"/>
      <c r="R2046" s="85"/>
      <c r="S2046" s="85"/>
      <c r="T2046" s="85"/>
      <c r="U2046" s="85"/>
      <c r="V2046" s="85"/>
      <c r="W2046" s="85"/>
      <c r="X2046" s="85"/>
      <c r="Y2046" s="85"/>
      <c r="Z2046" s="85"/>
      <c r="AA2046" s="85"/>
      <c r="AB2046" s="85"/>
      <c r="AC2046" s="85"/>
      <c r="AD2046" s="85"/>
      <c r="AE2046" s="85"/>
      <c r="AF2046" s="85"/>
      <c r="AG2046" s="85"/>
      <c r="AH2046" s="85"/>
      <c r="AI2046" s="85"/>
      <c r="AJ2046" s="85"/>
      <c r="AK2046" s="85"/>
      <c r="AL2046" s="85"/>
      <c r="AM2046" s="85"/>
      <c r="AN2046" s="85"/>
      <c r="AO2046" s="85"/>
      <c r="AP2046" s="85"/>
      <c r="AQ2046" s="85"/>
      <c r="AR2046" s="85"/>
      <c r="AS2046" s="85"/>
      <c r="AT2046" s="85"/>
      <c r="AU2046" s="85"/>
      <c r="AV2046" s="85"/>
      <c r="AW2046" s="85"/>
      <c r="AX2046" s="85"/>
      <c r="AY2046" s="85"/>
      <c r="AZ2046" s="85"/>
      <c r="BA2046" s="85"/>
      <c r="BB2046" s="85"/>
      <c r="BC2046" s="85"/>
      <c r="BD2046" s="85"/>
      <c r="BE2046" s="85"/>
      <c r="BF2046" s="85"/>
      <c r="BG2046" s="85"/>
      <c r="BH2046" s="85"/>
      <c r="BI2046" s="85"/>
      <c r="BJ2046" s="85"/>
      <c r="BK2046" s="85"/>
      <c r="BL2046" s="85"/>
      <c r="BM2046" s="85"/>
      <c r="BN2046" s="85"/>
      <c r="BO2046" s="85"/>
      <c r="BP2046" s="85"/>
      <c r="BQ2046" s="85"/>
      <c r="BR2046" s="85"/>
      <c r="BS2046" s="85"/>
      <c r="BT2046" s="85"/>
      <c r="BU2046" s="85"/>
      <c r="BV2046" s="85"/>
      <c r="BW2046" s="85"/>
      <c r="BX2046" s="85"/>
      <c r="BY2046" s="85"/>
      <c r="BZ2046" s="85"/>
      <c r="CA2046" s="85"/>
      <c r="CB2046" s="85"/>
      <c r="CC2046" s="85"/>
      <c r="CD2046" s="85"/>
      <c r="CE2046" s="85"/>
      <c r="CF2046" s="85"/>
      <c r="CG2046" s="85"/>
    </row>
    <row r="2047" spans="1:85" s="9" customFormat="1" x14ac:dyDescent="0.2">
      <c r="A2047" s="85"/>
      <c r="J2047" s="85"/>
      <c r="K2047" s="85"/>
      <c r="L2047" s="85"/>
      <c r="M2047" s="85"/>
      <c r="N2047" s="85"/>
      <c r="O2047" s="85"/>
      <c r="P2047" s="85"/>
      <c r="Q2047" s="85"/>
      <c r="R2047" s="85"/>
      <c r="S2047" s="85"/>
      <c r="T2047" s="85"/>
      <c r="U2047" s="85"/>
      <c r="V2047" s="85"/>
      <c r="W2047" s="85"/>
      <c r="X2047" s="85"/>
      <c r="Y2047" s="85"/>
      <c r="Z2047" s="85"/>
      <c r="AA2047" s="85"/>
      <c r="AB2047" s="85"/>
      <c r="AC2047" s="85"/>
      <c r="AD2047" s="85"/>
      <c r="AE2047" s="85"/>
      <c r="AF2047" s="85"/>
      <c r="AG2047" s="85"/>
      <c r="AH2047" s="85"/>
      <c r="AI2047" s="85"/>
      <c r="AJ2047" s="85"/>
      <c r="AK2047" s="85"/>
      <c r="AL2047" s="85"/>
      <c r="AM2047" s="85"/>
      <c r="AN2047" s="85"/>
      <c r="AO2047" s="85"/>
      <c r="AP2047" s="85"/>
      <c r="AQ2047" s="85"/>
      <c r="AR2047" s="85"/>
      <c r="AS2047" s="85"/>
      <c r="AT2047" s="85"/>
      <c r="AU2047" s="85"/>
      <c r="AV2047" s="85"/>
      <c r="AW2047" s="85"/>
      <c r="AX2047" s="85"/>
      <c r="AY2047" s="85"/>
      <c r="AZ2047" s="85"/>
      <c r="BA2047" s="85"/>
      <c r="BB2047" s="85"/>
      <c r="BC2047" s="85"/>
      <c r="BD2047" s="85"/>
      <c r="BE2047" s="85"/>
      <c r="BF2047" s="85"/>
      <c r="BG2047" s="85"/>
      <c r="BH2047" s="85"/>
      <c r="BI2047" s="85"/>
      <c r="BJ2047" s="85"/>
      <c r="BK2047" s="85"/>
      <c r="BL2047" s="85"/>
      <c r="BM2047" s="85"/>
      <c r="BN2047" s="85"/>
      <c r="BO2047" s="85"/>
      <c r="BP2047" s="85"/>
      <c r="BQ2047" s="85"/>
      <c r="BR2047" s="85"/>
      <c r="BS2047" s="85"/>
      <c r="BT2047" s="85"/>
      <c r="BU2047" s="85"/>
      <c r="BV2047" s="85"/>
      <c r="BW2047" s="85"/>
      <c r="BX2047" s="85"/>
      <c r="BY2047" s="85"/>
      <c r="BZ2047" s="85"/>
      <c r="CA2047" s="85"/>
      <c r="CB2047" s="85"/>
      <c r="CC2047" s="85"/>
      <c r="CD2047" s="85"/>
      <c r="CE2047" s="85"/>
      <c r="CF2047" s="85"/>
      <c r="CG2047" s="85"/>
    </row>
    <row r="2048" spans="1:85" s="9" customFormat="1" x14ac:dyDescent="0.2">
      <c r="A2048" s="85"/>
      <c r="J2048" s="85"/>
      <c r="K2048" s="85"/>
      <c r="L2048" s="85"/>
      <c r="M2048" s="85"/>
      <c r="N2048" s="85"/>
      <c r="O2048" s="85"/>
      <c r="P2048" s="85"/>
      <c r="Q2048" s="85"/>
      <c r="R2048" s="85"/>
      <c r="S2048" s="85"/>
      <c r="T2048" s="85"/>
      <c r="U2048" s="85"/>
      <c r="V2048" s="85"/>
      <c r="W2048" s="85"/>
      <c r="X2048" s="85"/>
      <c r="Y2048" s="85"/>
      <c r="Z2048" s="85"/>
      <c r="AA2048" s="85"/>
      <c r="AB2048" s="85"/>
      <c r="AC2048" s="85"/>
      <c r="AD2048" s="85"/>
      <c r="AE2048" s="85"/>
      <c r="AF2048" s="85"/>
      <c r="AG2048" s="85"/>
      <c r="AH2048" s="85"/>
      <c r="AI2048" s="85"/>
      <c r="AJ2048" s="85"/>
      <c r="AK2048" s="85"/>
      <c r="AL2048" s="85"/>
      <c r="AM2048" s="85"/>
      <c r="AN2048" s="85"/>
      <c r="AO2048" s="85"/>
      <c r="AP2048" s="85"/>
      <c r="AQ2048" s="85"/>
      <c r="AR2048" s="85"/>
      <c r="AS2048" s="85"/>
      <c r="AT2048" s="85"/>
      <c r="AU2048" s="85"/>
      <c r="AV2048" s="85"/>
      <c r="AW2048" s="85"/>
      <c r="AX2048" s="85"/>
      <c r="AY2048" s="85"/>
      <c r="AZ2048" s="85"/>
      <c r="BA2048" s="85"/>
      <c r="BB2048" s="85"/>
      <c r="BC2048" s="85"/>
      <c r="BD2048" s="85"/>
      <c r="BE2048" s="85"/>
      <c r="BF2048" s="85"/>
      <c r="BG2048" s="85"/>
      <c r="BH2048" s="85"/>
      <c r="BI2048" s="85"/>
      <c r="BJ2048" s="85"/>
      <c r="BK2048" s="85"/>
      <c r="BL2048" s="85"/>
      <c r="BM2048" s="85"/>
      <c r="BN2048" s="85"/>
      <c r="BO2048" s="85"/>
      <c r="BP2048" s="85"/>
      <c r="BQ2048" s="85"/>
      <c r="BR2048" s="85"/>
      <c r="BS2048" s="85"/>
      <c r="BT2048" s="85"/>
      <c r="BU2048" s="85"/>
      <c r="BV2048" s="85"/>
      <c r="BW2048" s="85"/>
      <c r="BX2048" s="85"/>
      <c r="BY2048" s="85"/>
      <c r="BZ2048" s="85"/>
      <c r="CA2048" s="85"/>
      <c r="CB2048" s="85"/>
      <c r="CC2048" s="85"/>
      <c r="CD2048" s="85"/>
      <c r="CE2048" s="85"/>
      <c r="CF2048" s="85"/>
      <c r="CG2048" s="85"/>
    </row>
    <row r="2049" spans="1:85" s="9" customFormat="1" x14ac:dyDescent="0.2">
      <c r="A2049" s="85"/>
      <c r="J2049" s="85"/>
      <c r="K2049" s="85"/>
      <c r="L2049" s="85"/>
      <c r="M2049" s="85"/>
      <c r="N2049" s="85"/>
      <c r="O2049" s="85"/>
      <c r="P2049" s="85"/>
      <c r="Q2049" s="85"/>
      <c r="R2049" s="85"/>
      <c r="S2049" s="85"/>
      <c r="T2049" s="85"/>
      <c r="U2049" s="85"/>
      <c r="V2049" s="85"/>
      <c r="W2049" s="85"/>
      <c r="X2049" s="85"/>
      <c r="Y2049" s="85"/>
      <c r="Z2049" s="85"/>
      <c r="AA2049" s="85"/>
      <c r="AB2049" s="85"/>
      <c r="AC2049" s="85"/>
      <c r="AD2049" s="85"/>
      <c r="AE2049" s="85"/>
      <c r="AF2049" s="85"/>
      <c r="AG2049" s="85"/>
      <c r="AH2049" s="85"/>
      <c r="AI2049" s="85"/>
      <c r="AJ2049" s="85"/>
      <c r="AK2049" s="85"/>
      <c r="AL2049" s="85"/>
      <c r="AM2049" s="85"/>
      <c r="AN2049" s="85"/>
      <c r="AO2049" s="85"/>
      <c r="AP2049" s="85"/>
      <c r="AQ2049" s="85"/>
      <c r="AR2049" s="85"/>
      <c r="AS2049" s="85"/>
      <c r="AT2049" s="85"/>
      <c r="AU2049" s="85"/>
      <c r="AV2049" s="85"/>
      <c r="AW2049" s="85"/>
      <c r="AX2049" s="85"/>
      <c r="AY2049" s="85"/>
      <c r="AZ2049" s="85"/>
      <c r="BA2049" s="85"/>
      <c r="BB2049" s="85"/>
      <c r="BC2049" s="85"/>
      <c r="BD2049" s="85"/>
      <c r="BE2049" s="85"/>
      <c r="BF2049" s="85"/>
      <c r="BG2049" s="85"/>
      <c r="BH2049" s="85"/>
      <c r="BI2049" s="85"/>
      <c r="BJ2049" s="85"/>
      <c r="BK2049" s="85"/>
      <c r="BL2049" s="85"/>
      <c r="BM2049" s="85"/>
      <c r="BN2049" s="85"/>
      <c r="BO2049" s="85"/>
      <c r="BP2049" s="85"/>
      <c r="BQ2049" s="85"/>
      <c r="BR2049" s="85"/>
      <c r="BS2049" s="85"/>
      <c r="BT2049" s="85"/>
      <c r="BU2049" s="85"/>
      <c r="BV2049" s="85"/>
      <c r="BW2049" s="85"/>
      <c r="BX2049" s="85"/>
      <c r="BY2049" s="85"/>
      <c r="BZ2049" s="85"/>
      <c r="CA2049" s="85"/>
      <c r="CB2049" s="85"/>
      <c r="CC2049" s="85"/>
      <c r="CD2049" s="85"/>
      <c r="CE2049" s="85"/>
      <c r="CF2049" s="85"/>
      <c r="CG2049" s="85"/>
    </row>
    <row r="2050" spans="1:85" s="9" customFormat="1" x14ac:dyDescent="0.2">
      <c r="A2050" s="85"/>
      <c r="J2050" s="85"/>
      <c r="K2050" s="85"/>
      <c r="L2050" s="85"/>
      <c r="M2050" s="85"/>
      <c r="N2050" s="85"/>
      <c r="O2050" s="85"/>
      <c r="P2050" s="85"/>
      <c r="Q2050" s="85"/>
      <c r="R2050" s="85"/>
      <c r="S2050" s="85"/>
      <c r="T2050" s="85"/>
      <c r="U2050" s="85"/>
      <c r="V2050" s="85"/>
      <c r="W2050" s="85"/>
      <c r="X2050" s="85"/>
      <c r="Y2050" s="85"/>
      <c r="Z2050" s="85"/>
      <c r="AA2050" s="85"/>
      <c r="AB2050" s="85"/>
      <c r="AC2050" s="85"/>
      <c r="AD2050" s="85"/>
      <c r="AE2050" s="85"/>
      <c r="AF2050" s="85"/>
      <c r="AG2050" s="85"/>
      <c r="AH2050" s="85"/>
      <c r="AI2050" s="85"/>
      <c r="AJ2050" s="85"/>
      <c r="AK2050" s="85"/>
      <c r="AL2050" s="85"/>
      <c r="AM2050" s="85"/>
      <c r="AN2050" s="85"/>
      <c r="AO2050" s="85"/>
      <c r="AP2050" s="85"/>
      <c r="AQ2050" s="85"/>
      <c r="AR2050" s="85"/>
      <c r="AS2050" s="85"/>
      <c r="AT2050" s="85"/>
      <c r="AU2050" s="85"/>
      <c r="AV2050" s="85"/>
      <c r="AW2050" s="85"/>
      <c r="AX2050" s="85"/>
      <c r="AY2050" s="85"/>
      <c r="AZ2050" s="85"/>
      <c r="BA2050" s="85"/>
      <c r="BB2050" s="85"/>
      <c r="BC2050" s="85"/>
      <c r="BD2050" s="85"/>
      <c r="BE2050" s="85"/>
      <c r="BF2050" s="85"/>
      <c r="BG2050" s="85"/>
      <c r="BH2050" s="85"/>
      <c r="BI2050" s="85"/>
      <c r="BJ2050" s="85"/>
      <c r="BK2050" s="85"/>
      <c r="BL2050" s="85"/>
      <c r="BM2050" s="85"/>
      <c r="BN2050" s="85"/>
      <c r="BO2050" s="85"/>
      <c r="BP2050" s="85"/>
      <c r="BQ2050" s="85"/>
      <c r="BR2050" s="85"/>
      <c r="BS2050" s="85"/>
      <c r="BT2050" s="85"/>
      <c r="BU2050" s="85"/>
      <c r="BV2050" s="85"/>
      <c r="BW2050" s="85"/>
      <c r="BX2050" s="85"/>
      <c r="BY2050" s="85"/>
      <c r="BZ2050" s="85"/>
      <c r="CA2050" s="85"/>
      <c r="CB2050" s="85"/>
      <c r="CC2050" s="85"/>
      <c r="CD2050" s="85"/>
      <c r="CE2050" s="85"/>
      <c r="CF2050" s="85"/>
      <c r="CG2050" s="85"/>
    </row>
    <row r="2051" spans="1:85" s="9" customFormat="1" x14ac:dyDescent="0.2">
      <c r="A2051" s="85"/>
      <c r="J2051" s="85"/>
      <c r="K2051" s="85"/>
      <c r="L2051" s="85"/>
      <c r="M2051" s="85"/>
      <c r="N2051" s="85"/>
      <c r="O2051" s="85"/>
      <c r="P2051" s="85"/>
      <c r="Q2051" s="85"/>
      <c r="R2051" s="85"/>
      <c r="S2051" s="85"/>
      <c r="T2051" s="85"/>
      <c r="U2051" s="85"/>
      <c r="V2051" s="85"/>
      <c r="W2051" s="85"/>
      <c r="X2051" s="85"/>
      <c r="Y2051" s="85"/>
      <c r="Z2051" s="85"/>
      <c r="AA2051" s="85"/>
      <c r="AB2051" s="85"/>
      <c r="AC2051" s="85"/>
      <c r="AD2051" s="85"/>
      <c r="AE2051" s="85"/>
      <c r="AF2051" s="85"/>
      <c r="AG2051" s="85"/>
      <c r="AH2051" s="85"/>
      <c r="AI2051" s="85"/>
      <c r="AJ2051" s="85"/>
      <c r="AK2051" s="85"/>
      <c r="AL2051" s="85"/>
      <c r="AM2051" s="85"/>
      <c r="AN2051" s="85"/>
      <c r="AO2051" s="85"/>
      <c r="AP2051" s="85"/>
      <c r="AQ2051" s="85"/>
      <c r="AR2051" s="85"/>
      <c r="AS2051" s="85"/>
      <c r="AT2051" s="85"/>
      <c r="AU2051" s="85"/>
      <c r="AV2051" s="85"/>
      <c r="AW2051" s="85"/>
      <c r="AX2051" s="85"/>
      <c r="AY2051" s="85"/>
      <c r="AZ2051" s="85"/>
      <c r="BA2051" s="85"/>
      <c r="BB2051" s="85"/>
      <c r="BC2051" s="85"/>
      <c r="BD2051" s="85"/>
      <c r="BE2051" s="85"/>
      <c r="BF2051" s="85"/>
      <c r="BG2051" s="85"/>
      <c r="BH2051" s="85"/>
      <c r="BI2051" s="85"/>
      <c r="BJ2051" s="85"/>
      <c r="BK2051" s="85"/>
      <c r="BL2051" s="85"/>
      <c r="BM2051" s="85"/>
      <c r="BN2051" s="85"/>
      <c r="BO2051" s="85"/>
      <c r="BP2051" s="85"/>
      <c r="BQ2051" s="85"/>
      <c r="BR2051" s="85"/>
      <c r="BS2051" s="85"/>
      <c r="BT2051" s="85"/>
      <c r="BU2051" s="85"/>
      <c r="BV2051" s="85"/>
      <c r="BW2051" s="85"/>
      <c r="BX2051" s="85"/>
      <c r="BY2051" s="85"/>
      <c r="BZ2051" s="85"/>
      <c r="CA2051" s="85"/>
      <c r="CB2051" s="85"/>
      <c r="CC2051" s="85"/>
      <c r="CD2051" s="85"/>
      <c r="CE2051" s="85"/>
      <c r="CF2051" s="85"/>
      <c r="CG2051" s="85"/>
    </row>
    <row r="2052" spans="1:85" s="9" customFormat="1" x14ac:dyDescent="0.2">
      <c r="A2052" s="85"/>
      <c r="J2052" s="85"/>
      <c r="K2052" s="85"/>
      <c r="L2052" s="85"/>
      <c r="M2052" s="85"/>
      <c r="N2052" s="85"/>
      <c r="O2052" s="85"/>
      <c r="P2052" s="85"/>
      <c r="Q2052" s="85"/>
      <c r="R2052" s="85"/>
      <c r="S2052" s="85"/>
      <c r="T2052" s="85"/>
      <c r="U2052" s="85"/>
      <c r="V2052" s="85"/>
      <c r="W2052" s="85"/>
      <c r="X2052" s="85"/>
      <c r="Y2052" s="85"/>
      <c r="Z2052" s="85"/>
      <c r="AA2052" s="85"/>
      <c r="AB2052" s="85"/>
      <c r="AC2052" s="85"/>
      <c r="AD2052" s="85"/>
      <c r="AE2052" s="85"/>
      <c r="AF2052" s="85"/>
      <c r="AG2052" s="85"/>
      <c r="AH2052" s="85"/>
      <c r="AI2052" s="85"/>
      <c r="AJ2052" s="85"/>
      <c r="AK2052" s="85"/>
      <c r="AL2052" s="85"/>
      <c r="AM2052" s="85"/>
      <c r="AN2052" s="85"/>
      <c r="AO2052" s="85"/>
      <c r="AP2052" s="85"/>
      <c r="AQ2052" s="85"/>
      <c r="AR2052" s="85"/>
      <c r="AS2052" s="85"/>
      <c r="AT2052" s="85"/>
      <c r="AU2052" s="85"/>
      <c r="AV2052" s="85"/>
      <c r="AW2052" s="85"/>
      <c r="AX2052" s="85"/>
      <c r="AY2052" s="85"/>
      <c r="AZ2052" s="85"/>
      <c r="BA2052" s="85"/>
      <c r="BB2052" s="85"/>
      <c r="BC2052" s="85"/>
      <c r="BD2052" s="85"/>
      <c r="BE2052" s="85"/>
      <c r="BF2052" s="85"/>
      <c r="BG2052" s="85"/>
      <c r="BH2052" s="85"/>
      <c r="BI2052" s="85"/>
      <c r="BJ2052" s="85"/>
      <c r="BK2052" s="85"/>
      <c r="BL2052" s="85"/>
      <c r="BM2052" s="85"/>
      <c r="BN2052" s="85"/>
      <c r="BO2052" s="85"/>
      <c r="BP2052" s="85"/>
      <c r="BQ2052" s="85"/>
      <c r="BR2052" s="85"/>
      <c r="BS2052" s="85"/>
      <c r="BT2052" s="85"/>
      <c r="BU2052" s="85"/>
      <c r="BV2052" s="85"/>
      <c r="BW2052" s="85"/>
      <c r="BX2052" s="85"/>
      <c r="BY2052" s="85"/>
      <c r="BZ2052" s="85"/>
      <c r="CA2052" s="85"/>
      <c r="CB2052" s="85"/>
      <c r="CC2052" s="85"/>
      <c r="CD2052" s="85"/>
      <c r="CE2052" s="85"/>
      <c r="CF2052" s="85"/>
      <c r="CG2052" s="85"/>
    </row>
    <row r="2053" spans="1:85" s="9" customFormat="1" x14ac:dyDescent="0.2">
      <c r="A2053" s="85"/>
      <c r="J2053" s="85"/>
      <c r="K2053" s="85"/>
      <c r="L2053" s="85"/>
      <c r="M2053" s="85"/>
      <c r="N2053" s="85"/>
      <c r="O2053" s="85"/>
      <c r="P2053" s="85"/>
      <c r="Q2053" s="85"/>
      <c r="R2053" s="85"/>
      <c r="S2053" s="85"/>
      <c r="T2053" s="85"/>
      <c r="U2053" s="85"/>
      <c r="V2053" s="85"/>
      <c r="W2053" s="85"/>
      <c r="X2053" s="85"/>
      <c r="Y2053" s="85"/>
      <c r="Z2053" s="85"/>
      <c r="AA2053" s="85"/>
      <c r="AB2053" s="85"/>
      <c r="AC2053" s="85"/>
      <c r="AD2053" s="85"/>
      <c r="AE2053" s="85"/>
      <c r="AF2053" s="85"/>
      <c r="AG2053" s="85"/>
      <c r="AH2053" s="85"/>
      <c r="AI2053" s="85"/>
      <c r="AJ2053" s="85"/>
      <c r="AK2053" s="85"/>
      <c r="AL2053" s="85"/>
      <c r="AM2053" s="85"/>
      <c r="AN2053" s="85"/>
      <c r="AO2053" s="85"/>
      <c r="AP2053" s="85"/>
      <c r="AQ2053" s="85"/>
      <c r="AR2053" s="85"/>
      <c r="AS2053" s="85"/>
      <c r="AT2053" s="85"/>
      <c r="AU2053" s="85"/>
      <c r="AV2053" s="85"/>
      <c r="AW2053" s="85"/>
      <c r="AX2053" s="85"/>
      <c r="AY2053" s="85"/>
      <c r="AZ2053" s="85"/>
      <c r="BA2053" s="85"/>
      <c r="BB2053" s="85"/>
      <c r="BC2053" s="85"/>
      <c r="BD2053" s="85"/>
      <c r="BE2053" s="85"/>
      <c r="BF2053" s="85"/>
      <c r="BG2053" s="85"/>
      <c r="BH2053" s="85"/>
      <c r="BI2053" s="85"/>
      <c r="BJ2053" s="85"/>
      <c r="BK2053" s="85"/>
      <c r="BL2053" s="85"/>
      <c r="BM2053" s="85"/>
      <c r="BN2053" s="85"/>
      <c r="BO2053" s="85"/>
      <c r="BP2053" s="85"/>
      <c r="BQ2053" s="85"/>
      <c r="BR2053" s="85"/>
      <c r="BS2053" s="85"/>
      <c r="BT2053" s="85"/>
      <c r="BU2053" s="85"/>
      <c r="BV2053" s="85"/>
      <c r="BW2053" s="85"/>
      <c r="BX2053" s="85"/>
      <c r="BY2053" s="85"/>
      <c r="BZ2053" s="85"/>
      <c r="CA2053" s="85"/>
      <c r="CB2053" s="85"/>
      <c r="CC2053" s="85"/>
      <c r="CD2053" s="85"/>
      <c r="CE2053" s="85"/>
      <c r="CF2053" s="85"/>
      <c r="CG2053" s="85"/>
    </row>
    <row r="2054" spans="1:85" s="9" customFormat="1" x14ac:dyDescent="0.2">
      <c r="A2054" s="85"/>
      <c r="J2054" s="85"/>
      <c r="K2054" s="85"/>
      <c r="L2054" s="85"/>
      <c r="M2054" s="85"/>
      <c r="N2054" s="85"/>
      <c r="O2054" s="85"/>
      <c r="P2054" s="85"/>
      <c r="Q2054" s="85"/>
      <c r="R2054" s="85"/>
      <c r="S2054" s="85"/>
      <c r="T2054" s="85"/>
      <c r="U2054" s="85"/>
      <c r="V2054" s="85"/>
      <c r="W2054" s="85"/>
      <c r="X2054" s="85"/>
      <c r="Y2054" s="85"/>
      <c r="Z2054" s="85"/>
      <c r="AA2054" s="85"/>
      <c r="AB2054" s="85"/>
      <c r="AC2054" s="85"/>
      <c r="AD2054" s="85"/>
      <c r="AE2054" s="85"/>
      <c r="AF2054" s="85"/>
      <c r="AG2054" s="85"/>
      <c r="AH2054" s="85"/>
      <c r="AI2054" s="85"/>
      <c r="AJ2054" s="85"/>
      <c r="AK2054" s="85"/>
      <c r="AL2054" s="85"/>
      <c r="AM2054" s="85"/>
      <c r="AN2054" s="85"/>
      <c r="AO2054" s="85"/>
      <c r="AP2054" s="85"/>
      <c r="AQ2054" s="85"/>
      <c r="AR2054" s="85"/>
      <c r="AS2054" s="85"/>
      <c r="AT2054" s="85"/>
      <c r="AU2054" s="85"/>
      <c r="AV2054" s="85"/>
      <c r="AW2054" s="85"/>
      <c r="AX2054" s="85"/>
      <c r="AY2054" s="85"/>
      <c r="AZ2054" s="85"/>
      <c r="BA2054" s="85"/>
      <c r="BB2054" s="85"/>
      <c r="BC2054" s="85"/>
      <c r="BD2054" s="85"/>
      <c r="BE2054" s="85"/>
      <c r="BF2054" s="85"/>
      <c r="BG2054" s="85"/>
      <c r="BH2054" s="85"/>
      <c r="BI2054" s="85"/>
      <c r="BJ2054" s="85"/>
      <c r="BK2054" s="85"/>
      <c r="BL2054" s="85"/>
      <c r="BM2054" s="85"/>
      <c r="BN2054" s="85"/>
      <c r="BO2054" s="85"/>
      <c r="BP2054" s="85"/>
      <c r="BQ2054" s="85"/>
      <c r="BR2054" s="85"/>
      <c r="BS2054" s="85"/>
      <c r="BT2054" s="85"/>
      <c r="BU2054" s="85"/>
      <c r="BV2054" s="85"/>
      <c r="BW2054" s="85"/>
      <c r="BX2054" s="85"/>
      <c r="BY2054" s="85"/>
      <c r="BZ2054" s="85"/>
      <c r="CA2054" s="85"/>
      <c r="CB2054" s="85"/>
      <c r="CC2054" s="85"/>
      <c r="CD2054" s="85"/>
      <c r="CE2054" s="85"/>
      <c r="CF2054" s="85"/>
      <c r="CG2054" s="85"/>
    </row>
    <row r="2055" spans="1:85" s="9" customFormat="1" x14ac:dyDescent="0.2">
      <c r="A2055" s="85"/>
      <c r="J2055" s="85"/>
      <c r="K2055" s="85"/>
      <c r="L2055" s="85"/>
      <c r="M2055" s="85"/>
      <c r="N2055" s="85"/>
      <c r="O2055" s="85"/>
      <c r="P2055" s="85"/>
      <c r="Q2055" s="85"/>
      <c r="R2055" s="85"/>
      <c r="S2055" s="85"/>
      <c r="T2055" s="85"/>
      <c r="U2055" s="85"/>
      <c r="V2055" s="85"/>
      <c r="W2055" s="85"/>
      <c r="X2055" s="85"/>
      <c r="Y2055" s="85"/>
      <c r="Z2055" s="85"/>
      <c r="AA2055" s="85"/>
      <c r="AB2055" s="85"/>
      <c r="AC2055" s="85"/>
      <c r="AD2055" s="85"/>
      <c r="AE2055" s="85"/>
      <c r="AF2055" s="85"/>
      <c r="AG2055" s="85"/>
      <c r="AH2055" s="85"/>
      <c r="AI2055" s="85"/>
      <c r="AJ2055" s="85"/>
      <c r="AK2055" s="85"/>
      <c r="AL2055" s="85"/>
      <c r="AM2055" s="85"/>
      <c r="AN2055" s="85"/>
      <c r="AO2055" s="85"/>
      <c r="AP2055" s="85"/>
      <c r="AQ2055" s="85"/>
      <c r="AR2055" s="85"/>
      <c r="AS2055" s="85"/>
      <c r="AT2055" s="85"/>
      <c r="AU2055" s="85"/>
      <c r="AV2055" s="85"/>
      <c r="AW2055" s="85"/>
      <c r="AX2055" s="85"/>
      <c r="AY2055" s="85"/>
      <c r="AZ2055" s="85"/>
      <c r="BA2055" s="85"/>
      <c r="BB2055" s="85"/>
      <c r="BC2055" s="85"/>
      <c r="BD2055" s="85"/>
      <c r="BE2055" s="85"/>
      <c r="BF2055" s="85"/>
      <c r="BG2055" s="85"/>
      <c r="BH2055" s="85"/>
      <c r="BI2055" s="85"/>
      <c r="BJ2055" s="85"/>
      <c r="BK2055" s="85"/>
      <c r="BL2055" s="85"/>
      <c r="BM2055" s="85"/>
      <c r="BN2055" s="85"/>
      <c r="BO2055" s="85"/>
      <c r="BP2055" s="85"/>
      <c r="BQ2055" s="85"/>
      <c r="BR2055" s="85"/>
      <c r="BS2055" s="85"/>
      <c r="BT2055" s="85"/>
      <c r="BU2055" s="85"/>
      <c r="BV2055" s="85"/>
      <c r="BW2055" s="85"/>
      <c r="BX2055" s="85"/>
      <c r="BY2055" s="85"/>
      <c r="BZ2055" s="85"/>
      <c r="CA2055" s="85"/>
      <c r="CB2055" s="85"/>
      <c r="CC2055" s="85"/>
      <c r="CD2055" s="85"/>
      <c r="CE2055" s="85"/>
      <c r="CF2055" s="85"/>
      <c r="CG2055" s="85"/>
    </row>
    <row r="2056" spans="1:85" s="9" customFormat="1" x14ac:dyDescent="0.2">
      <c r="A2056" s="85"/>
      <c r="J2056" s="85"/>
      <c r="K2056" s="85"/>
      <c r="L2056" s="85"/>
      <c r="M2056" s="85"/>
      <c r="N2056" s="85"/>
      <c r="O2056" s="85"/>
      <c r="P2056" s="85"/>
      <c r="Q2056" s="85"/>
      <c r="R2056" s="85"/>
      <c r="S2056" s="85"/>
      <c r="T2056" s="85"/>
      <c r="U2056" s="85"/>
      <c r="V2056" s="85"/>
      <c r="W2056" s="85"/>
      <c r="X2056" s="85"/>
      <c r="Y2056" s="85"/>
      <c r="Z2056" s="85"/>
      <c r="AA2056" s="85"/>
      <c r="AB2056" s="85"/>
      <c r="AC2056" s="85"/>
      <c r="AD2056" s="85"/>
      <c r="AE2056" s="85"/>
      <c r="AF2056" s="85"/>
      <c r="AG2056" s="85"/>
      <c r="AH2056" s="85"/>
      <c r="AI2056" s="85"/>
      <c r="AJ2056" s="85"/>
      <c r="AK2056" s="85"/>
      <c r="AL2056" s="85"/>
      <c r="AM2056" s="85"/>
      <c r="AN2056" s="85"/>
      <c r="AO2056" s="85"/>
      <c r="AP2056" s="85"/>
      <c r="AQ2056" s="85"/>
      <c r="AR2056" s="85"/>
      <c r="AS2056" s="85"/>
      <c r="AT2056" s="85"/>
      <c r="AU2056" s="85"/>
      <c r="AV2056" s="85"/>
      <c r="AW2056" s="85"/>
      <c r="AX2056" s="85"/>
      <c r="AY2056" s="85"/>
      <c r="AZ2056" s="85"/>
      <c r="BA2056" s="85"/>
      <c r="BB2056" s="85"/>
      <c r="BC2056" s="85"/>
      <c r="BD2056" s="85"/>
      <c r="BE2056" s="85"/>
      <c r="BF2056" s="85"/>
      <c r="BG2056" s="85"/>
      <c r="BH2056" s="85"/>
      <c r="BI2056" s="85"/>
      <c r="BJ2056" s="85"/>
      <c r="BK2056" s="85"/>
      <c r="BL2056" s="85"/>
      <c r="BM2056" s="85"/>
      <c r="BN2056" s="85"/>
      <c r="BO2056" s="85"/>
      <c r="BP2056" s="85"/>
      <c r="BQ2056" s="85"/>
      <c r="BR2056" s="85"/>
      <c r="BS2056" s="85"/>
      <c r="BT2056" s="85"/>
      <c r="BU2056" s="85"/>
      <c r="BV2056" s="85"/>
      <c r="BW2056" s="85"/>
      <c r="BX2056" s="85"/>
      <c r="BY2056" s="85"/>
      <c r="BZ2056" s="85"/>
      <c r="CA2056" s="85"/>
      <c r="CB2056" s="85"/>
      <c r="CC2056" s="85"/>
      <c r="CD2056" s="85"/>
      <c r="CE2056" s="85"/>
      <c r="CF2056" s="85"/>
      <c r="CG2056" s="85"/>
    </row>
    <row r="2057" spans="1:85" s="9" customFormat="1" x14ac:dyDescent="0.2">
      <c r="A2057" s="85"/>
      <c r="J2057" s="85"/>
      <c r="K2057" s="85"/>
      <c r="L2057" s="85"/>
      <c r="M2057" s="85"/>
      <c r="N2057" s="85"/>
      <c r="O2057" s="85"/>
      <c r="P2057" s="85"/>
      <c r="Q2057" s="85"/>
      <c r="R2057" s="85"/>
      <c r="S2057" s="85"/>
      <c r="T2057" s="85"/>
      <c r="U2057" s="85"/>
      <c r="V2057" s="85"/>
      <c r="W2057" s="85"/>
      <c r="X2057" s="85"/>
      <c r="Y2057" s="85"/>
      <c r="Z2057" s="85"/>
      <c r="AA2057" s="85"/>
      <c r="AB2057" s="85"/>
      <c r="AC2057" s="85"/>
      <c r="AD2057" s="85"/>
      <c r="AE2057" s="85"/>
      <c r="AF2057" s="85"/>
      <c r="AG2057" s="85"/>
      <c r="AH2057" s="85"/>
      <c r="AI2057" s="85"/>
      <c r="AJ2057" s="85"/>
      <c r="AK2057" s="85"/>
      <c r="AL2057" s="85"/>
      <c r="AM2057" s="85"/>
      <c r="AN2057" s="85"/>
      <c r="AO2057" s="85"/>
      <c r="AP2057" s="85"/>
      <c r="AQ2057" s="85"/>
      <c r="AR2057" s="85"/>
      <c r="AS2057" s="85"/>
      <c r="AT2057" s="85"/>
      <c r="AU2057" s="85"/>
      <c r="AV2057" s="85"/>
      <c r="AW2057" s="85"/>
      <c r="AX2057" s="85"/>
      <c r="AY2057" s="85"/>
      <c r="AZ2057" s="85"/>
      <c r="BA2057" s="85"/>
      <c r="BB2057" s="85"/>
      <c r="BC2057" s="85"/>
      <c r="BD2057" s="85"/>
      <c r="BE2057" s="85"/>
      <c r="BF2057" s="85"/>
      <c r="BG2057" s="85"/>
      <c r="BH2057" s="85"/>
      <c r="BI2057" s="85"/>
      <c r="BJ2057" s="85"/>
      <c r="BK2057" s="85"/>
      <c r="BL2057" s="85"/>
      <c r="BM2057" s="85"/>
      <c r="BN2057" s="85"/>
      <c r="BO2057" s="85"/>
      <c r="BP2057" s="85"/>
      <c r="BQ2057" s="85"/>
      <c r="BR2057" s="85"/>
      <c r="BS2057" s="85"/>
      <c r="BT2057" s="85"/>
      <c r="BU2057" s="85"/>
      <c r="BV2057" s="85"/>
      <c r="BW2057" s="85"/>
      <c r="BX2057" s="85"/>
      <c r="BY2057" s="85"/>
      <c r="BZ2057" s="85"/>
      <c r="CA2057" s="85"/>
      <c r="CB2057" s="85"/>
      <c r="CC2057" s="85"/>
      <c r="CD2057" s="85"/>
      <c r="CE2057" s="85"/>
      <c r="CF2057" s="85"/>
      <c r="CG2057" s="85"/>
    </row>
    <row r="2058" spans="1:85" s="9" customFormat="1" x14ac:dyDescent="0.2">
      <c r="A2058" s="85"/>
      <c r="J2058" s="85"/>
      <c r="K2058" s="85"/>
      <c r="L2058" s="85"/>
      <c r="M2058" s="85"/>
      <c r="N2058" s="85"/>
      <c r="O2058" s="85"/>
      <c r="P2058" s="85"/>
      <c r="Q2058" s="85"/>
      <c r="R2058" s="85"/>
      <c r="S2058" s="85"/>
      <c r="T2058" s="85"/>
      <c r="U2058" s="85"/>
      <c r="V2058" s="85"/>
      <c r="W2058" s="85"/>
      <c r="X2058" s="85"/>
      <c r="Y2058" s="85"/>
      <c r="Z2058" s="85"/>
      <c r="AA2058" s="85"/>
      <c r="AB2058" s="85"/>
      <c r="AC2058" s="85"/>
      <c r="AD2058" s="85"/>
      <c r="AE2058" s="85"/>
      <c r="AF2058" s="85"/>
      <c r="AG2058" s="85"/>
      <c r="AH2058" s="85"/>
      <c r="AI2058" s="85"/>
      <c r="AJ2058" s="85"/>
      <c r="AK2058" s="85"/>
      <c r="AL2058" s="85"/>
      <c r="AM2058" s="85"/>
      <c r="AN2058" s="85"/>
      <c r="AO2058" s="85"/>
      <c r="AP2058" s="85"/>
      <c r="AQ2058" s="85"/>
      <c r="AR2058" s="85"/>
      <c r="AS2058" s="85"/>
      <c r="AT2058" s="85"/>
      <c r="AU2058" s="85"/>
      <c r="AV2058" s="85"/>
      <c r="AW2058" s="85"/>
      <c r="AX2058" s="85"/>
      <c r="AY2058" s="85"/>
      <c r="AZ2058" s="85"/>
      <c r="BA2058" s="85"/>
      <c r="BB2058" s="85"/>
      <c r="BC2058" s="85"/>
      <c r="BD2058" s="85"/>
      <c r="BE2058" s="85"/>
      <c r="BF2058" s="85"/>
      <c r="BG2058" s="85"/>
      <c r="BH2058" s="85"/>
      <c r="BI2058" s="85"/>
      <c r="BJ2058" s="85"/>
      <c r="BK2058" s="85"/>
      <c r="BL2058" s="85"/>
      <c r="BM2058" s="85"/>
      <c r="BN2058" s="85"/>
      <c r="BO2058" s="85"/>
      <c r="BP2058" s="85"/>
      <c r="BQ2058" s="85"/>
      <c r="BR2058" s="85"/>
      <c r="BS2058" s="85"/>
      <c r="BT2058" s="85"/>
      <c r="BU2058" s="85"/>
      <c r="BV2058" s="85"/>
      <c r="BW2058" s="85"/>
      <c r="BX2058" s="85"/>
      <c r="BY2058" s="85"/>
      <c r="BZ2058" s="85"/>
      <c r="CA2058" s="85"/>
      <c r="CB2058" s="85"/>
      <c r="CC2058" s="85"/>
      <c r="CD2058" s="85"/>
      <c r="CE2058" s="85"/>
      <c r="CF2058" s="85"/>
      <c r="CG2058" s="85"/>
    </row>
    <row r="2059" spans="1:85" s="9" customFormat="1" x14ac:dyDescent="0.2">
      <c r="A2059" s="85"/>
      <c r="J2059" s="85"/>
      <c r="K2059" s="85"/>
      <c r="L2059" s="85"/>
      <c r="M2059" s="85"/>
      <c r="N2059" s="85"/>
      <c r="O2059" s="85"/>
      <c r="P2059" s="85"/>
      <c r="Q2059" s="85"/>
      <c r="R2059" s="85"/>
      <c r="S2059" s="85"/>
      <c r="T2059" s="85"/>
      <c r="U2059" s="85"/>
      <c r="V2059" s="85"/>
      <c r="W2059" s="85"/>
      <c r="X2059" s="85"/>
      <c r="Y2059" s="85"/>
      <c r="Z2059" s="85"/>
      <c r="AA2059" s="85"/>
      <c r="AB2059" s="85"/>
      <c r="AC2059" s="85"/>
      <c r="AD2059" s="85"/>
      <c r="AE2059" s="85"/>
      <c r="AF2059" s="85"/>
      <c r="AG2059" s="85"/>
      <c r="AH2059" s="85"/>
      <c r="AI2059" s="85"/>
      <c r="AJ2059" s="85"/>
      <c r="AK2059" s="85"/>
      <c r="AL2059" s="85"/>
      <c r="AM2059" s="85"/>
      <c r="AN2059" s="85"/>
      <c r="AO2059" s="85"/>
      <c r="AP2059" s="85"/>
      <c r="AQ2059" s="85"/>
      <c r="AR2059" s="85"/>
      <c r="AS2059" s="85"/>
      <c r="AT2059" s="85"/>
      <c r="AU2059" s="85"/>
      <c r="AV2059" s="85"/>
      <c r="AW2059" s="85"/>
      <c r="AX2059" s="85"/>
      <c r="AY2059" s="85"/>
      <c r="AZ2059" s="85"/>
      <c r="BA2059" s="85"/>
      <c r="BB2059" s="85"/>
      <c r="BC2059" s="85"/>
      <c r="BD2059" s="85"/>
      <c r="BE2059" s="85"/>
      <c r="BF2059" s="85"/>
      <c r="BG2059" s="85"/>
      <c r="BH2059" s="85"/>
      <c r="BI2059" s="85"/>
      <c r="BJ2059" s="85"/>
      <c r="BK2059" s="85"/>
      <c r="BL2059" s="85"/>
      <c r="BM2059" s="85"/>
      <c r="BN2059" s="85"/>
      <c r="BO2059" s="85"/>
      <c r="BP2059" s="85"/>
      <c r="BQ2059" s="85"/>
      <c r="BR2059" s="85"/>
      <c r="BS2059" s="85"/>
      <c r="BT2059" s="85"/>
      <c r="BU2059" s="85"/>
      <c r="BV2059" s="85"/>
      <c r="BW2059" s="85"/>
      <c r="BX2059" s="85"/>
      <c r="BY2059" s="85"/>
      <c r="BZ2059" s="85"/>
      <c r="CA2059" s="85"/>
      <c r="CB2059" s="85"/>
      <c r="CC2059" s="85"/>
      <c r="CD2059" s="85"/>
      <c r="CE2059" s="85"/>
      <c r="CF2059" s="85"/>
      <c r="CG2059" s="85"/>
    </row>
    <row r="2060" spans="1:85" s="9" customFormat="1" x14ac:dyDescent="0.2">
      <c r="A2060" s="85"/>
      <c r="J2060" s="85"/>
      <c r="K2060" s="85"/>
      <c r="L2060" s="85"/>
      <c r="M2060" s="85"/>
      <c r="N2060" s="85"/>
      <c r="O2060" s="85"/>
      <c r="P2060" s="85"/>
      <c r="Q2060" s="85"/>
      <c r="R2060" s="85"/>
      <c r="S2060" s="85"/>
      <c r="T2060" s="85"/>
      <c r="U2060" s="85"/>
      <c r="V2060" s="85"/>
      <c r="W2060" s="85"/>
      <c r="X2060" s="85"/>
      <c r="Y2060" s="85"/>
      <c r="Z2060" s="85"/>
      <c r="AA2060" s="85"/>
      <c r="AB2060" s="85"/>
      <c r="AC2060" s="85"/>
      <c r="AD2060" s="85"/>
      <c r="AE2060" s="85"/>
      <c r="AF2060" s="85"/>
      <c r="AG2060" s="85"/>
      <c r="AH2060" s="85"/>
      <c r="AI2060" s="85"/>
      <c r="AJ2060" s="85"/>
      <c r="AK2060" s="85"/>
      <c r="AL2060" s="85"/>
      <c r="AM2060" s="85"/>
      <c r="AN2060" s="85"/>
      <c r="AO2060" s="85"/>
      <c r="AP2060" s="85"/>
      <c r="AQ2060" s="85"/>
      <c r="AR2060" s="85"/>
      <c r="AS2060" s="85"/>
      <c r="AT2060" s="85"/>
      <c r="AU2060" s="85"/>
      <c r="AV2060" s="85"/>
      <c r="AW2060" s="85"/>
      <c r="AX2060" s="85"/>
      <c r="AY2060" s="85"/>
      <c r="AZ2060" s="85"/>
      <c r="BA2060" s="85"/>
      <c r="BB2060" s="85"/>
      <c r="BC2060" s="85"/>
      <c r="BD2060" s="85"/>
      <c r="BE2060" s="85"/>
      <c r="BF2060" s="85"/>
      <c r="BG2060" s="85"/>
      <c r="BH2060" s="85"/>
      <c r="BI2060" s="85"/>
      <c r="BJ2060" s="85"/>
      <c r="BK2060" s="85"/>
      <c r="BL2060" s="85"/>
      <c r="BM2060" s="85"/>
      <c r="BN2060" s="85"/>
      <c r="BO2060" s="85"/>
      <c r="BP2060" s="85"/>
      <c r="BQ2060" s="85"/>
      <c r="BR2060" s="85"/>
      <c r="BS2060" s="85"/>
      <c r="BT2060" s="85"/>
      <c r="BU2060" s="85"/>
      <c r="BV2060" s="85"/>
      <c r="BW2060" s="85"/>
      <c r="BX2060" s="85"/>
      <c r="BY2060" s="85"/>
      <c r="BZ2060" s="85"/>
      <c r="CA2060" s="85"/>
      <c r="CB2060" s="85"/>
      <c r="CC2060" s="85"/>
      <c r="CD2060" s="85"/>
      <c r="CE2060" s="85"/>
      <c r="CF2060" s="85"/>
      <c r="CG2060" s="85"/>
    </row>
    <row r="2061" spans="1:85" s="9" customFormat="1" x14ac:dyDescent="0.2">
      <c r="A2061" s="85"/>
      <c r="J2061" s="85"/>
      <c r="K2061" s="85"/>
      <c r="L2061" s="85"/>
      <c r="M2061" s="85"/>
      <c r="N2061" s="85"/>
      <c r="O2061" s="85"/>
      <c r="P2061" s="85"/>
      <c r="Q2061" s="85"/>
      <c r="R2061" s="85"/>
      <c r="S2061" s="85"/>
      <c r="T2061" s="85"/>
      <c r="U2061" s="85"/>
      <c r="V2061" s="85"/>
      <c r="W2061" s="85"/>
      <c r="X2061" s="85"/>
      <c r="Y2061" s="85"/>
      <c r="Z2061" s="85"/>
      <c r="AA2061" s="85"/>
      <c r="AB2061" s="85"/>
      <c r="AC2061" s="85"/>
      <c r="AD2061" s="85"/>
      <c r="AE2061" s="85"/>
      <c r="AF2061" s="85"/>
      <c r="AG2061" s="85"/>
      <c r="AH2061" s="85"/>
      <c r="AI2061" s="85"/>
      <c r="AJ2061" s="85"/>
      <c r="AK2061" s="85"/>
      <c r="AL2061" s="85"/>
      <c r="AM2061" s="85"/>
      <c r="AN2061" s="85"/>
      <c r="AO2061" s="85"/>
      <c r="AP2061" s="85"/>
      <c r="AQ2061" s="85"/>
      <c r="AR2061" s="85"/>
      <c r="AS2061" s="85"/>
      <c r="AT2061" s="85"/>
      <c r="AU2061" s="85"/>
      <c r="AV2061" s="85"/>
      <c r="AW2061" s="85"/>
      <c r="AX2061" s="85"/>
      <c r="AY2061" s="85"/>
      <c r="AZ2061" s="85"/>
      <c r="BA2061" s="85"/>
      <c r="BB2061" s="85"/>
      <c r="BC2061" s="85"/>
      <c r="BD2061" s="85"/>
      <c r="BE2061" s="85"/>
      <c r="BF2061" s="85"/>
      <c r="BG2061" s="85"/>
      <c r="BH2061" s="85"/>
      <c r="BI2061" s="85"/>
      <c r="BJ2061" s="85"/>
      <c r="BK2061" s="85"/>
      <c r="BL2061" s="85"/>
      <c r="BM2061" s="85"/>
      <c r="BN2061" s="85"/>
      <c r="BO2061" s="85"/>
      <c r="BP2061" s="85"/>
      <c r="BQ2061" s="85"/>
      <c r="BR2061" s="85"/>
      <c r="BS2061" s="85"/>
      <c r="BT2061" s="85"/>
      <c r="BU2061" s="85"/>
      <c r="BV2061" s="85"/>
      <c r="BW2061" s="85"/>
      <c r="BX2061" s="85"/>
      <c r="BY2061" s="85"/>
      <c r="BZ2061" s="85"/>
      <c r="CA2061" s="85"/>
      <c r="CB2061" s="85"/>
      <c r="CC2061" s="85"/>
      <c r="CD2061" s="85"/>
      <c r="CE2061" s="85"/>
      <c r="CF2061" s="85"/>
      <c r="CG2061" s="85"/>
    </row>
    <row r="2062" spans="1:85" s="9" customFormat="1" x14ac:dyDescent="0.2">
      <c r="A2062" s="85"/>
      <c r="J2062" s="85"/>
      <c r="K2062" s="85"/>
      <c r="L2062" s="85"/>
      <c r="M2062" s="85"/>
      <c r="N2062" s="85"/>
      <c r="O2062" s="85"/>
      <c r="P2062" s="85"/>
      <c r="Q2062" s="85"/>
      <c r="R2062" s="85"/>
      <c r="S2062" s="85"/>
      <c r="T2062" s="85"/>
      <c r="U2062" s="85"/>
      <c r="V2062" s="85"/>
      <c r="W2062" s="85"/>
      <c r="X2062" s="85"/>
      <c r="Y2062" s="85"/>
      <c r="Z2062" s="85"/>
      <c r="AA2062" s="85"/>
      <c r="AB2062" s="85"/>
      <c r="AC2062" s="85"/>
      <c r="AD2062" s="85"/>
      <c r="AE2062" s="85"/>
      <c r="AF2062" s="85"/>
      <c r="AG2062" s="85"/>
      <c r="AH2062" s="85"/>
      <c r="AI2062" s="85"/>
      <c r="AJ2062" s="85"/>
      <c r="AK2062" s="85"/>
      <c r="AL2062" s="85"/>
      <c r="AM2062" s="85"/>
      <c r="AN2062" s="85"/>
      <c r="AO2062" s="85"/>
      <c r="AP2062" s="85"/>
      <c r="AQ2062" s="85"/>
      <c r="AR2062" s="85"/>
      <c r="AS2062" s="85"/>
      <c r="AT2062" s="85"/>
      <c r="AU2062" s="85"/>
      <c r="AV2062" s="85"/>
      <c r="AW2062" s="85"/>
      <c r="AX2062" s="85"/>
      <c r="AY2062" s="85"/>
      <c r="AZ2062" s="85"/>
      <c r="BA2062" s="85"/>
      <c r="BB2062" s="85"/>
      <c r="BC2062" s="85"/>
      <c r="BD2062" s="85"/>
      <c r="BE2062" s="85"/>
      <c r="BF2062" s="85"/>
      <c r="BG2062" s="85"/>
      <c r="BH2062" s="85"/>
      <c r="BI2062" s="85"/>
      <c r="BJ2062" s="85"/>
      <c r="BK2062" s="85"/>
      <c r="BL2062" s="85"/>
      <c r="BM2062" s="85"/>
      <c r="BN2062" s="85"/>
      <c r="BO2062" s="85"/>
      <c r="BP2062" s="85"/>
      <c r="BQ2062" s="85"/>
      <c r="BR2062" s="85"/>
      <c r="BS2062" s="85"/>
      <c r="BT2062" s="85"/>
      <c r="BU2062" s="85"/>
      <c r="BV2062" s="85"/>
      <c r="BW2062" s="85"/>
      <c r="BX2062" s="85"/>
      <c r="BY2062" s="85"/>
      <c r="BZ2062" s="85"/>
      <c r="CA2062" s="85"/>
      <c r="CB2062" s="85"/>
      <c r="CC2062" s="85"/>
      <c r="CD2062" s="85"/>
      <c r="CE2062" s="85"/>
      <c r="CF2062" s="85"/>
      <c r="CG2062" s="85"/>
    </row>
    <row r="2063" spans="1:85" s="9" customFormat="1" x14ac:dyDescent="0.2">
      <c r="A2063" s="85"/>
      <c r="J2063" s="85"/>
      <c r="K2063" s="85"/>
      <c r="L2063" s="85"/>
      <c r="M2063" s="85"/>
      <c r="N2063" s="85"/>
      <c r="O2063" s="85"/>
      <c r="P2063" s="85"/>
      <c r="Q2063" s="85"/>
      <c r="R2063" s="85"/>
      <c r="S2063" s="85"/>
      <c r="T2063" s="85"/>
      <c r="U2063" s="85"/>
      <c r="V2063" s="85"/>
      <c r="W2063" s="85"/>
      <c r="X2063" s="85"/>
      <c r="Y2063" s="85"/>
      <c r="Z2063" s="85"/>
      <c r="AA2063" s="85"/>
      <c r="AB2063" s="85"/>
      <c r="AC2063" s="85"/>
      <c r="AD2063" s="85"/>
      <c r="AE2063" s="85"/>
      <c r="AF2063" s="85"/>
      <c r="AG2063" s="85"/>
      <c r="AH2063" s="85"/>
      <c r="AI2063" s="85"/>
      <c r="AJ2063" s="85"/>
      <c r="AK2063" s="85"/>
      <c r="AL2063" s="85"/>
      <c r="AM2063" s="85"/>
      <c r="AN2063" s="85"/>
      <c r="AO2063" s="85"/>
      <c r="AP2063" s="85"/>
      <c r="AQ2063" s="85"/>
      <c r="AR2063" s="85"/>
      <c r="AS2063" s="85"/>
      <c r="AT2063" s="85"/>
      <c r="AU2063" s="85"/>
      <c r="AV2063" s="85"/>
      <c r="AW2063" s="85"/>
      <c r="AX2063" s="85"/>
      <c r="AY2063" s="85"/>
      <c r="AZ2063" s="85"/>
      <c r="BA2063" s="85"/>
      <c r="BB2063" s="85"/>
      <c r="BC2063" s="85"/>
      <c r="BD2063" s="85"/>
      <c r="BE2063" s="85"/>
      <c r="BF2063" s="85"/>
      <c r="BG2063" s="85"/>
      <c r="BH2063" s="85"/>
      <c r="BI2063" s="85"/>
      <c r="BJ2063" s="85"/>
      <c r="BK2063" s="85"/>
      <c r="BL2063" s="85"/>
      <c r="BM2063" s="85"/>
      <c r="BN2063" s="85"/>
      <c r="BO2063" s="85"/>
      <c r="BP2063" s="85"/>
      <c r="BQ2063" s="85"/>
      <c r="BR2063" s="85"/>
      <c r="BS2063" s="85"/>
      <c r="BT2063" s="85"/>
      <c r="BU2063" s="85"/>
      <c r="BV2063" s="85"/>
      <c r="BW2063" s="85"/>
      <c r="BX2063" s="85"/>
      <c r="BY2063" s="85"/>
      <c r="BZ2063" s="85"/>
      <c r="CA2063" s="85"/>
      <c r="CB2063" s="85"/>
      <c r="CC2063" s="85"/>
      <c r="CD2063" s="85"/>
      <c r="CE2063" s="85"/>
      <c r="CF2063" s="85"/>
      <c r="CG2063" s="85"/>
    </row>
    <row r="2064" spans="1:85" s="9" customFormat="1" x14ac:dyDescent="0.2">
      <c r="A2064" s="85"/>
      <c r="J2064" s="85"/>
      <c r="K2064" s="85"/>
      <c r="L2064" s="85"/>
      <c r="M2064" s="85"/>
      <c r="N2064" s="85"/>
      <c r="O2064" s="85"/>
      <c r="P2064" s="85"/>
      <c r="Q2064" s="85"/>
      <c r="R2064" s="85"/>
      <c r="S2064" s="85"/>
      <c r="T2064" s="85"/>
      <c r="U2064" s="85"/>
      <c r="V2064" s="85"/>
      <c r="W2064" s="85"/>
      <c r="X2064" s="85"/>
      <c r="Y2064" s="85"/>
      <c r="Z2064" s="85"/>
      <c r="AA2064" s="85"/>
      <c r="AB2064" s="85"/>
      <c r="AC2064" s="85"/>
      <c r="AD2064" s="85"/>
      <c r="AE2064" s="85"/>
      <c r="AF2064" s="85"/>
      <c r="AG2064" s="85"/>
      <c r="AH2064" s="85"/>
      <c r="AI2064" s="85"/>
      <c r="AJ2064" s="85"/>
      <c r="AK2064" s="85"/>
      <c r="AL2064" s="85"/>
      <c r="AM2064" s="85"/>
      <c r="AN2064" s="85"/>
      <c r="AO2064" s="85"/>
      <c r="AP2064" s="85"/>
      <c r="AQ2064" s="85"/>
      <c r="AR2064" s="85"/>
      <c r="AS2064" s="85"/>
      <c r="AT2064" s="85"/>
      <c r="AU2064" s="85"/>
      <c r="AV2064" s="85"/>
      <c r="AW2064" s="85"/>
      <c r="AX2064" s="85"/>
      <c r="AY2064" s="85"/>
      <c r="AZ2064" s="85"/>
      <c r="BA2064" s="85"/>
      <c r="BB2064" s="85"/>
      <c r="BC2064" s="85"/>
      <c r="BD2064" s="85"/>
      <c r="BE2064" s="85"/>
      <c r="BF2064" s="85"/>
      <c r="BG2064" s="85"/>
      <c r="BH2064" s="85"/>
      <c r="BI2064" s="85"/>
      <c r="BJ2064" s="85"/>
      <c r="BK2064" s="85"/>
      <c r="BL2064" s="85"/>
      <c r="BM2064" s="85"/>
      <c r="BN2064" s="85"/>
      <c r="BO2064" s="85"/>
      <c r="BP2064" s="85"/>
      <c r="BQ2064" s="85"/>
      <c r="BR2064" s="85"/>
      <c r="BS2064" s="85"/>
      <c r="BT2064" s="85"/>
      <c r="BU2064" s="85"/>
      <c r="BV2064" s="85"/>
      <c r="BW2064" s="85"/>
      <c r="BX2064" s="85"/>
      <c r="BY2064" s="85"/>
      <c r="BZ2064" s="85"/>
      <c r="CA2064" s="85"/>
      <c r="CB2064" s="85"/>
      <c r="CC2064" s="85"/>
      <c r="CD2064" s="85"/>
      <c r="CE2064" s="85"/>
      <c r="CF2064" s="85"/>
      <c r="CG2064" s="85"/>
    </row>
    <row r="2065" spans="1:85" s="9" customFormat="1" x14ac:dyDescent="0.2">
      <c r="A2065" s="85"/>
      <c r="J2065" s="85"/>
      <c r="K2065" s="85"/>
      <c r="L2065" s="85"/>
      <c r="M2065" s="85"/>
      <c r="N2065" s="85"/>
      <c r="O2065" s="85"/>
      <c r="P2065" s="85"/>
      <c r="Q2065" s="85"/>
      <c r="R2065" s="85"/>
      <c r="S2065" s="85"/>
      <c r="T2065" s="85"/>
      <c r="U2065" s="85"/>
      <c r="V2065" s="85"/>
      <c r="W2065" s="85"/>
      <c r="X2065" s="85"/>
      <c r="Y2065" s="85"/>
      <c r="Z2065" s="85"/>
      <c r="AA2065" s="85"/>
      <c r="AB2065" s="85"/>
      <c r="AC2065" s="85"/>
      <c r="AD2065" s="85"/>
      <c r="AE2065" s="85"/>
      <c r="AF2065" s="85"/>
      <c r="AG2065" s="85"/>
      <c r="AH2065" s="85"/>
      <c r="AI2065" s="85"/>
      <c r="AJ2065" s="85"/>
      <c r="AK2065" s="85"/>
      <c r="AL2065" s="85"/>
      <c r="AM2065" s="85"/>
      <c r="AN2065" s="85"/>
      <c r="AO2065" s="85"/>
      <c r="AP2065" s="85"/>
      <c r="AQ2065" s="85"/>
      <c r="AR2065" s="85"/>
      <c r="AS2065" s="85"/>
      <c r="AT2065" s="85"/>
      <c r="AU2065" s="85"/>
      <c r="AV2065" s="85"/>
      <c r="AW2065" s="85"/>
      <c r="AX2065" s="85"/>
      <c r="AY2065" s="85"/>
      <c r="AZ2065" s="85"/>
      <c r="BA2065" s="85"/>
      <c r="BB2065" s="85"/>
      <c r="BC2065" s="85"/>
      <c r="BD2065" s="85"/>
      <c r="BE2065" s="85"/>
      <c r="BF2065" s="85"/>
      <c r="BG2065" s="85"/>
      <c r="BH2065" s="85"/>
      <c r="BI2065" s="85"/>
      <c r="BJ2065" s="85"/>
      <c r="BK2065" s="85"/>
      <c r="BL2065" s="85"/>
      <c r="BM2065" s="85"/>
      <c r="BN2065" s="85"/>
      <c r="BO2065" s="85"/>
      <c r="BP2065" s="85"/>
      <c r="BQ2065" s="85"/>
      <c r="BR2065" s="85"/>
      <c r="BS2065" s="85"/>
      <c r="BT2065" s="85"/>
      <c r="BU2065" s="85"/>
      <c r="BV2065" s="85"/>
      <c r="BW2065" s="85"/>
      <c r="BX2065" s="85"/>
      <c r="BY2065" s="85"/>
      <c r="BZ2065" s="85"/>
      <c r="CA2065" s="85"/>
      <c r="CB2065" s="85"/>
      <c r="CC2065" s="85"/>
      <c r="CD2065" s="85"/>
      <c r="CE2065" s="85"/>
      <c r="CF2065" s="85"/>
      <c r="CG2065" s="85"/>
    </row>
    <row r="2066" spans="1:85" s="9" customFormat="1" x14ac:dyDescent="0.2">
      <c r="A2066" s="85"/>
      <c r="J2066" s="85"/>
      <c r="K2066" s="85"/>
      <c r="L2066" s="85"/>
      <c r="M2066" s="85"/>
      <c r="N2066" s="85"/>
      <c r="O2066" s="85"/>
      <c r="P2066" s="85"/>
      <c r="Q2066" s="85"/>
      <c r="R2066" s="85"/>
      <c r="S2066" s="85"/>
      <c r="T2066" s="85"/>
      <c r="U2066" s="85"/>
      <c r="V2066" s="85"/>
      <c r="W2066" s="85"/>
      <c r="X2066" s="85"/>
      <c r="Y2066" s="85"/>
      <c r="Z2066" s="85"/>
      <c r="AA2066" s="85"/>
      <c r="AB2066" s="85"/>
      <c r="AC2066" s="85"/>
      <c r="AD2066" s="85"/>
      <c r="AE2066" s="85"/>
      <c r="AF2066" s="85"/>
      <c r="AG2066" s="85"/>
      <c r="AH2066" s="85"/>
      <c r="AI2066" s="85"/>
      <c r="AJ2066" s="85"/>
      <c r="AK2066" s="85"/>
      <c r="AL2066" s="85"/>
      <c r="AM2066" s="85"/>
      <c r="AN2066" s="85"/>
      <c r="AO2066" s="85"/>
      <c r="AP2066" s="85"/>
      <c r="AQ2066" s="85"/>
      <c r="AR2066" s="85"/>
      <c r="AS2066" s="85"/>
      <c r="AT2066" s="85"/>
      <c r="AU2066" s="85"/>
      <c r="AV2066" s="85"/>
      <c r="AW2066" s="85"/>
      <c r="AX2066" s="85"/>
      <c r="AY2066" s="85"/>
      <c r="AZ2066" s="85"/>
      <c r="BA2066" s="85"/>
      <c r="BB2066" s="85"/>
      <c r="BC2066" s="85"/>
      <c r="BD2066" s="85"/>
      <c r="BE2066" s="85"/>
      <c r="BF2066" s="85"/>
      <c r="BG2066" s="85"/>
      <c r="BH2066" s="85"/>
      <c r="BI2066" s="85"/>
      <c r="BJ2066" s="85"/>
      <c r="BK2066" s="85"/>
      <c r="BL2066" s="85"/>
      <c r="BM2066" s="85"/>
      <c r="BN2066" s="85"/>
      <c r="BO2066" s="85"/>
      <c r="BP2066" s="85"/>
      <c r="BQ2066" s="85"/>
      <c r="BR2066" s="85"/>
      <c r="BS2066" s="85"/>
      <c r="BT2066" s="85"/>
      <c r="BU2066" s="85"/>
      <c r="BV2066" s="85"/>
      <c r="BW2066" s="85"/>
      <c r="BX2066" s="85"/>
      <c r="BY2066" s="85"/>
      <c r="BZ2066" s="85"/>
      <c r="CA2066" s="85"/>
      <c r="CB2066" s="85"/>
      <c r="CC2066" s="85"/>
      <c r="CD2066" s="85"/>
      <c r="CE2066" s="85"/>
      <c r="CF2066" s="85"/>
      <c r="CG2066" s="85"/>
    </row>
    <row r="2067" spans="1:85" s="9" customFormat="1" x14ac:dyDescent="0.2">
      <c r="A2067" s="85"/>
      <c r="J2067" s="85"/>
      <c r="K2067" s="85"/>
      <c r="L2067" s="85"/>
      <c r="M2067" s="85"/>
      <c r="N2067" s="85"/>
      <c r="O2067" s="85"/>
      <c r="P2067" s="85"/>
      <c r="Q2067" s="85"/>
      <c r="R2067" s="85"/>
      <c r="S2067" s="85"/>
      <c r="T2067" s="85"/>
      <c r="U2067" s="85"/>
      <c r="V2067" s="85"/>
      <c r="W2067" s="85"/>
      <c r="X2067" s="85"/>
      <c r="Y2067" s="85"/>
      <c r="Z2067" s="85"/>
      <c r="AA2067" s="85"/>
      <c r="AB2067" s="85"/>
      <c r="AC2067" s="85"/>
      <c r="AD2067" s="85"/>
      <c r="AE2067" s="85"/>
      <c r="AF2067" s="85"/>
      <c r="AG2067" s="85"/>
      <c r="AH2067" s="85"/>
      <c r="AI2067" s="85"/>
      <c r="AJ2067" s="85"/>
      <c r="AK2067" s="85"/>
      <c r="AL2067" s="85"/>
      <c r="AM2067" s="85"/>
      <c r="AN2067" s="85"/>
      <c r="AO2067" s="85"/>
      <c r="AP2067" s="85"/>
      <c r="AQ2067" s="85"/>
      <c r="AR2067" s="85"/>
      <c r="AS2067" s="85"/>
      <c r="AT2067" s="85"/>
      <c r="AU2067" s="85"/>
      <c r="AV2067" s="85"/>
      <c r="AW2067" s="85"/>
      <c r="AX2067" s="85"/>
      <c r="AY2067" s="85"/>
      <c r="AZ2067" s="85"/>
      <c r="BA2067" s="85"/>
      <c r="BB2067" s="85"/>
      <c r="BC2067" s="85"/>
      <c r="BD2067" s="85"/>
      <c r="BE2067" s="85"/>
      <c r="BF2067" s="85"/>
      <c r="BG2067" s="85"/>
      <c r="BH2067" s="85"/>
      <c r="BI2067" s="85"/>
      <c r="BJ2067" s="85"/>
      <c r="BK2067" s="85"/>
      <c r="BL2067" s="85"/>
      <c r="BM2067" s="85"/>
      <c r="BN2067" s="85"/>
      <c r="BO2067" s="85"/>
      <c r="BP2067" s="85"/>
      <c r="BQ2067" s="85"/>
      <c r="BR2067" s="85"/>
      <c r="BS2067" s="85"/>
      <c r="BT2067" s="85"/>
      <c r="BU2067" s="85"/>
      <c r="BV2067" s="85"/>
      <c r="BW2067" s="85"/>
      <c r="BX2067" s="85"/>
      <c r="BY2067" s="85"/>
      <c r="BZ2067" s="85"/>
      <c r="CA2067" s="85"/>
      <c r="CB2067" s="85"/>
      <c r="CC2067" s="85"/>
      <c r="CD2067" s="85"/>
      <c r="CE2067" s="85"/>
      <c r="CF2067" s="85"/>
      <c r="CG2067" s="85"/>
    </row>
    <row r="2068" spans="1:85" s="9" customFormat="1" x14ac:dyDescent="0.2">
      <c r="A2068" s="85"/>
      <c r="J2068" s="85"/>
      <c r="K2068" s="85"/>
      <c r="L2068" s="85"/>
      <c r="M2068" s="85"/>
      <c r="N2068" s="85"/>
      <c r="O2068" s="85"/>
      <c r="P2068" s="85"/>
      <c r="Q2068" s="85"/>
      <c r="R2068" s="85"/>
      <c r="S2068" s="85"/>
      <c r="T2068" s="85"/>
      <c r="U2068" s="85"/>
      <c r="V2068" s="85"/>
      <c r="W2068" s="85"/>
      <c r="X2068" s="85"/>
      <c r="Y2068" s="85"/>
      <c r="Z2068" s="85"/>
      <c r="AA2068" s="85"/>
      <c r="AB2068" s="85"/>
      <c r="AC2068" s="85"/>
      <c r="AD2068" s="85"/>
      <c r="AE2068" s="85"/>
      <c r="AF2068" s="85"/>
      <c r="AG2068" s="85"/>
      <c r="AH2068" s="85"/>
      <c r="AI2068" s="85"/>
      <c r="AJ2068" s="85"/>
      <c r="AK2068" s="85"/>
      <c r="AL2068" s="85"/>
      <c r="AM2068" s="85"/>
      <c r="AN2068" s="85"/>
      <c r="AO2068" s="85"/>
      <c r="AP2068" s="85"/>
      <c r="AQ2068" s="85"/>
      <c r="AR2068" s="85"/>
      <c r="AS2068" s="85"/>
      <c r="AT2068" s="85"/>
      <c r="AU2068" s="85"/>
      <c r="AV2068" s="85"/>
      <c r="AW2068" s="85"/>
      <c r="AX2068" s="85"/>
      <c r="AY2068" s="85"/>
      <c r="AZ2068" s="85"/>
      <c r="BA2068" s="85"/>
      <c r="BB2068" s="85"/>
      <c r="BC2068" s="85"/>
      <c r="BD2068" s="85"/>
      <c r="BE2068" s="85"/>
      <c r="BF2068" s="85"/>
      <c r="BG2068" s="85"/>
      <c r="BH2068" s="85"/>
      <c r="BI2068" s="85"/>
      <c r="BJ2068" s="85"/>
      <c r="BK2068" s="85"/>
      <c r="BL2068" s="85"/>
      <c r="BM2068" s="85"/>
      <c r="BN2068" s="85"/>
      <c r="BO2068" s="85"/>
      <c r="BP2068" s="85"/>
      <c r="BQ2068" s="85"/>
      <c r="BR2068" s="85"/>
      <c r="BS2068" s="85"/>
      <c r="BT2068" s="85"/>
      <c r="BU2068" s="85"/>
      <c r="BV2068" s="85"/>
      <c r="BW2068" s="85"/>
      <c r="BX2068" s="85"/>
      <c r="BY2068" s="85"/>
      <c r="BZ2068" s="85"/>
      <c r="CA2068" s="85"/>
      <c r="CB2068" s="85"/>
      <c r="CC2068" s="85"/>
      <c r="CD2068" s="85"/>
      <c r="CE2068" s="85"/>
      <c r="CF2068" s="85"/>
      <c r="CG2068" s="85"/>
    </row>
    <row r="2069" spans="1:85" s="9" customFormat="1" x14ac:dyDescent="0.2">
      <c r="A2069" s="85"/>
      <c r="J2069" s="85"/>
      <c r="K2069" s="85"/>
      <c r="L2069" s="85"/>
      <c r="M2069" s="85"/>
      <c r="N2069" s="85"/>
      <c r="O2069" s="85"/>
      <c r="P2069" s="85"/>
      <c r="Q2069" s="85"/>
      <c r="R2069" s="85"/>
      <c r="S2069" s="85"/>
      <c r="T2069" s="85"/>
      <c r="U2069" s="85"/>
      <c r="V2069" s="85"/>
      <c r="W2069" s="85"/>
      <c r="X2069" s="85"/>
      <c r="Y2069" s="85"/>
      <c r="Z2069" s="85"/>
      <c r="AA2069" s="85"/>
      <c r="AB2069" s="85"/>
      <c r="AC2069" s="85"/>
      <c r="AD2069" s="85"/>
      <c r="AE2069" s="85"/>
      <c r="AF2069" s="85"/>
      <c r="AG2069" s="85"/>
      <c r="AH2069" s="85"/>
      <c r="AI2069" s="85"/>
      <c r="AJ2069" s="85"/>
      <c r="AK2069" s="85"/>
      <c r="AL2069" s="85"/>
      <c r="AM2069" s="85"/>
      <c r="AN2069" s="85"/>
      <c r="AO2069" s="85"/>
      <c r="AP2069" s="85"/>
      <c r="AQ2069" s="85"/>
      <c r="AR2069" s="85"/>
      <c r="AS2069" s="85"/>
      <c r="AT2069" s="85"/>
      <c r="AU2069" s="85"/>
      <c r="AV2069" s="85"/>
      <c r="AW2069" s="85"/>
      <c r="AX2069" s="85"/>
      <c r="AY2069" s="85"/>
      <c r="AZ2069" s="85"/>
      <c r="BA2069" s="85"/>
      <c r="BB2069" s="85"/>
      <c r="BC2069" s="85"/>
      <c r="BD2069" s="85"/>
      <c r="BE2069" s="85"/>
      <c r="BF2069" s="85"/>
      <c r="BG2069" s="85"/>
      <c r="BH2069" s="85"/>
      <c r="BI2069" s="85"/>
      <c r="BJ2069" s="85"/>
      <c r="BK2069" s="85"/>
      <c r="BL2069" s="85"/>
      <c r="BM2069" s="85"/>
      <c r="BN2069" s="85"/>
      <c r="BO2069" s="85"/>
      <c r="BP2069" s="85"/>
      <c r="BQ2069" s="85"/>
      <c r="BR2069" s="85"/>
      <c r="BS2069" s="85"/>
      <c r="BT2069" s="85"/>
      <c r="BU2069" s="85"/>
      <c r="BV2069" s="85"/>
      <c r="BW2069" s="85"/>
      <c r="BX2069" s="85"/>
      <c r="BY2069" s="85"/>
      <c r="BZ2069" s="85"/>
      <c r="CA2069" s="85"/>
      <c r="CB2069" s="85"/>
      <c r="CC2069" s="85"/>
      <c r="CD2069" s="85"/>
      <c r="CE2069" s="85"/>
      <c r="CF2069" s="85"/>
      <c r="CG2069" s="85"/>
    </row>
    <row r="2070" spans="1:85" s="9" customFormat="1" x14ac:dyDescent="0.2">
      <c r="A2070" s="85"/>
      <c r="J2070" s="85"/>
      <c r="K2070" s="85"/>
      <c r="L2070" s="85"/>
      <c r="M2070" s="85"/>
      <c r="N2070" s="85"/>
      <c r="O2070" s="85"/>
      <c r="P2070" s="85"/>
      <c r="Q2070" s="85"/>
      <c r="R2070" s="85"/>
      <c r="S2070" s="85"/>
      <c r="T2070" s="85"/>
      <c r="U2070" s="85"/>
      <c r="V2070" s="85"/>
      <c r="W2070" s="85"/>
      <c r="X2070" s="85"/>
      <c r="Y2070" s="85"/>
      <c r="Z2070" s="85"/>
      <c r="AA2070" s="85"/>
      <c r="AB2070" s="85"/>
      <c r="AC2070" s="85"/>
      <c r="AD2070" s="85"/>
      <c r="AE2070" s="85"/>
      <c r="AF2070" s="85"/>
      <c r="AG2070" s="85"/>
      <c r="AH2070" s="85"/>
      <c r="AI2070" s="85"/>
      <c r="AJ2070" s="85"/>
      <c r="AK2070" s="85"/>
      <c r="AL2070" s="85"/>
      <c r="AM2070" s="85"/>
      <c r="AN2070" s="85"/>
      <c r="AO2070" s="85"/>
      <c r="AP2070" s="85"/>
      <c r="AQ2070" s="85"/>
      <c r="AR2070" s="85"/>
      <c r="AS2070" s="85"/>
      <c r="AT2070" s="85"/>
      <c r="AU2070" s="85"/>
      <c r="AV2070" s="85"/>
      <c r="AW2070" s="85"/>
      <c r="AX2070" s="85"/>
      <c r="AY2070" s="85"/>
      <c r="AZ2070" s="85"/>
      <c r="BA2070" s="85"/>
      <c r="BB2070" s="85"/>
      <c r="BC2070" s="85"/>
      <c r="BD2070" s="85"/>
      <c r="BE2070" s="85"/>
      <c r="BF2070" s="85"/>
      <c r="BG2070" s="85"/>
      <c r="BH2070" s="85"/>
      <c r="BI2070" s="85"/>
      <c r="BJ2070" s="85"/>
      <c r="BK2070" s="85"/>
      <c r="BL2070" s="85"/>
      <c r="BM2070" s="85"/>
      <c r="BN2070" s="85"/>
      <c r="BO2070" s="85"/>
      <c r="BP2070" s="85"/>
      <c r="BQ2070" s="85"/>
      <c r="BR2070" s="85"/>
      <c r="BS2070" s="85"/>
      <c r="BT2070" s="85"/>
      <c r="BU2070" s="85"/>
      <c r="BV2070" s="85"/>
      <c r="BW2070" s="85"/>
      <c r="BX2070" s="85"/>
      <c r="BY2070" s="85"/>
      <c r="BZ2070" s="85"/>
      <c r="CA2070" s="85"/>
      <c r="CB2070" s="85"/>
      <c r="CC2070" s="85"/>
      <c r="CD2070" s="85"/>
      <c r="CE2070" s="85"/>
      <c r="CF2070" s="85"/>
      <c r="CG2070" s="85"/>
    </row>
    <row r="2071" spans="1:85" s="9" customFormat="1" x14ac:dyDescent="0.2">
      <c r="A2071" s="85"/>
      <c r="J2071" s="85"/>
      <c r="K2071" s="85"/>
      <c r="L2071" s="85"/>
      <c r="M2071" s="85"/>
      <c r="N2071" s="85"/>
      <c r="O2071" s="85"/>
      <c r="P2071" s="85"/>
      <c r="Q2071" s="85"/>
      <c r="R2071" s="85"/>
      <c r="S2071" s="85"/>
      <c r="T2071" s="85"/>
      <c r="U2071" s="85"/>
      <c r="V2071" s="85"/>
      <c r="W2071" s="85"/>
      <c r="X2071" s="85"/>
      <c r="Y2071" s="85"/>
      <c r="Z2071" s="85"/>
      <c r="AA2071" s="85"/>
      <c r="AB2071" s="85"/>
      <c r="AC2071" s="85"/>
      <c r="AD2071" s="85"/>
      <c r="AE2071" s="85"/>
      <c r="AF2071" s="85"/>
      <c r="AG2071" s="85"/>
      <c r="AH2071" s="85"/>
      <c r="AI2071" s="85"/>
      <c r="AJ2071" s="85"/>
      <c r="AK2071" s="85"/>
      <c r="AL2071" s="85"/>
      <c r="AM2071" s="85"/>
      <c r="AN2071" s="85"/>
      <c r="AO2071" s="85"/>
      <c r="AP2071" s="85"/>
      <c r="AQ2071" s="85"/>
      <c r="AR2071" s="85"/>
      <c r="AS2071" s="85"/>
      <c r="AT2071" s="85"/>
      <c r="AU2071" s="85"/>
      <c r="AV2071" s="85"/>
      <c r="AW2071" s="85"/>
      <c r="AX2071" s="85"/>
      <c r="AY2071" s="85"/>
      <c r="AZ2071" s="85"/>
      <c r="BA2071" s="85"/>
      <c r="BB2071" s="85"/>
      <c r="BC2071" s="85"/>
      <c r="BD2071" s="85"/>
      <c r="BE2071" s="85"/>
      <c r="BF2071" s="85"/>
      <c r="BG2071" s="85"/>
      <c r="BH2071" s="85"/>
      <c r="BI2071" s="85"/>
      <c r="BJ2071" s="85"/>
      <c r="BK2071" s="85"/>
      <c r="BL2071" s="85"/>
      <c r="BM2071" s="85"/>
      <c r="BN2071" s="85"/>
      <c r="BO2071" s="85"/>
      <c r="BP2071" s="85"/>
      <c r="BQ2071" s="85"/>
      <c r="BR2071" s="85"/>
      <c r="BS2071" s="85"/>
      <c r="BT2071" s="85"/>
      <c r="BU2071" s="85"/>
      <c r="BV2071" s="85"/>
      <c r="BW2071" s="85"/>
      <c r="BX2071" s="85"/>
      <c r="BY2071" s="85"/>
      <c r="BZ2071" s="85"/>
      <c r="CA2071" s="85"/>
      <c r="CB2071" s="85"/>
      <c r="CC2071" s="85"/>
      <c r="CD2071" s="85"/>
      <c r="CE2071" s="85"/>
      <c r="CF2071" s="85"/>
      <c r="CG2071" s="85"/>
    </row>
    <row r="2072" spans="1:85" s="9" customFormat="1" x14ac:dyDescent="0.2">
      <c r="A2072" s="85"/>
      <c r="J2072" s="85"/>
      <c r="K2072" s="85"/>
      <c r="L2072" s="85"/>
      <c r="M2072" s="85"/>
      <c r="N2072" s="85"/>
      <c r="O2072" s="85"/>
      <c r="P2072" s="85"/>
      <c r="Q2072" s="85"/>
      <c r="R2072" s="85"/>
      <c r="S2072" s="85"/>
      <c r="T2072" s="85"/>
      <c r="U2072" s="85"/>
      <c r="V2072" s="85"/>
      <c r="W2072" s="85"/>
      <c r="X2072" s="85"/>
      <c r="Y2072" s="85"/>
      <c r="Z2072" s="85"/>
      <c r="AA2072" s="85"/>
      <c r="AB2072" s="85"/>
      <c r="AC2072" s="85"/>
      <c r="AD2072" s="85"/>
      <c r="AE2072" s="85"/>
      <c r="AF2072" s="85"/>
      <c r="AG2072" s="85"/>
      <c r="AH2072" s="85"/>
      <c r="AI2072" s="85"/>
      <c r="AJ2072" s="85"/>
      <c r="AK2072" s="85"/>
      <c r="AL2072" s="85"/>
      <c r="AM2072" s="85"/>
      <c r="AN2072" s="85"/>
      <c r="AO2072" s="85"/>
      <c r="AP2072" s="85"/>
      <c r="AQ2072" s="85"/>
      <c r="AR2072" s="85"/>
      <c r="AS2072" s="85"/>
      <c r="AT2072" s="85"/>
      <c r="AU2072" s="85"/>
      <c r="AV2072" s="85"/>
      <c r="AW2072" s="85"/>
      <c r="AX2072" s="85"/>
      <c r="AY2072" s="85"/>
      <c r="AZ2072" s="85"/>
      <c r="BA2072" s="85"/>
      <c r="BB2072" s="85"/>
      <c r="BC2072" s="85"/>
      <c r="BD2072" s="85"/>
      <c r="BE2072" s="85"/>
      <c r="BF2072" s="85"/>
      <c r="BG2072" s="85"/>
      <c r="BH2072" s="85"/>
      <c r="BI2072" s="85"/>
      <c r="BJ2072" s="85"/>
      <c r="BK2072" s="85"/>
      <c r="BL2072" s="85"/>
      <c r="BM2072" s="85"/>
      <c r="BN2072" s="85"/>
      <c r="BO2072" s="85"/>
      <c r="BP2072" s="85"/>
      <c r="BQ2072" s="85"/>
      <c r="BR2072" s="85"/>
      <c r="BS2072" s="85"/>
      <c r="BT2072" s="85"/>
      <c r="BU2072" s="85"/>
      <c r="BV2072" s="85"/>
      <c r="BW2072" s="85"/>
      <c r="BX2072" s="85"/>
      <c r="BY2072" s="85"/>
      <c r="BZ2072" s="85"/>
      <c r="CA2072" s="85"/>
      <c r="CB2072" s="85"/>
      <c r="CC2072" s="85"/>
      <c r="CD2072" s="85"/>
      <c r="CE2072" s="85"/>
      <c r="CF2072" s="85"/>
      <c r="CG2072" s="85"/>
    </row>
    <row r="2073" spans="1:85" s="9" customFormat="1" x14ac:dyDescent="0.2">
      <c r="A2073" s="85"/>
      <c r="J2073" s="85"/>
      <c r="K2073" s="85"/>
      <c r="L2073" s="85"/>
      <c r="M2073" s="85"/>
      <c r="N2073" s="85"/>
      <c r="O2073" s="85"/>
      <c r="P2073" s="85"/>
      <c r="Q2073" s="85"/>
      <c r="R2073" s="85"/>
      <c r="S2073" s="85"/>
      <c r="T2073" s="85"/>
      <c r="U2073" s="85"/>
      <c r="V2073" s="85"/>
      <c r="W2073" s="85"/>
      <c r="X2073" s="85"/>
      <c r="Y2073" s="85"/>
      <c r="Z2073" s="85"/>
      <c r="AA2073" s="85"/>
      <c r="AB2073" s="85"/>
      <c r="AC2073" s="85"/>
      <c r="AD2073" s="85"/>
      <c r="AE2073" s="85"/>
      <c r="AF2073" s="85"/>
      <c r="AG2073" s="85"/>
      <c r="AH2073" s="85"/>
      <c r="AI2073" s="85"/>
      <c r="AJ2073" s="85"/>
      <c r="AK2073" s="85"/>
      <c r="AL2073" s="85"/>
      <c r="AM2073" s="85"/>
      <c r="AN2073" s="85"/>
      <c r="AO2073" s="85"/>
      <c r="AP2073" s="85"/>
      <c r="AQ2073" s="85"/>
      <c r="AR2073" s="85"/>
      <c r="AS2073" s="85"/>
      <c r="AT2073" s="85"/>
      <c r="AU2073" s="85"/>
      <c r="AV2073" s="85"/>
      <c r="AW2073" s="85"/>
      <c r="AX2073" s="85"/>
      <c r="AY2073" s="85"/>
      <c r="AZ2073" s="85"/>
      <c r="BA2073" s="85"/>
      <c r="BB2073" s="85"/>
      <c r="BC2073" s="85"/>
      <c r="BD2073" s="85"/>
      <c r="BE2073" s="85"/>
      <c r="BF2073" s="85"/>
      <c r="BG2073" s="85"/>
      <c r="BH2073" s="85"/>
      <c r="BI2073" s="85"/>
      <c r="BJ2073" s="85"/>
      <c r="BK2073" s="85"/>
      <c r="BL2073" s="85"/>
      <c r="BM2073" s="85"/>
      <c r="BN2073" s="85"/>
      <c r="BO2073" s="85"/>
      <c r="BP2073" s="85"/>
      <c r="BQ2073" s="85"/>
      <c r="BR2073" s="85"/>
      <c r="BS2073" s="85"/>
      <c r="BT2073" s="85"/>
      <c r="BU2073" s="85"/>
      <c r="BV2073" s="85"/>
      <c r="BW2073" s="85"/>
      <c r="BX2073" s="85"/>
      <c r="BY2073" s="85"/>
      <c r="BZ2073" s="85"/>
      <c r="CA2073" s="85"/>
      <c r="CB2073" s="85"/>
      <c r="CC2073" s="85"/>
      <c r="CD2073" s="85"/>
      <c r="CE2073" s="85"/>
      <c r="CF2073" s="85"/>
      <c r="CG2073" s="85"/>
    </row>
    <row r="2074" spans="1:85" s="9" customFormat="1" x14ac:dyDescent="0.2">
      <c r="A2074" s="85"/>
      <c r="J2074" s="85"/>
      <c r="K2074" s="85"/>
      <c r="L2074" s="85"/>
      <c r="M2074" s="85"/>
      <c r="N2074" s="85"/>
      <c r="O2074" s="85"/>
      <c r="P2074" s="85"/>
      <c r="Q2074" s="85"/>
      <c r="R2074" s="85"/>
      <c r="S2074" s="85"/>
      <c r="T2074" s="85"/>
      <c r="U2074" s="85"/>
      <c r="V2074" s="85"/>
      <c r="W2074" s="85"/>
      <c r="X2074" s="85"/>
      <c r="Y2074" s="85"/>
      <c r="Z2074" s="85"/>
      <c r="AA2074" s="85"/>
      <c r="AB2074" s="85"/>
      <c r="AC2074" s="85"/>
      <c r="AD2074" s="85"/>
      <c r="AE2074" s="85"/>
      <c r="AF2074" s="85"/>
      <c r="AG2074" s="85"/>
      <c r="AH2074" s="85"/>
      <c r="AI2074" s="85"/>
      <c r="AJ2074" s="85"/>
      <c r="AK2074" s="85"/>
      <c r="AL2074" s="85"/>
      <c r="AM2074" s="85"/>
      <c r="AN2074" s="85"/>
      <c r="AO2074" s="85"/>
      <c r="AP2074" s="85"/>
      <c r="AQ2074" s="85"/>
      <c r="AR2074" s="85"/>
      <c r="AS2074" s="85"/>
      <c r="AT2074" s="85"/>
      <c r="AU2074" s="85"/>
      <c r="AV2074" s="85"/>
      <c r="AW2074" s="85"/>
      <c r="AX2074" s="85"/>
      <c r="AY2074" s="85"/>
      <c r="AZ2074" s="85"/>
      <c r="BA2074" s="85"/>
      <c r="BB2074" s="85"/>
      <c r="BC2074" s="85"/>
      <c r="BD2074" s="85"/>
      <c r="BE2074" s="85"/>
      <c r="BF2074" s="85"/>
      <c r="BG2074" s="85"/>
      <c r="BH2074" s="85"/>
      <c r="BI2074" s="85"/>
      <c r="BJ2074" s="85"/>
      <c r="BK2074" s="85"/>
      <c r="BL2074" s="85"/>
      <c r="BM2074" s="85"/>
      <c r="BN2074" s="85"/>
      <c r="BO2074" s="85"/>
      <c r="BP2074" s="85"/>
      <c r="BQ2074" s="85"/>
      <c r="BR2074" s="85"/>
      <c r="BS2074" s="85"/>
      <c r="BT2074" s="85"/>
      <c r="BU2074" s="85"/>
      <c r="BV2074" s="85"/>
      <c r="BW2074" s="85"/>
      <c r="BX2074" s="85"/>
      <c r="BY2074" s="85"/>
      <c r="BZ2074" s="85"/>
      <c r="CA2074" s="85"/>
      <c r="CB2074" s="85"/>
      <c r="CC2074" s="85"/>
      <c r="CD2074" s="85"/>
      <c r="CE2074" s="85"/>
      <c r="CF2074" s="85"/>
      <c r="CG2074" s="85"/>
    </row>
    <row r="2075" spans="1:85" s="9" customFormat="1" x14ac:dyDescent="0.2">
      <c r="A2075" s="85"/>
      <c r="J2075" s="85"/>
      <c r="K2075" s="85"/>
      <c r="L2075" s="85"/>
      <c r="M2075" s="85"/>
      <c r="N2075" s="85"/>
      <c r="O2075" s="85"/>
      <c r="P2075" s="85"/>
      <c r="Q2075" s="85"/>
      <c r="R2075" s="85"/>
      <c r="S2075" s="85"/>
      <c r="T2075" s="85"/>
      <c r="U2075" s="85"/>
      <c r="V2075" s="85"/>
      <c r="W2075" s="85"/>
      <c r="X2075" s="85"/>
      <c r="Y2075" s="85"/>
      <c r="Z2075" s="85"/>
      <c r="AA2075" s="85"/>
      <c r="AB2075" s="85"/>
      <c r="AC2075" s="85"/>
      <c r="AD2075" s="85"/>
      <c r="AE2075" s="85"/>
      <c r="AF2075" s="85"/>
      <c r="AG2075" s="85"/>
      <c r="AH2075" s="85"/>
      <c r="AI2075" s="85"/>
      <c r="AJ2075" s="85"/>
      <c r="AK2075" s="85"/>
      <c r="AL2075" s="85"/>
      <c r="AM2075" s="85"/>
      <c r="AN2075" s="85"/>
      <c r="AO2075" s="85"/>
      <c r="AP2075" s="85"/>
      <c r="AQ2075" s="85"/>
      <c r="AR2075" s="85"/>
      <c r="AS2075" s="85"/>
      <c r="AT2075" s="85"/>
      <c r="AU2075" s="85"/>
      <c r="AV2075" s="85"/>
      <c r="AW2075" s="85"/>
      <c r="AX2075" s="85"/>
      <c r="AY2075" s="85"/>
      <c r="AZ2075" s="85"/>
      <c r="BA2075" s="85"/>
      <c r="BB2075" s="85"/>
      <c r="BC2075" s="85"/>
      <c r="BD2075" s="85"/>
      <c r="BE2075" s="85"/>
      <c r="BF2075" s="85"/>
      <c r="BG2075" s="85"/>
      <c r="BH2075" s="85"/>
      <c r="BI2075" s="85"/>
      <c r="BJ2075" s="85"/>
      <c r="BK2075" s="85"/>
      <c r="BL2075" s="85"/>
      <c r="BM2075" s="85"/>
      <c r="BN2075" s="85"/>
      <c r="BO2075" s="85"/>
      <c r="BP2075" s="85"/>
      <c r="BQ2075" s="85"/>
      <c r="BR2075" s="85"/>
      <c r="BS2075" s="85"/>
      <c r="BT2075" s="85"/>
      <c r="BU2075" s="85"/>
      <c r="BV2075" s="85"/>
      <c r="BW2075" s="85"/>
      <c r="BX2075" s="85"/>
      <c r="BY2075" s="85"/>
      <c r="BZ2075" s="85"/>
      <c r="CA2075" s="85"/>
      <c r="CB2075" s="85"/>
      <c r="CC2075" s="85"/>
      <c r="CD2075" s="85"/>
      <c r="CE2075" s="85"/>
      <c r="CF2075" s="85"/>
      <c r="CG2075" s="85"/>
    </row>
    <row r="2076" spans="1:85" s="9" customFormat="1" x14ac:dyDescent="0.2">
      <c r="A2076" s="85"/>
      <c r="J2076" s="85"/>
      <c r="K2076" s="85"/>
      <c r="L2076" s="85"/>
      <c r="M2076" s="85"/>
      <c r="N2076" s="85"/>
      <c r="O2076" s="85"/>
      <c r="P2076" s="85"/>
      <c r="Q2076" s="85"/>
      <c r="R2076" s="85"/>
      <c r="S2076" s="85"/>
      <c r="T2076" s="85"/>
      <c r="U2076" s="85"/>
      <c r="V2076" s="85"/>
      <c r="W2076" s="85"/>
      <c r="X2076" s="85"/>
      <c r="Y2076" s="85"/>
      <c r="Z2076" s="85"/>
      <c r="AA2076" s="85"/>
      <c r="AB2076" s="85"/>
      <c r="AC2076" s="85"/>
      <c r="AD2076" s="85"/>
      <c r="AE2076" s="85"/>
      <c r="AF2076" s="85"/>
      <c r="AG2076" s="85"/>
      <c r="AH2076" s="85"/>
      <c r="AI2076" s="85"/>
      <c r="AJ2076" s="85"/>
      <c r="AK2076" s="85"/>
      <c r="AL2076" s="85"/>
      <c r="AM2076" s="85"/>
      <c r="AN2076" s="85"/>
      <c r="AO2076" s="85"/>
      <c r="AP2076" s="85"/>
      <c r="AQ2076" s="85"/>
      <c r="AR2076" s="85"/>
      <c r="AS2076" s="85"/>
      <c r="AT2076" s="85"/>
      <c r="AU2076" s="85"/>
      <c r="AV2076" s="85"/>
      <c r="AW2076" s="85"/>
      <c r="AX2076" s="85"/>
      <c r="AY2076" s="85"/>
      <c r="AZ2076" s="85"/>
      <c r="BA2076" s="85"/>
      <c r="BB2076" s="85"/>
      <c r="BC2076" s="85"/>
      <c r="BD2076" s="85"/>
      <c r="BE2076" s="85"/>
      <c r="BF2076" s="85"/>
      <c r="BG2076" s="85"/>
      <c r="BH2076" s="85"/>
      <c r="BI2076" s="85"/>
      <c r="BJ2076" s="85"/>
      <c r="BK2076" s="85"/>
      <c r="BL2076" s="85"/>
      <c r="BM2076" s="85"/>
      <c r="BN2076" s="85"/>
      <c r="BO2076" s="85"/>
      <c r="BP2076" s="85"/>
      <c r="BQ2076" s="85"/>
      <c r="BR2076" s="85"/>
      <c r="BS2076" s="85"/>
      <c r="BT2076" s="85"/>
      <c r="BU2076" s="85"/>
      <c r="BV2076" s="85"/>
      <c r="BW2076" s="85"/>
      <c r="BX2076" s="85"/>
      <c r="BY2076" s="85"/>
      <c r="BZ2076" s="85"/>
      <c r="CA2076" s="85"/>
      <c r="CB2076" s="85"/>
      <c r="CC2076" s="85"/>
      <c r="CD2076" s="85"/>
      <c r="CE2076" s="85"/>
      <c r="CF2076" s="85"/>
      <c r="CG2076" s="85"/>
    </row>
    <row r="2077" spans="1:85" s="9" customFormat="1" x14ac:dyDescent="0.2">
      <c r="A2077" s="85"/>
      <c r="J2077" s="85"/>
      <c r="K2077" s="85"/>
      <c r="L2077" s="85"/>
      <c r="M2077" s="85"/>
      <c r="N2077" s="85"/>
      <c r="O2077" s="85"/>
      <c r="P2077" s="85"/>
      <c r="Q2077" s="85"/>
      <c r="R2077" s="85"/>
      <c r="S2077" s="85"/>
      <c r="T2077" s="85"/>
      <c r="U2077" s="85"/>
      <c r="V2077" s="85"/>
      <c r="W2077" s="85"/>
      <c r="X2077" s="85"/>
      <c r="Y2077" s="85"/>
      <c r="Z2077" s="85"/>
      <c r="AA2077" s="85"/>
      <c r="AB2077" s="85"/>
      <c r="AC2077" s="85"/>
      <c r="AD2077" s="85"/>
      <c r="AE2077" s="85"/>
      <c r="AF2077" s="85"/>
      <c r="AG2077" s="85"/>
      <c r="AH2077" s="85"/>
      <c r="AI2077" s="85"/>
      <c r="AJ2077" s="85"/>
      <c r="AK2077" s="85"/>
      <c r="AL2077" s="85"/>
      <c r="AM2077" s="85"/>
      <c r="AN2077" s="85"/>
      <c r="AO2077" s="85"/>
      <c r="AP2077" s="85"/>
      <c r="AQ2077" s="85"/>
      <c r="AR2077" s="85"/>
      <c r="AS2077" s="85"/>
      <c r="AT2077" s="85"/>
      <c r="AU2077" s="85"/>
      <c r="AV2077" s="85"/>
      <c r="AW2077" s="85"/>
      <c r="AX2077" s="85"/>
      <c r="AY2077" s="85"/>
      <c r="AZ2077" s="85"/>
      <c r="BA2077" s="85"/>
      <c r="BB2077" s="85"/>
      <c r="BC2077" s="85"/>
      <c r="BD2077" s="85"/>
      <c r="BE2077" s="85"/>
      <c r="BF2077" s="85"/>
      <c r="BG2077" s="85"/>
      <c r="BH2077" s="85"/>
      <c r="BI2077" s="85"/>
      <c r="BJ2077" s="85"/>
      <c r="BK2077" s="85"/>
      <c r="BL2077" s="85"/>
      <c r="BM2077" s="85"/>
      <c r="BN2077" s="85"/>
      <c r="BO2077" s="85"/>
      <c r="BP2077" s="85"/>
      <c r="BQ2077" s="85"/>
      <c r="BR2077" s="85"/>
      <c r="BS2077" s="85"/>
      <c r="BT2077" s="85"/>
      <c r="BU2077" s="85"/>
      <c r="BV2077" s="85"/>
      <c r="BW2077" s="85"/>
      <c r="BX2077" s="85"/>
      <c r="BY2077" s="85"/>
      <c r="BZ2077" s="85"/>
      <c r="CA2077" s="85"/>
      <c r="CB2077" s="85"/>
      <c r="CC2077" s="85"/>
      <c r="CD2077" s="85"/>
      <c r="CE2077" s="85"/>
      <c r="CF2077" s="85"/>
      <c r="CG2077" s="85"/>
    </row>
    <row r="2078" spans="1:85" s="9" customFormat="1" x14ac:dyDescent="0.2">
      <c r="A2078" s="85"/>
      <c r="J2078" s="85"/>
      <c r="K2078" s="85"/>
      <c r="L2078" s="85"/>
      <c r="M2078" s="85"/>
      <c r="N2078" s="85"/>
      <c r="O2078" s="85"/>
      <c r="P2078" s="85"/>
      <c r="Q2078" s="85"/>
      <c r="R2078" s="85"/>
      <c r="S2078" s="85"/>
      <c r="T2078" s="85"/>
      <c r="U2078" s="85"/>
      <c r="V2078" s="85"/>
      <c r="W2078" s="85"/>
      <c r="X2078" s="85"/>
      <c r="Y2078" s="85"/>
      <c r="Z2078" s="85"/>
      <c r="AA2078" s="85"/>
      <c r="AB2078" s="85"/>
      <c r="AC2078" s="85"/>
      <c r="AD2078" s="85"/>
      <c r="AE2078" s="85"/>
      <c r="AF2078" s="85"/>
      <c r="AG2078" s="85"/>
      <c r="AH2078" s="85"/>
      <c r="AI2078" s="85"/>
      <c r="AJ2078" s="85"/>
      <c r="AK2078" s="85"/>
      <c r="AL2078" s="85"/>
      <c r="AM2078" s="85"/>
      <c r="AN2078" s="85"/>
      <c r="AO2078" s="85"/>
      <c r="AP2078" s="85"/>
      <c r="AQ2078" s="85"/>
      <c r="AR2078" s="85"/>
      <c r="AS2078" s="85"/>
      <c r="AT2078" s="85"/>
      <c r="AU2078" s="85"/>
      <c r="AV2078" s="85"/>
      <c r="AW2078" s="85"/>
      <c r="AX2078" s="85"/>
      <c r="AY2078" s="85"/>
      <c r="AZ2078" s="85"/>
      <c r="BA2078" s="85"/>
      <c r="BB2078" s="85"/>
      <c r="BC2078" s="85"/>
      <c r="BD2078" s="85"/>
      <c r="BE2078" s="85"/>
      <c r="BF2078" s="85"/>
      <c r="BG2078" s="85"/>
      <c r="BH2078" s="85"/>
      <c r="BI2078" s="85"/>
      <c r="BJ2078" s="85"/>
      <c r="BK2078" s="85"/>
      <c r="BL2078" s="85"/>
      <c r="BM2078" s="85"/>
      <c r="BN2078" s="85"/>
      <c r="BO2078" s="85"/>
      <c r="BP2078" s="85"/>
      <c r="BQ2078" s="85"/>
      <c r="BR2078" s="85"/>
      <c r="BS2078" s="85"/>
      <c r="BT2078" s="85"/>
      <c r="BU2078" s="85"/>
      <c r="BV2078" s="85"/>
      <c r="BW2078" s="85"/>
      <c r="BX2078" s="85"/>
      <c r="BY2078" s="85"/>
      <c r="BZ2078" s="85"/>
      <c r="CA2078" s="85"/>
      <c r="CB2078" s="85"/>
      <c r="CC2078" s="85"/>
      <c r="CD2078" s="85"/>
      <c r="CE2078" s="85"/>
      <c r="CF2078" s="85"/>
      <c r="CG2078" s="85"/>
    </row>
    <row r="2079" spans="1:85" s="9" customFormat="1" x14ac:dyDescent="0.2">
      <c r="A2079" s="85"/>
      <c r="J2079" s="85"/>
      <c r="K2079" s="85"/>
      <c r="L2079" s="85"/>
      <c r="M2079" s="85"/>
      <c r="N2079" s="85"/>
      <c r="O2079" s="85"/>
      <c r="P2079" s="85"/>
      <c r="Q2079" s="85"/>
      <c r="R2079" s="85"/>
      <c r="S2079" s="85"/>
      <c r="T2079" s="85"/>
      <c r="U2079" s="85"/>
      <c r="V2079" s="85"/>
      <c r="W2079" s="85"/>
      <c r="X2079" s="85"/>
      <c r="Y2079" s="85"/>
      <c r="Z2079" s="85"/>
      <c r="AA2079" s="85"/>
      <c r="AB2079" s="85"/>
      <c r="AC2079" s="85"/>
      <c r="AD2079" s="85"/>
      <c r="AE2079" s="85"/>
      <c r="AF2079" s="85"/>
      <c r="AG2079" s="85"/>
      <c r="AH2079" s="85"/>
      <c r="AI2079" s="85"/>
      <c r="AJ2079" s="85"/>
      <c r="AK2079" s="85"/>
      <c r="AL2079" s="85"/>
      <c r="AM2079" s="85"/>
      <c r="AN2079" s="85"/>
      <c r="AO2079" s="85"/>
      <c r="AP2079" s="85"/>
      <c r="AQ2079" s="85"/>
      <c r="AR2079" s="85"/>
      <c r="AS2079" s="85"/>
      <c r="AT2079" s="85"/>
      <c r="AU2079" s="85"/>
      <c r="AV2079" s="85"/>
      <c r="AW2079" s="85"/>
      <c r="AX2079" s="85"/>
      <c r="AY2079" s="85"/>
      <c r="AZ2079" s="85"/>
      <c r="BA2079" s="85"/>
      <c r="BB2079" s="85"/>
      <c r="BC2079" s="85"/>
      <c r="BD2079" s="85"/>
      <c r="BE2079" s="85"/>
      <c r="BF2079" s="85"/>
      <c r="BG2079" s="85"/>
      <c r="BH2079" s="85"/>
      <c r="BI2079" s="85"/>
      <c r="BJ2079" s="85"/>
      <c r="BK2079" s="85"/>
      <c r="BL2079" s="85"/>
      <c r="BM2079" s="85"/>
      <c r="BN2079" s="85"/>
      <c r="BO2079" s="85"/>
      <c r="BP2079" s="85"/>
      <c r="BQ2079" s="85"/>
      <c r="BR2079" s="85"/>
      <c r="BS2079" s="85"/>
      <c r="BT2079" s="85"/>
      <c r="BU2079" s="85"/>
      <c r="BV2079" s="85"/>
      <c r="BW2079" s="85"/>
      <c r="BX2079" s="85"/>
      <c r="BY2079" s="85"/>
      <c r="BZ2079" s="85"/>
      <c r="CA2079" s="85"/>
      <c r="CB2079" s="85"/>
      <c r="CC2079" s="85"/>
      <c r="CD2079" s="85"/>
      <c r="CE2079" s="85"/>
      <c r="CF2079" s="85"/>
      <c r="CG2079" s="85"/>
    </row>
    <row r="2080" spans="1:85" s="9" customFormat="1" x14ac:dyDescent="0.2">
      <c r="A2080" s="85"/>
      <c r="J2080" s="85"/>
      <c r="K2080" s="85"/>
      <c r="L2080" s="85"/>
      <c r="M2080" s="85"/>
      <c r="N2080" s="85"/>
      <c r="O2080" s="85"/>
      <c r="P2080" s="85"/>
      <c r="Q2080" s="85"/>
      <c r="R2080" s="85"/>
      <c r="S2080" s="85"/>
      <c r="T2080" s="85"/>
      <c r="U2080" s="85"/>
      <c r="V2080" s="85"/>
      <c r="W2080" s="85"/>
      <c r="X2080" s="85"/>
      <c r="Y2080" s="85"/>
      <c r="Z2080" s="85"/>
      <c r="AA2080" s="85"/>
      <c r="AB2080" s="85"/>
      <c r="AC2080" s="85"/>
      <c r="AD2080" s="85"/>
      <c r="AE2080" s="85"/>
      <c r="AF2080" s="85"/>
      <c r="AG2080" s="85"/>
      <c r="AH2080" s="85"/>
      <c r="AI2080" s="85"/>
      <c r="AJ2080" s="85"/>
      <c r="AK2080" s="85"/>
      <c r="AL2080" s="85"/>
      <c r="AM2080" s="85"/>
      <c r="AN2080" s="85"/>
      <c r="AO2080" s="85"/>
      <c r="AP2080" s="85"/>
      <c r="AQ2080" s="85"/>
      <c r="AR2080" s="85"/>
      <c r="AS2080" s="85"/>
      <c r="AT2080" s="85"/>
      <c r="AU2080" s="85"/>
      <c r="AV2080" s="85"/>
      <c r="AW2080" s="85"/>
      <c r="AX2080" s="85"/>
      <c r="AY2080" s="85"/>
      <c r="AZ2080" s="85"/>
      <c r="BA2080" s="85"/>
      <c r="BB2080" s="85"/>
      <c r="BC2080" s="85"/>
      <c r="BD2080" s="85"/>
      <c r="BE2080" s="85"/>
      <c r="BF2080" s="85"/>
      <c r="BG2080" s="85"/>
      <c r="BH2080" s="85"/>
      <c r="BI2080" s="85"/>
      <c r="BJ2080" s="85"/>
      <c r="BK2080" s="85"/>
      <c r="BL2080" s="85"/>
      <c r="BM2080" s="85"/>
      <c r="BN2080" s="85"/>
      <c r="BO2080" s="85"/>
      <c r="BP2080" s="85"/>
      <c r="BQ2080" s="85"/>
      <c r="BR2080" s="85"/>
      <c r="BS2080" s="85"/>
      <c r="BT2080" s="85"/>
      <c r="BU2080" s="85"/>
      <c r="BV2080" s="85"/>
      <c r="BW2080" s="85"/>
      <c r="BX2080" s="85"/>
      <c r="BY2080" s="85"/>
      <c r="BZ2080" s="85"/>
      <c r="CA2080" s="85"/>
      <c r="CB2080" s="85"/>
      <c r="CC2080" s="85"/>
      <c r="CD2080" s="85"/>
      <c r="CE2080" s="85"/>
      <c r="CF2080" s="85"/>
      <c r="CG2080" s="85"/>
    </row>
    <row r="2081" spans="1:85" s="9" customFormat="1" x14ac:dyDescent="0.2">
      <c r="A2081" s="85"/>
      <c r="J2081" s="85"/>
      <c r="K2081" s="85"/>
      <c r="L2081" s="85"/>
      <c r="M2081" s="85"/>
      <c r="N2081" s="85"/>
      <c r="O2081" s="85"/>
      <c r="P2081" s="85"/>
      <c r="Q2081" s="85"/>
      <c r="R2081" s="85"/>
      <c r="S2081" s="85"/>
      <c r="T2081" s="85"/>
      <c r="U2081" s="85"/>
      <c r="V2081" s="85"/>
      <c r="W2081" s="85"/>
      <c r="X2081" s="85"/>
      <c r="Y2081" s="85"/>
      <c r="Z2081" s="85"/>
      <c r="AA2081" s="85"/>
      <c r="AB2081" s="85"/>
      <c r="AC2081" s="85"/>
      <c r="AD2081" s="85"/>
      <c r="AE2081" s="85"/>
      <c r="AF2081" s="85"/>
      <c r="AG2081" s="85"/>
      <c r="AH2081" s="85"/>
      <c r="AI2081" s="85"/>
      <c r="AJ2081" s="85"/>
      <c r="AK2081" s="85"/>
      <c r="AL2081" s="85"/>
      <c r="AM2081" s="85"/>
      <c r="AN2081" s="85"/>
      <c r="AO2081" s="85"/>
      <c r="AP2081" s="85"/>
      <c r="AQ2081" s="85"/>
      <c r="AR2081" s="85"/>
      <c r="AS2081" s="85"/>
      <c r="AT2081" s="85"/>
      <c r="AU2081" s="85"/>
      <c r="AV2081" s="85"/>
      <c r="AW2081" s="85"/>
      <c r="AX2081" s="85"/>
      <c r="AY2081" s="85"/>
      <c r="AZ2081" s="85"/>
      <c r="BA2081" s="85"/>
      <c r="BB2081" s="85"/>
      <c r="BC2081" s="85"/>
      <c r="BD2081" s="85"/>
      <c r="BE2081" s="85"/>
      <c r="BF2081" s="85"/>
      <c r="BG2081" s="85"/>
      <c r="BH2081" s="85"/>
      <c r="BI2081" s="85"/>
      <c r="BJ2081" s="85"/>
      <c r="BK2081" s="85"/>
      <c r="BL2081" s="85"/>
      <c r="BM2081" s="85"/>
      <c r="BN2081" s="85"/>
      <c r="BO2081" s="85"/>
      <c r="BP2081" s="85"/>
      <c r="BQ2081" s="85"/>
      <c r="BR2081" s="85"/>
      <c r="BS2081" s="85"/>
      <c r="BT2081" s="85"/>
      <c r="BU2081" s="85"/>
      <c r="BV2081" s="85"/>
      <c r="BW2081" s="85"/>
      <c r="BX2081" s="85"/>
      <c r="BY2081" s="85"/>
      <c r="BZ2081" s="85"/>
      <c r="CA2081" s="85"/>
      <c r="CB2081" s="85"/>
      <c r="CC2081" s="85"/>
      <c r="CD2081" s="85"/>
      <c r="CE2081" s="85"/>
      <c r="CF2081" s="85"/>
      <c r="CG2081" s="85"/>
    </row>
    <row r="2082" spans="1:85" s="9" customFormat="1" x14ac:dyDescent="0.2">
      <c r="A2082" s="85"/>
      <c r="J2082" s="85"/>
      <c r="K2082" s="85"/>
      <c r="L2082" s="85"/>
      <c r="M2082" s="85"/>
      <c r="N2082" s="85"/>
      <c r="O2082" s="85"/>
      <c r="P2082" s="85"/>
      <c r="Q2082" s="85"/>
      <c r="R2082" s="85"/>
      <c r="S2082" s="85"/>
      <c r="T2082" s="85"/>
      <c r="U2082" s="85"/>
      <c r="V2082" s="85"/>
      <c r="W2082" s="85"/>
      <c r="X2082" s="85"/>
      <c r="Y2082" s="85"/>
      <c r="Z2082" s="85"/>
      <c r="AA2082" s="85"/>
      <c r="AB2082" s="85"/>
      <c r="AC2082" s="85"/>
      <c r="AD2082" s="85"/>
      <c r="AE2082" s="85"/>
      <c r="AF2082" s="85"/>
      <c r="AG2082" s="85"/>
      <c r="AH2082" s="85"/>
      <c r="AI2082" s="85"/>
      <c r="AJ2082" s="85"/>
      <c r="AK2082" s="85"/>
      <c r="AL2082" s="85"/>
      <c r="AM2082" s="85"/>
      <c r="AN2082" s="85"/>
      <c r="AO2082" s="85"/>
      <c r="AP2082" s="85"/>
      <c r="AQ2082" s="85"/>
      <c r="AR2082" s="85"/>
      <c r="AS2082" s="85"/>
      <c r="AT2082" s="85"/>
      <c r="AU2082" s="85"/>
      <c r="AV2082" s="85"/>
      <c r="AW2082" s="85"/>
      <c r="AX2082" s="85"/>
      <c r="AY2082" s="85"/>
      <c r="AZ2082" s="85"/>
      <c r="BA2082" s="85"/>
      <c r="BB2082" s="85"/>
      <c r="BC2082" s="85"/>
      <c r="BD2082" s="85"/>
      <c r="BE2082" s="85"/>
      <c r="BF2082" s="85"/>
      <c r="BG2082" s="85"/>
      <c r="BH2082" s="85"/>
      <c r="BI2082" s="85"/>
      <c r="BJ2082" s="85"/>
      <c r="BK2082" s="85"/>
      <c r="BL2082" s="85"/>
      <c r="BM2082" s="85"/>
      <c r="BN2082" s="85"/>
      <c r="BO2082" s="85"/>
      <c r="BP2082" s="85"/>
      <c r="BQ2082" s="85"/>
      <c r="BR2082" s="85"/>
      <c r="BS2082" s="85"/>
      <c r="BT2082" s="85"/>
      <c r="BU2082" s="85"/>
      <c r="BV2082" s="85"/>
      <c r="BW2082" s="85"/>
      <c r="BX2082" s="85"/>
      <c r="BY2082" s="85"/>
      <c r="BZ2082" s="85"/>
      <c r="CA2082" s="85"/>
      <c r="CB2082" s="85"/>
      <c r="CC2082" s="85"/>
      <c r="CD2082" s="85"/>
      <c r="CE2082" s="85"/>
      <c r="CF2082" s="85"/>
      <c r="CG2082" s="85"/>
    </row>
    <row r="2083" spans="1:85" s="9" customFormat="1" x14ac:dyDescent="0.2">
      <c r="A2083" s="85"/>
      <c r="J2083" s="85"/>
      <c r="K2083" s="85"/>
      <c r="L2083" s="85"/>
      <c r="M2083" s="85"/>
      <c r="N2083" s="85"/>
      <c r="O2083" s="85"/>
      <c r="P2083" s="85"/>
      <c r="Q2083" s="85"/>
      <c r="R2083" s="85"/>
      <c r="S2083" s="85"/>
      <c r="T2083" s="85"/>
      <c r="U2083" s="85"/>
      <c r="V2083" s="85"/>
      <c r="W2083" s="85"/>
      <c r="X2083" s="85"/>
      <c r="Y2083" s="85"/>
      <c r="Z2083" s="85"/>
      <c r="AA2083" s="85"/>
      <c r="AB2083" s="85"/>
      <c r="AC2083" s="85"/>
      <c r="AD2083" s="85"/>
      <c r="AE2083" s="85"/>
      <c r="AF2083" s="85"/>
      <c r="AG2083" s="85"/>
      <c r="AH2083" s="85"/>
      <c r="AI2083" s="85"/>
      <c r="AJ2083" s="85"/>
      <c r="AK2083" s="85"/>
      <c r="AL2083" s="85"/>
      <c r="AM2083" s="85"/>
      <c r="AN2083" s="85"/>
      <c r="AO2083" s="85"/>
      <c r="AP2083" s="85"/>
      <c r="AQ2083" s="85"/>
      <c r="AR2083" s="85"/>
      <c r="AS2083" s="85"/>
      <c r="AT2083" s="85"/>
      <c r="AU2083" s="85"/>
      <c r="AV2083" s="85"/>
      <c r="AW2083" s="85"/>
      <c r="AX2083" s="85"/>
      <c r="AY2083" s="85"/>
      <c r="AZ2083" s="85"/>
      <c r="BA2083" s="85"/>
      <c r="BB2083" s="85"/>
      <c r="BC2083" s="85"/>
      <c r="BD2083" s="85"/>
      <c r="BE2083" s="85"/>
      <c r="BF2083" s="85"/>
      <c r="BG2083" s="85"/>
      <c r="BH2083" s="85"/>
      <c r="BI2083" s="85"/>
      <c r="BJ2083" s="85"/>
      <c r="BK2083" s="85"/>
      <c r="BL2083" s="85"/>
      <c r="BM2083" s="85"/>
      <c r="BN2083" s="85"/>
      <c r="BO2083" s="85"/>
      <c r="BP2083" s="85"/>
      <c r="BQ2083" s="85"/>
      <c r="BR2083" s="85"/>
      <c r="BS2083" s="85"/>
      <c r="BT2083" s="85"/>
      <c r="BU2083" s="85"/>
      <c r="BV2083" s="85"/>
      <c r="BW2083" s="85"/>
      <c r="BX2083" s="85"/>
      <c r="BY2083" s="85"/>
      <c r="BZ2083" s="85"/>
      <c r="CA2083" s="85"/>
      <c r="CB2083" s="85"/>
      <c r="CC2083" s="85"/>
      <c r="CD2083" s="85"/>
      <c r="CE2083" s="85"/>
      <c r="CF2083" s="85"/>
      <c r="CG2083" s="85"/>
    </row>
    <row r="2084" spans="1:85" s="9" customFormat="1" x14ac:dyDescent="0.2">
      <c r="A2084" s="85"/>
      <c r="J2084" s="85"/>
      <c r="K2084" s="85"/>
      <c r="L2084" s="85"/>
      <c r="M2084" s="85"/>
      <c r="N2084" s="85"/>
      <c r="O2084" s="85"/>
      <c r="P2084" s="85"/>
      <c r="Q2084" s="85"/>
      <c r="R2084" s="85"/>
      <c r="S2084" s="85"/>
      <c r="T2084" s="85"/>
      <c r="U2084" s="85"/>
      <c r="V2084" s="85"/>
      <c r="W2084" s="85"/>
      <c r="X2084" s="85"/>
      <c r="Y2084" s="85"/>
      <c r="Z2084" s="85"/>
      <c r="AA2084" s="85"/>
      <c r="AB2084" s="85"/>
      <c r="AC2084" s="85"/>
      <c r="AD2084" s="85"/>
      <c r="AE2084" s="85"/>
      <c r="AF2084" s="85"/>
      <c r="AG2084" s="85"/>
      <c r="AH2084" s="85"/>
      <c r="AI2084" s="85"/>
      <c r="AJ2084" s="85"/>
      <c r="AK2084" s="85"/>
      <c r="AL2084" s="85"/>
      <c r="AM2084" s="85"/>
      <c r="AN2084" s="85"/>
      <c r="AO2084" s="85"/>
      <c r="AP2084" s="85"/>
      <c r="AQ2084" s="85"/>
      <c r="AR2084" s="85"/>
      <c r="AS2084" s="85"/>
      <c r="AT2084" s="85"/>
      <c r="AU2084" s="85"/>
      <c r="AV2084" s="85"/>
      <c r="AW2084" s="85"/>
      <c r="AX2084" s="85"/>
      <c r="AY2084" s="85"/>
      <c r="AZ2084" s="85"/>
      <c r="BA2084" s="85"/>
      <c r="BB2084" s="85"/>
      <c r="BC2084" s="85"/>
      <c r="BD2084" s="85"/>
      <c r="BE2084" s="85"/>
      <c r="BF2084" s="85"/>
      <c r="BG2084" s="85"/>
      <c r="BH2084" s="85"/>
      <c r="BI2084" s="85"/>
      <c r="BJ2084" s="85"/>
      <c r="BK2084" s="85"/>
      <c r="BL2084" s="85"/>
      <c r="BM2084" s="85"/>
      <c r="BN2084" s="85"/>
      <c r="BO2084" s="85"/>
      <c r="BP2084" s="85"/>
      <c r="BQ2084" s="85"/>
      <c r="BR2084" s="85"/>
      <c r="BS2084" s="85"/>
      <c r="BT2084" s="85"/>
      <c r="BU2084" s="85"/>
      <c r="BV2084" s="85"/>
      <c r="BW2084" s="85"/>
      <c r="BX2084" s="85"/>
      <c r="BY2084" s="85"/>
      <c r="BZ2084" s="85"/>
      <c r="CA2084" s="85"/>
      <c r="CB2084" s="85"/>
      <c r="CC2084" s="85"/>
      <c r="CD2084" s="85"/>
      <c r="CE2084" s="85"/>
      <c r="CF2084" s="85"/>
      <c r="CG2084" s="85"/>
    </row>
    <row r="2085" spans="1:85" s="9" customFormat="1" x14ac:dyDescent="0.2">
      <c r="A2085" s="85"/>
      <c r="J2085" s="85"/>
      <c r="K2085" s="85"/>
      <c r="L2085" s="85"/>
      <c r="M2085" s="85"/>
      <c r="N2085" s="85"/>
      <c r="O2085" s="85"/>
      <c r="P2085" s="85"/>
      <c r="Q2085" s="85"/>
      <c r="R2085" s="85"/>
      <c r="S2085" s="85"/>
      <c r="T2085" s="85"/>
      <c r="U2085" s="85"/>
      <c r="V2085" s="85"/>
      <c r="W2085" s="85"/>
      <c r="X2085" s="85"/>
      <c r="Y2085" s="85"/>
      <c r="Z2085" s="85"/>
      <c r="AA2085" s="85"/>
      <c r="AB2085" s="85"/>
      <c r="AC2085" s="85"/>
      <c r="AD2085" s="85"/>
      <c r="AE2085" s="85"/>
      <c r="AF2085" s="85"/>
      <c r="AG2085" s="85"/>
      <c r="AH2085" s="85"/>
      <c r="AI2085" s="85"/>
      <c r="AJ2085" s="85"/>
      <c r="AK2085" s="85"/>
      <c r="AL2085" s="85"/>
      <c r="AM2085" s="85"/>
      <c r="AN2085" s="85"/>
      <c r="AO2085" s="85"/>
      <c r="AP2085" s="85"/>
      <c r="AQ2085" s="85"/>
      <c r="AR2085" s="85"/>
      <c r="AS2085" s="85"/>
      <c r="AT2085" s="85"/>
      <c r="AU2085" s="85"/>
      <c r="AV2085" s="85"/>
      <c r="AW2085" s="85"/>
      <c r="AX2085" s="85"/>
      <c r="AY2085" s="85"/>
      <c r="AZ2085" s="85"/>
      <c r="BA2085" s="85"/>
      <c r="BB2085" s="85"/>
      <c r="BC2085" s="85"/>
      <c r="BD2085" s="85"/>
      <c r="BE2085" s="85"/>
      <c r="BF2085" s="85"/>
      <c r="BG2085" s="85"/>
      <c r="BH2085" s="85"/>
      <c r="BI2085" s="85"/>
      <c r="BJ2085" s="85"/>
      <c r="BK2085" s="85"/>
      <c r="BL2085" s="85"/>
      <c r="BM2085" s="85"/>
      <c r="BN2085" s="85"/>
      <c r="BO2085" s="85"/>
      <c r="BP2085" s="85"/>
      <c r="BQ2085" s="85"/>
      <c r="BR2085" s="85"/>
      <c r="BS2085" s="85"/>
      <c r="BT2085" s="85"/>
      <c r="BU2085" s="85"/>
      <c r="BV2085" s="85"/>
      <c r="BW2085" s="85"/>
      <c r="BX2085" s="85"/>
      <c r="BY2085" s="85"/>
      <c r="BZ2085" s="85"/>
      <c r="CA2085" s="85"/>
      <c r="CB2085" s="85"/>
      <c r="CC2085" s="85"/>
      <c r="CD2085" s="85"/>
      <c r="CE2085" s="85"/>
      <c r="CF2085" s="85"/>
      <c r="CG2085" s="85"/>
    </row>
    <row r="2086" spans="1:85" s="9" customFormat="1" x14ac:dyDescent="0.2">
      <c r="A2086" s="85"/>
      <c r="J2086" s="85"/>
      <c r="K2086" s="85"/>
      <c r="L2086" s="85"/>
      <c r="M2086" s="85"/>
      <c r="N2086" s="85"/>
      <c r="O2086" s="85"/>
      <c r="P2086" s="85"/>
      <c r="Q2086" s="85"/>
      <c r="R2086" s="85"/>
      <c r="S2086" s="85"/>
      <c r="T2086" s="85"/>
      <c r="U2086" s="85"/>
      <c r="V2086" s="85"/>
      <c r="W2086" s="85"/>
      <c r="X2086" s="85"/>
      <c r="Y2086" s="85"/>
      <c r="Z2086" s="85"/>
      <c r="AA2086" s="85"/>
      <c r="AB2086" s="85"/>
      <c r="AC2086" s="85"/>
      <c r="AD2086" s="85"/>
      <c r="AE2086" s="85"/>
      <c r="AF2086" s="85"/>
      <c r="AG2086" s="85"/>
      <c r="AH2086" s="85"/>
      <c r="AI2086" s="85"/>
      <c r="AJ2086" s="85"/>
      <c r="AK2086" s="85"/>
      <c r="AL2086" s="85"/>
      <c r="AM2086" s="85"/>
      <c r="AN2086" s="85"/>
      <c r="AO2086" s="85"/>
      <c r="AP2086" s="85"/>
      <c r="AQ2086" s="85"/>
      <c r="AR2086" s="85"/>
      <c r="AS2086" s="85"/>
      <c r="AT2086" s="85"/>
      <c r="AU2086" s="85"/>
      <c r="AV2086" s="85"/>
      <c r="AW2086" s="85"/>
      <c r="AX2086" s="85"/>
      <c r="AY2086" s="85"/>
      <c r="AZ2086" s="85"/>
      <c r="BA2086" s="85"/>
      <c r="BB2086" s="85"/>
      <c r="BC2086" s="85"/>
      <c r="BD2086" s="85"/>
      <c r="BE2086" s="85"/>
      <c r="BF2086" s="85"/>
      <c r="BG2086" s="85"/>
      <c r="BH2086" s="85"/>
      <c r="BI2086" s="85"/>
      <c r="BJ2086" s="85"/>
      <c r="BK2086" s="85"/>
      <c r="BL2086" s="85"/>
      <c r="BM2086" s="85"/>
      <c r="BN2086" s="85"/>
      <c r="BO2086" s="85"/>
      <c r="BP2086" s="85"/>
      <c r="BQ2086" s="85"/>
      <c r="BR2086" s="85"/>
      <c r="BS2086" s="85"/>
      <c r="BT2086" s="85"/>
      <c r="BU2086" s="85"/>
      <c r="BV2086" s="85"/>
      <c r="BW2086" s="85"/>
      <c r="BX2086" s="85"/>
      <c r="BY2086" s="85"/>
      <c r="BZ2086" s="85"/>
      <c r="CA2086" s="85"/>
      <c r="CB2086" s="85"/>
      <c r="CC2086" s="85"/>
      <c r="CD2086" s="85"/>
      <c r="CE2086" s="85"/>
      <c r="CF2086" s="85"/>
      <c r="CG2086" s="85"/>
    </row>
    <row r="2087" spans="1:85" s="9" customFormat="1" x14ac:dyDescent="0.2">
      <c r="A2087" s="85"/>
      <c r="J2087" s="85"/>
      <c r="K2087" s="85"/>
      <c r="L2087" s="85"/>
      <c r="M2087" s="85"/>
      <c r="N2087" s="85"/>
      <c r="O2087" s="85"/>
      <c r="P2087" s="85"/>
      <c r="Q2087" s="85"/>
      <c r="R2087" s="85"/>
      <c r="S2087" s="85"/>
      <c r="T2087" s="85"/>
      <c r="U2087" s="85"/>
      <c r="V2087" s="85"/>
      <c r="W2087" s="85"/>
      <c r="X2087" s="85"/>
      <c r="Y2087" s="85"/>
      <c r="Z2087" s="85"/>
      <c r="AA2087" s="85"/>
      <c r="AB2087" s="85"/>
      <c r="AC2087" s="85"/>
      <c r="AD2087" s="85"/>
      <c r="AE2087" s="85"/>
      <c r="AF2087" s="85"/>
      <c r="AG2087" s="85"/>
      <c r="AH2087" s="85"/>
      <c r="AI2087" s="85"/>
      <c r="AJ2087" s="85"/>
      <c r="AK2087" s="85"/>
      <c r="AL2087" s="85"/>
      <c r="AM2087" s="85"/>
      <c r="AN2087" s="85"/>
      <c r="AO2087" s="85"/>
      <c r="AP2087" s="85"/>
      <c r="AQ2087" s="85"/>
      <c r="AR2087" s="85"/>
      <c r="AS2087" s="85"/>
      <c r="AT2087" s="85"/>
      <c r="AU2087" s="85"/>
      <c r="AV2087" s="85"/>
      <c r="AW2087" s="85"/>
      <c r="AX2087" s="85"/>
      <c r="AY2087" s="85"/>
      <c r="AZ2087" s="85"/>
      <c r="BA2087" s="85"/>
      <c r="BB2087" s="85"/>
      <c r="BC2087" s="85"/>
      <c r="BD2087" s="85"/>
      <c r="BE2087" s="85"/>
      <c r="BF2087" s="85"/>
      <c r="BG2087" s="85"/>
      <c r="BH2087" s="85"/>
      <c r="BI2087" s="85"/>
      <c r="BJ2087" s="85"/>
      <c r="BK2087" s="85"/>
      <c r="BL2087" s="85"/>
      <c r="BM2087" s="85"/>
      <c r="BN2087" s="85"/>
      <c r="BO2087" s="85"/>
      <c r="BP2087" s="85"/>
      <c r="BQ2087" s="85"/>
      <c r="BR2087" s="85"/>
      <c r="BS2087" s="85"/>
      <c r="BT2087" s="85"/>
      <c r="BU2087" s="85"/>
      <c r="BV2087" s="85"/>
      <c r="BW2087" s="85"/>
      <c r="BX2087" s="85"/>
      <c r="BY2087" s="85"/>
      <c r="BZ2087" s="85"/>
      <c r="CA2087" s="85"/>
      <c r="CB2087" s="85"/>
      <c r="CC2087" s="85"/>
      <c r="CD2087" s="85"/>
      <c r="CE2087" s="85"/>
      <c r="CF2087" s="85"/>
      <c r="CG2087" s="85"/>
    </row>
    <row r="2088" spans="1:85" s="9" customFormat="1" x14ac:dyDescent="0.2">
      <c r="A2088" s="85"/>
      <c r="J2088" s="85"/>
      <c r="K2088" s="85"/>
      <c r="L2088" s="85"/>
      <c r="M2088" s="85"/>
      <c r="N2088" s="85"/>
      <c r="O2088" s="85"/>
      <c r="P2088" s="85"/>
      <c r="Q2088" s="85"/>
      <c r="R2088" s="85"/>
      <c r="S2088" s="85"/>
      <c r="T2088" s="85"/>
      <c r="U2088" s="85"/>
      <c r="V2088" s="85"/>
      <c r="W2088" s="85"/>
      <c r="X2088" s="85"/>
      <c r="Y2088" s="85"/>
      <c r="Z2088" s="85"/>
      <c r="AA2088" s="85"/>
      <c r="AB2088" s="85"/>
      <c r="AC2088" s="85"/>
      <c r="AD2088" s="85"/>
      <c r="AE2088" s="85"/>
      <c r="AF2088" s="85"/>
      <c r="AG2088" s="85"/>
      <c r="AH2088" s="85"/>
      <c r="AI2088" s="85"/>
      <c r="AJ2088" s="85"/>
      <c r="AK2088" s="85"/>
      <c r="AL2088" s="85"/>
      <c r="AM2088" s="85"/>
      <c r="AN2088" s="85"/>
      <c r="AO2088" s="85"/>
      <c r="AP2088" s="85"/>
      <c r="AQ2088" s="85"/>
      <c r="AR2088" s="85"/>
      <c r="AS2088" s="85"/>
      <c r="AT2088" s="85"/>
      <c r="AU2088" s="85"/>
      <c r="AV2088" s="85"/>
      <c r="AW2088" s="85"/>
      <c r="AX2088" s="85"/>
      <c r="AY2088" s="85"/>
      <c r="AZ2088" s="85"/>
      <c r="BA2088" s="85"/>
      <c r="BB2088" s="85"/>
      <c r="BC2088" s="85"/>
      <c r="BD2088" s="85"/>
      <c r="BE2088" s="85"/>
      <c r="BF2088" s="85"/>
      <c r="BG2088" s="85"/>
      <c r="BH2088" s="85"/>
      <c r="BI2088" s="85"/>
      <c r="BJ2088" s="85"/>
      <c r="BK2088" s="85"/>
      <c r="BL2088" s="85"/>
      <c r="BM2088" s="85"/>
      <c r="BN2088" s="85"/>
      <c r="BO2088" s="85"/>
      <c r="BP2088" s="85"/>
      <c r="BQ2088" s="85"/>
      <c r="BR2088" s="85"/>
      <c r="BS2088" s="85"/>
      <c r="BT2088" s="85"/>
      <c r="BU2088" s="85"/>
      <c r="BV2088" s="85"/>
      <c r="BW2088" s="85"/>
      <c r="BX2088" s="85"/>
      <c r="BY2088" s="85"/>
      <c r="BZ2088" s="85"/>
      <c r="CA2088" s="85"/>
      <c r="CB2088" s="85"/>
      <c r="CC2088" s="85"/>
      <c r="CD2088" s="85"/>
      <c r="CE2088" s="85"/>
      <c r="CF2088" s="85"/>
      <c r="CG2088" s="85"/>
    </row>
    <row r="2089" spans="1:85" s="9" customFormat="1" x14ac:dyDescent="0.2">
      <c r="A2089" s="85"/>
      <c r="J2089" s="85"/>
      <c r="K2089" s="85"/>
      <c r="L2089" s="85"/>
      <c r="M2089" s="85"/>
      <c r="N2089" s="85"/>
      <c r="O2089" s="85"/>
      <c r="P2089" s="85"/>
      <c r="Q2089" s="85"/>
      <c r="R2089" s="85"/>
      <c r="S2089" s="85"/>
      <c r="T2089" s="85"/>
      <c r="U2089" s="85"/>
      <c r="V2089" s="85"/>
      <c r="W2089" s="85"/>
      <c r="X2089" s="85"/>
      <c r="Y2089" s="85"/>
      <c r="Z2089" s="85"/>
      <c r="AA2089" s="85"/>
      <c r="AB2089" s="85"/>
      <c r="AC2089" s="85"/>
      <c r="AD2089" s="85"/>
      <c r="AE2089" s="85"/>
      <c r="AF2089" s="85"/>
      <c r="AG2089" s="85"/>
      <c r="AH2089" s="85"/>
      <c r="AI2089" s="85"/>
      <c r="AJ2089" s="85"/>
      <c r="AK2089" s="85"/>
      <c r="AL2089" s="85"/>
      <c r="AM2089" s="85"/>
      <c r="AN2089" s="85"/>
      <c r="AO2089" s="85"/>
      <c r="AP2089" s="85"/>
      <c r="AQ2089" s="85"/>
      <c r="AR2089" s="85"/>
      <c r="AS2089" s="85"/>
      <c r="AT2089" s="85"/>
      <c r="AU2089" s="85"/>
      <c r="AV2089" s="85"/>
      <c r="AW2089" s="85"/>
      <c r="AX2089" s="85"/>
      <c r="AY2089" s="85"/>
      <c r="AZ2089" s="85"/>
      <c r="BA2089" s="85"/>
      <c r="BB2089" s="85"/>
      <c r="BC2089" s="85"/>
      <c r="BD2089" s="85"/>
      <c r="BE2089" s="85"/>
      <c r="BF2089" s="85"/>
      <c r="BG2089" s="85"/>
      <c r="BH2089" s="85"/>
      <c r="BI2089" s="85"/>
      <c r="BJ2089" s="85"/>
      <c r="BK2089" s="85"/>
      <c r="BL2089" s="85"/>
      <c r="BM2089" s="85"/>
      <c r="BN2089" s="85"/>
      <c r="BO2089" s="85"/>
      <c r="BP2089" s="85"/>
      <c r="BQ2089" s="85"/>
      <c r="BR2089" s="85"/>
      <c r="BS2089" s="85"/>
      <c r="BT2089" s="85"/>
      <c r="BU2089" s="85"/>
      <c r="BV2089" s="85"/>
      <c r="BW2089" s="85"/>
      <c r="BX2089" s="85"/>
      <c r="BY2089" s="85"/>
      <c r="BZ2089" s="85"/>
      <c r="CA2089" s="85"/>
      <c r="CB2089" s="85"/>
      <c r="CC2089" s="85"/>
      <c r="CD2089" s="85"/>
      <c r="CE2089" s="85"/>
      <c r="CF2089" s="85"/>
      <c r="CG2089" s="85"/>
    </row>
    <row r="2090" spans="1:85" s="9" customFormat="1" x14ac:dyDescent="0.2">
      <c r="A2090" s="85"/>
      <c r="J2090" s="85"/>
      <c r="K2090" s="85"/>
      <c r="L2090" s="85"/>
      <c r="M2090" s="85"/>
      <c r="N2090" s="85"/>
      <c r="O2090" s="85"/>
      <c r="P2090" s="85"/>
      <c r="Q2090" s="85"/>
      <c r="R2090" s="85"/>
      <c r="S2090" s="85"/>
      <c r="T2090" s="85"/>
      <c r="U2090" s="85"/>
      <c r="V2090" s="85"/>
      <c r="W2090" s="85"/>
      <c r="X2090" s="85"/>
      <c r="Y2090" s="85"/>
      <c r="Z2090" s="85"/>
      <c r="AA2090" s="85"/>
      <c r="AB2090" s="85"/>
      <c r="AC2090" s="85"/>
      <c r="AD2090" s="85"/>
      <c r="AE2090" s="85"/>
      <c r="AF2090" s="85"/>
      <c r="AG2090" s="85"/>
      <c r="AH2090" s="85"/>
      <c r="AI2090" s="85"/>
      <c r="AJ2090" s="85"/>
      <c r="AK2090" s="85"/>
      <c r="AL2090" s="85"/>
      <c r="AM2090" s="85"/>
      <c r="AN2090" s="85"/>
      <c r="AO2090" s="85"/>
      <c r="AP2090" s="85"/>
      <c r="AQ2090" s="85"/>
      <c r="AR2090" s="85"/>
      <c r="AS2090" s="85"/>
      <c r="AT2090" s="85"/>
      <c r="AU2090" s="85"/>
      <c r="AV2090" s="85"/>
      <c r="AW2090" s="85"/>
      <c r="AX2090" s="85"/>
      <c r="AY2090" s="85"/>
      <c r="AZ2090" s="85"/>
      <c r="BA2090" s="85"/>
      <c r="BB2090" s="85"/>
      <c r="BC2090" s="85"/>
      <c r="BD2090" s="85"/>
      <c r="BE2090" s="85"/>
      <c r="BF2090" s="85"/>
      <c r="BG2090" s="85"/>
      <c r="BH2090" s="85"/>
      <c r="BI2090" s="85"/>
      <c r="BJ2090" s="85"/>
      <c r="BK2090" s="85"/>
      <c r="BL2090" s="85"/>
      <c r="BM2090" s="85"/>
      <c r="BN2090" s="85"/>
      <c r="BO2090" s="85"/>
      <c r="BP2090" s="85"/>
      <c r="BQ2090" s="85"/>
      <c r="BR2090" s="85"/>
      <c r="BS2090" s="85"/>
      <c r="BT2090" s="85"/>
      <c r="BU2090" s="85"/>
      <c r="BV2090" s="85"/>
      <c r="BW2090" s="85"/>
      <c r="BX2090" s="85"/>
      <c r="BY2090" s="85"/>
      <c r="BZ2090" s="85"/>
      <c r="CA2090" s="85"/>
      <c r="CB2090" s="85"/>
      <c r="CC2090" s="85"/>
      <c r="CD2090" s="85"/>
      <c r="CE2090" s="85"/>
      <c r="CF2090" s="85"/>
      <c r="CG2090" s="85"/>
    </row>
    <row r="2091" spans="1:85" s="9" customFormat="1" x14ac:dyDescent="0.2">
      <c r="A2091" s="85"/>
      <c r="J2091" s="85"/>
      <c r="K2091" s="85"/>
      <c r="L2091" s="85"/>
      <c r="M2091" s="85"/>
      <c r="N2091" s="85"/>
      <c r="O2091" s="85"/>
      <c r="P2091" s="85"/>
      <c r="Q2091" s="85"/>
      <c r="R2091" s="85"/>
      <c r="S2091" s="85"/>
      <c r="T2091" s="85"/>
      <c r="U2091" s="85"/>
      <c r="V2091" s="85"/>
      <c r="W2091" s="85"/>
      <c r="X2091" s="85"/>
      <c r="Y2091" s="85"/>
      <c r="Z2091" s="85"/>
      <c r="AA2091" s="85"/>
      <c r="AB2091" s="85"/>
      <c r="AC2091" s="85"/>
      <c r="AD2091" s="85"/>
      <c r="AE2091" s="85"/>
      <c r="AF2091" s="85"/>
      <c r="AG2091" s="85"/>
      <c r="AH2091" s="85"/>
      <c r="AI2091" s="85"/>
      <c r="AJ2091" s="85"/>
      <c r="AK2091" s="85"/>
      <c r="AL2091" s="85"/>
      <c r="AM2091" s="85"/>
      <c r="AN2091" s="85"/>
      <c r="AO2091" s="85"/>
      <c r="AP2091" s="85"/>
      <c r="AQ2091" s="85"/>
      <c r="AR2091" s="85"/>
      <c r="AS2091" s="85"/>
      <c r="AT2091" s="85"/>
      <c r="AU2091" s="85"/>
      <c r="AV2091" s="85"/>
      <c r="AW2091" s="85"/>
      <c r="AX2091" s="85"/>
      <c r="AY2091" s="85"/>
      <c r="AZ2091" s="85"/>
      <c r="BA2091" s="85"/>
      <c r="BB2091" s="85"/>
      <c r="BC2091" s="85"/>
      <c r="BD2091" s="85"/>
      <c r="BE2091" s="85"/>
      <c r="BF2091" s="85"/>
      <c r="BG2091" s="85"/>
      <c r="BH2091" s="85"/>
      <c r="BI2091" s="85"/>
      <c r="BJ2091" s="85"/>
      <c r="BK2091" s="85"/>
      <c r="BL2091" s="85"/>
      <c r="BM2091" s="85"/>
      <c r="BN2091" s="85"/>
      <c r="BO2091" s="85"/>
      <c r="BP2091" s="85"/>
      <c r="BQ2091" s="85"/>
      <c r="BR2091" s="85"/>
      <c r="BS2091" s="85"/>
      <c r="BT2091" s="85"/>
      <c r="BU2091" s="85"/>
      <c r="BV2091" s="85"/>
      <c r="BW2091" s="85"/>
      <c r="BX2091" s="85"/>
      <c r="BY2091" s="85"/>
      <c r="BZ2091" s="85"/>
      <c r="CA2091" s="85"/>
      <c r="CB2091" s="85"/>
      <c r="CC2091" s="85"/>
      <c r="CD2091" s="85"/>
      <c r="CE2091" s="85"/>
      <c r="CF2091" s="85"/>
      <c r="CG2091" s="85"/>
    </row>
    <row r="2092" spans="1:85" s="9" customFormat="1" x14ac:dyDescent="0.2">
      <c r="A2092" s="85"/>
      <c r="J2092" s="85"/>
      <c r="K2092" s="85"/>
      <c r="L2092" s="85"/>
      <c r="M2092" s="85"/>
      <c r="N2092" s="85"/>
      <c r="O2092" s="85"/>
      <c r="P2092" s="85"/>
      <c r="Q2092" s="85"/>
      <c r="R2092" s="85"/>
      <c r="S2092" s="85"/>
      <c r="T2092" s="85"/>
      <c r="U2092" s="85"/>
      <c r="V2092" s="85"/>
      <c r="W2092" s="85"/>
      <c r="X2092" s="85"/>
      <c r="Y2092" s="85"/>
      <c r="Z2092" s="85"/>
      <c r="AA2092" s="85"/>
      <c r="AB2092" s="85"/>
      <c r="AC2092" s="85"/>
      <c r="AD2092" s="85"/>
      <c r="AE2092" s="85"/>
      <c r="AF2092" s="85"/>
      <c r="AG2092" s="85"/>
      <c r="AH2092" s="85"/>
      <c r="AI2092" s="85"/>
      <c r="AJ2092" s="85"/>
      <c r="AK2092" s="85"/>
      <c r="AL2092" s="85"/>
      <c r="AM2092" s="85"/>
      <c r="AN2092" s="85"/>
      <c r="AO2092" s="85"/>
      <c r="AP2092" s="85"/>
      <c r="AQ2092" s="85"/>
      <c r="AR2092" s="85"/>
      <c r="AS2092" s="85"/>
      <c r="AT2092" s="85"/>
      <c r="AU2092" s="85"/>
      <c r="AV2092" s="85"/>
      <c r="AW2092" s="85"/>
      <c r="AX2092" s="85"/>
      <c r="AY2092" s="85"/>
      <c r="AZ2092" s="85"/>
      <c r="BA2092" s="85"/>
      <c r="BB2092" s="85"/>
      <c r="BC2092" s="85"/>
      <c r="BD2092" s="85"/>
      <c r="BE2092" s="85"/>
      <c r="BF2092" s="85"/>
      <c r="BG2092" s="85"/>
      <c r="BH2092" s="85"/>
      <c r="BI2092" s="85"/>
      <c r="BJ2092" s="85"/>
      <c r="BK2092" s="85"/>
      <c r="BL2092" s="85"/>
      <c r="BM2092" s="85"/>
      <c r="BN2092" s="85"/>
      <c r="BO2092" s="85"/>
      <c r="BP2092" s="85"/>
      <c r="BQ2092" s="85"/>
      <c r="BR2092" s="85"/>
      <c r="BS2092" s="85"/>
      <c r="BT2092" s="85"/>
      <c r="BU2092" s="85"/>
      <c r="BV2092" s="85"/>
      <c r="BW2092" s="85"/>
      <c r="BX2092" s="85"/>
      <c r="BY2092" s="85"/>
      <c r="BZ2092" s="85"/>
      <c r="CA2092" s="85"/>
      <c r="CB2092" s="85"/>
      <c r="CC2092" s="85"/>
      <c r="CD2092" s="85"/>
      <c r="CE2092" s="85"/>
      <c r="CF2092" s="85"/>
      <c r="CG2092" s="85"/>
    </row>
    <row r="2093" spans="1:85" s="9" customFormat="1" x14ac:dyDescent="0.2">
      <c r="A2093" s="85"/>
      <c r="J2093" s="85"/>
      <c r="K2093" s="85"/>
      <c r="L2093" s="85"/>
      <c r="M2093" s="85"/>
      <c r="N2093" s="85"/>
      <c r="O2093" s="85"/>
      <c r="P2093" s="85"/>
      <c r="Q2093" s="85"/>
      <c r="R2093" s="85"/>
      <c r="S2093" s="85"/>
      <c r="T2093" s="85"/>
      <c r="U2093" s="85"/>
      <c r="V2093" s="85"/>
      <c r="W2093" s="85"/>
      <c r="X2093" s="85"/>
      <c r="Y2093" s="85"/>
      <c r="Z2093" s="85"/>
      <c r="AA2093" s="85"/>
      <c r="AB2093" s="85"/>
      <c r="AC2093" s="85"/>
      <c r="AD2093" s="85"/>
      <c r="AE2093" s="85"/>
      <c r="AF2093" s="85"/>
      <c r="AG2093" s="85"/>
      <c r="AH2093" s="85"/>
      <c r="AI2093" s="85"/>
      <c r="AJ2093" s="85"/>
      <c r="AK2093" s="85"/>
      <c r="AL2093" s="85"/>
      <c r="AM2093" s="85"/>
      <c r="AN2093" s="85"/>
      <c r="AO2093" s="85"/>
      <c r="AP2093" s="85"/>
      <c r="AQ2093" s="85"/>
      <c r="AR2093" s="85"/>
      <c r="AS2093" s="85"/>
      <c r="AT2093" s="85"/>
      <c r="AU2093" s="85"/>
      <c r="AV2093" s="85"/>
      <c r="AW2093" s="85"/>
      <c r="AX2093" s="85"/>
      <c r="AY2093" s="85"/>
      <c r="AZ2093" s="85"/>
      <c r="BA2093" s="85"/>
      <c r="BB2093" s="85"/>
      <c r="BC2093" s="85"/>
      <c r="BD2093" s="85"/>
      <c r="BE2093" s="85"/>
      <c r="BF2093" s="85"/>
      <c r="BG2093" s="85"/>
      <c r="BH2093" s="85"/>
      <c r="BI2093" s="85"/>
      <c r="BJ2093" s="85"/>
      <c r="BK2093" s="85"/>
      <c r="BL2093" s="85"/>
      <c r="BM2093" s="85"/>
      <c r="BN2093" s="85"/>
      <c r="BO2093" s="85"/>
      <c r="BP2093" s="85"/>
      <c r="BQ2093" s="85"/>
      <c r="BR2093" s="85"/>
      <c r="BS2093" s="85"/>
      <c r="BT2093" s="85"/>
      <c r="BU2093" s="85"/>
      <c r="BV2093" s="85"/>
      <c r="BW2093" s="85"/>
      <c r="BX2093" s="85"/>
      <c r="BY2093" s="85"/>
      <c r="BZ2093" s="85"/>
      <c r="CA2093" s="85"/>
      <c r="CB2093" s="85"/>
      <c r="CC2093" s="85"/>
      <c r="CD2093" s="85"/>
      <c r="CE2093" s="85"/>
      <c r="CF2093" s="85"/>
      <c r="CG2093" s="85"/>
    </row>
    <row r="2094" spans="1:85" s="9" customFormat="1" x14ac:dyDescent="0.2">
      <c r="A2094" s="85"/>
      <c r="J2094" s="85"/>
      <c r="K2094" s="85"/>
      <c r="L2094" s="85"/>
      <c r="M2094" s="85"/>
      <c r="N2094" s="85"/>
      <c r="O2094" s="85"/>
      <c r="P2094" s="85"/>
      <c r="Q2094" s="85"/>
      <c r="R2094" s="85"/>
      <c r="S2094" s="85"/>
      <c r="T2094" s="85"/>
      <c r="U2094" s="85"/>
      <c r="V2094" s="85"/>
      <c r="W2094" s="85"/>
      <c r="X2094" s="85"/>
      <c r="Y2094" s="85"/>
      <c r="Z2094" s="85"/>
      <c r="AA2094" s="85"/>
      <c r="AB2094" s="85"/>
      <c r="AC2094" s="85"/>
      <c r="AD2094" s="85"/>
      <c r="AE2094" s="85"/>
      <c r="AF2094" s="85"/>
      <c r="AG2094" s="85"/>
      <c r="AH2094" s="85"/>
      <c r="AI2094" s="85"/>
      <c r="AJ2094" s="85"/>
      <c r="AK2094" s="85"/>
      <c r="AL2094" s="85"/>
      <c r="AM2094" s="85"/>
      <c r="AN2094" s="85"/>
      <c r="AO2094" s="85"/>
      <c r="AP2094" s="85"/>
      <c r="AQ2094" s="85"/>
      <c r="AR2094" s="85"/>
      <c r="AS2094" s="85"/>
      <c r="AT2094" s="85"/>
      <c r="AU2094" s="85"/>
      <c r="AV2094" s="85"/>
      <c r="AW2094" s="85"/>
      <c r="AX2094" s="85"/>
      <c r="AY2094" s="85"/>
      <c r="AZ2094" s="85"/>
      <c r="BA2094" s="85"/>
      <c r="BB2094" s="85"/>
      <c r="BC2094" s="85"/>
      <c r="BD2094" s="85"/>
      <c r="BE2094" s="85"/>
      <c r="BF2094" s="85"/>
      <c r="BG2094" s="85"/>
      <c r="BH2094" s="85"/>
      <c r="BI2094" s="85"/>
      <c r="BJ2094" s="85"/>
      <c r="BK2094" s="85"/>
      <c r="BL2094" s="85"/>
      <c r="BM2094" s="85"/>
      <c r="BN2094" s="85"/>
      <c r="BO2094" s="85"/>
      <c r="BP2094" s="85"/>
      <c r="BQ2094" s="85"/>
      <c r="BR2094" s="85"/>
      <c r="BS2094" s="85"/>
      <c r="BT2094" s="85"/>
      <c r="BU2094" s="85"/>
      <c r="BV2094" s="85"/>
      <c r="BW2094" s="85"/>
      <c r="BX2094" s="85"/>
      <c r="BY2094" s="85"/>
      <c r="BZ2094" s="85"/>
      <c r="CA2094" s="85"/>
      <c r="CB2094" s="85"/>
      <c r="CC2094" s="85"/>
      <c r="CD2094" s="85"/>
      <c r="CE2094" s="85"/>
      <c r="CF2094" s="85"/>
      <c r="CG2094" s="85"/>
    </row>
    <row r="2095" spans="1:85" s="9" customFormat="1" x14ac:dyDescent="0.2">
      <c r="A2095" s="85"/>
      <c r="J2095" s="85"/>
      <c r="K2095" s="85"/>
      <c r="L2095" s="85"/>
      <c r="M2095" s="85"/>
      <c r="N2095" s="85"/>
      <c r="O2095" s="85"/>
      <c r="P2095" s="85"/>
      <c r="Q2095" s="85"/>
      <c r="R2095" s="85"/>
      <c r="S2095" s="85"/>
      <c r="T2095" s="85"/>
      <c r="U2095" s="85"/>
      <c r="V2095" s="85"/>
      <c r="W2095" s="85"/>
      <c r="X2095" s="85"/>
      <c r="Y2095" s="85"/>
      <c r="Z2095" s="85"/>
      <c r="AA2095" s="85"/>
      <c r="AB2095" s="85"/>
      <c r="AC2095" s="85"/>
      <c r="AD2095" s="85"/>
      <c r="AE2095" s="85"/>
      <c r="AF2095" s="85"/>
      <c r="AG2095" s="85"/>
      <c r="AH2095" s="85"/>
      <c r="AI2095" s="85"/>
      <c r="AJ2095" s="85"/>
      <c r="AK2095" s="85"/>
      <c r="AL2095" s="85"/>
      <c r="AM2095" s="85"/>
      <c r="AN2095" s="85"/>
      <c r="AO2095" s="85"/>
      <c r="AP2095" s="85"/>
      <c r="AQ2095" s="85"/>
      <c r="AR2095" s="85"/>
      <c r="AS2095" s="85"/>
      <c r="AT2095" s="85"/>
      <c r="AU2095" s="85"/>
      <c r="AV2095" s="85"/>
      <c r="AW2095" s="85"/>
      <c r="AX2095" s="85"/>
      <c r="AY2095" s="85"/>
      <c r="AZ2095" s="85"/>
      <c r="BA2095" s="85"/>
      <c r="BB2095" s="85"/>
      <c r="BC2095" s="85"/>
      <c r="BD2095" s="85"/>
      <c r="BE2095" s="85"/>
      <c r="BF2095" s="85"/>
      <c r="BG2095" s="85"/>
      <c r="BH2095" s="85"/>
      <c r="BI2095" s="85"/>
      <c r="BJ2095" s="85"/>
      <c r="BK2095" s="85"/>
      <c r="BL2095" s="85"/>
      <c r="BM2095" s="85"/>
      <c r="BN2095" s="85"/>
      <c r="BO2095" s="85"/>
      <c r="BP2095" s="85"/>
      <c r="BQ2095" s="85"/>
      <c r="BR2095" s="85"/>
      <c r="BS2095" s="85"/>
      <c r="BT2095" s="85"/>
      <c r="BU2095" s="85"/>
      <c r="BV2095" s="85"/>
      <c r="BW2095" s="85"/>
      <c r="BX2095" s="85"/>
      <c r="BY2095" s="85"/>
      <c r="BZ2095" s="85"/>
      <c r="CA2095" s="85"/>
      <c r="CB2095" s="85"/>
      <c r="CC2095" s="85"/>
      <c r="CD2095" s="85"/>
      <c r="CE2095" s="85"/>
      <c r="CF2095" s="85"/>
      <c r="CG2095" s="85"/>
    </row>
    <row r="2096" spans="1:85" s="9" customFormat="1" x14ac:dyDescent="0.2">
      <c r="A2096" s="85"/>
      <c r="J2096" s="85"/>
      <c r="K2096" s="85"/>
      <c r="L2096" s="85"/>
      <c r="M2096" s="85"/>
      <c r="N2096" s="85"/>
      <c r="O2096" s="85"/>
      <c r="P2096" s="85"/>
      <c r="Q2096" s="85"/>
      <c r="R2096" s="85"/>
      <c r="S2096" s="85"/>
      <c r="T2096" s="85"/>
      <c r="U2096" s="85"/>
      <c r="V2096" s="85"/>
      <c r="W2096" s="85"/>
      <c r="X2096" s="85"/>
      <c r="Y2096" s="85"/>
      <c r="Z2096" s="85"/>
      <c r="AA2096" s="85"/>
      <c r="AB2096" s="85"/>
      <c r="AC2096" s="85"/>
      <c r="AD2096" s="85"/>
      <c r="AE2096" s="85"/>
      <c r="AF2096" s="85"/>
      <c r="AG2096" s="85"/>
      <c r="AH2096" s="85"/>
      <c r="AI2096" s="85"/>
      <c r="AJ2096" s="85"/>
      <c r="AK2096" s="85"/>
      <c r="AL2096" s="85"/>
      <c r="AM2096" s="85"/>
      <c r="AN2096" s="85"/>
      <c r="AO2096" s="85"/>
      <c r="AP2096" s="85"/>
      <c r="AQ2096" s="85"/>
      <c r="AR2096" s="85"/>
      <c r="AS2096" s="85"/>
      <c r="AT2096" s="85"/>
      <c r="AU2096" s="85"/>
      <c r="AV2096" s="85"/>
      <c r="AW2096" s="85"/>
      <c r="AX2096" s="85"/>
      <c r="AY2096" s="85"/>
      <c r="AZ2096" s="85"/>
      <c r="BA2096" s="85"/>
      <c r="BB2096" s="85"/>
      <c r="BC2096" s="85"/>
      <c r="BD2096" s="85"/>
      <c r="BE2096" s="85"/>
      <c r="BF2096" s="85"/>
      <c r="BG2096" s="85"/>
      <c r="BH2096" s="85"/>
      <c r="BI2096" s="85"/>
      <c r="BJ2096" s="85"/>
      <c r="BK2096" s="85"/>
      <c r="BL2096" s="85"/>
      <c r="BM2096" s="85"/>
      <c r="BN2096" s="85"/>
      <c r="BO2096" s="85"/>
      <c r="BP2096" s="85"/>
      <c r="BQ2096" s="85"/>
      <c r="BR2096" s="85"/>
      <c r="BS2096" s="85"/>
      <c r="BT2096" s="85"/>
      <c r="BU2096" s="85"/>
      <c r="BV2096" s="85"/>
      <c r="BW2096" s="85"/>
      <c r="BX2096" s="85"/>
      <c r="BY2096" s="85"/>
      <c r="BZ2096" s="85"/>
      <c r="CA2096" s="85"/>
      <c r="CB2096" s="85"/>
      <c r="CC2096" s="85"/>
      <c r="CD2096" s="85"/>
      <c r="CE2096" s="85"/>
      <c r="CF2096" s="85"/>
      <c r="CG2096" s="85"/>
    </row>
    <row r="2097" spans="1:85" s="9" customFormat="1" x14ac:dyDescent="0.2">
      <c r="A2097" s="85"/>
      <c r="J2097" s="85"/>
      <c r="K2097" s="85"/>
      <c r="L2097" s="85"/>
      <c r="M2097" s="85"/>
      <c r="N2097" s="85"/>
      <c r="O2097" s="85"/>
      <c r="P2097" s="85"/>
      <c r="Q2097" s="85"/>
      <c r="R2097" s="85"/>
      <c r="S2097" s="85"/>
      <c r="T2097" s="85"/>
      <c r="U2097" s="85"/>
      <c r="V2097" s="85"/>
      <c r="W2097" s="85"/>
      <c r="X2097" s="85"/>
      <c r="Y2097" s="85"/>
      <c r="Z2097" s="85"/>
      <c r="AA2097" s="85"/>
      <c r="AB2097" s="85"/>
      <c r="AC2097" s="85"/>
      <c r="AD2097" s="85"/>
      <c r="AE2097" s="85"/>
      <c r="AF2097" s="85"/>
      <c r="AG2097" s="85"/>
      <c r="AH2097" s="85"/>
      <c r="AI2097" s="85"/>
      <c r="AJ2097" s="85"/>
      <c r="AK2097" s="85"/>
      <c r="AL2097" s="85"/>
      <c r="AM2097" s="85"/>
      <c r="AN2097" s="85"/>
      <c r="AO2097" s="85"/>
      <c r="AP2097" s="85"/>
      <c r="AQ2097" s="85"/>
      <c r="AR2097" s="85"/>
      <c r="AS2097" s="85"/>
      <c r="AT2097" s="85"/>
      <c r="AU2097" s="85"/>
      <c r="AV2097" s="85"/>
      <c r="AW2097" s="85"/>
      <c r="AX2097" s="85"/>
      <c r="AY2097" s="85"/>
      <c r="AZ2097" s="85"/>
      <c r="BA2097" s="85"/>
      <c r="BB2097" s="85"/>
      <c r="BC2097" s="85"/>
      <c r="BD2097" s="85"/>
      <c r="BE2097" s="85"/>
      <c r="BF2097" s="85"/>
      <c r="BG2097" s="85"/>
      <c r="BH2097" s="85"/>
      <c r="BI2097" s="85"/>
      <c r="BJ2097" s="85"/>
      <c r="BK2097" s="85"/>
      <c r="BL2097" s="85"/>
      <c r="BM2097" s="85"/>
      <c r="BN2097" s="85"/>
      <c r="BO2097" s="85"/>
      <c r="BP2097" s="85"/>
      <c r="BQ2097" s="85"/>
      <c r="BR2097" s="85"/>
      <c r="BS2097" s="85"/>
      <c r="BT2097" s="85"/>
      <c r="BU2097" s="85"/>
      <c r="BV2097" s="85"/>
      <c r="BW2097" s="85"/>
      <c r="BX2097" s="85"/>
      <c r="BY2097" s="85"/>
      <c r="BZ2097" s="85"/>
      <c r="CA2097" s="85"/>
      <c r="CB2097" s="85"/>
      <c r="CC2097" s="85"/>
      <c r="CD2097" s="85"/>
      <c r="CE2097" s="85"/>
      <c r="CF2097" s="85"/>
      <c r="CG2097" s="85"/>
    </row>
    <row r="2098" spans="1:85" s="9" customFormat="1" x14ac:dyDescent="0.2">
      <c r="A2098" s="85"/>
      <c r="J2098" s="85"/>
      <c r="K2098" s="85"/>
      <c r="L2098" s="85"/>
      <c r="M2098" s="85"/>
      <c r="N2098" s="85"/>
      <c r="O2098" s="85"/>
      <c r="P2098" s="85"/>
      <c r="Q2098" s="85"/>
      <c r="R2098" s="85"/>
      <c r="S2098" s="85"/>
      <c r="T2098" s="85"/>
      <c r="U2098" s="85"/>
      <c r="V2098" s="85"/>
      <c r="W2098" s="85"/>
      <c r="X2098" s="85"/>
      <c r="Y2098" s="85"/>
      <c r="Z2098" s="85"/>
      <c r="AA2098" s="85"/>
      <c r="AB2098" s="85"/>
      <c r="AC2098" s="85"/>
      <c r="AD2098" s="85"/>
      <c r="AE2098" s="85"/>
      <c r="AF2098" s="85"/>
      <c r="AG2098" s="85"/>
      <c r="AH2098" s="85"/>
      <c r="AI2098" s="85"/>
      <c r="AJ2098" s="85"/>
      <c r="AK2098" s="85"/>
      <c r="AL2098" s="85"/>
      <c r="AM2098" s="85"/>
      <c r="AN2098" s="85"/>
      <c r="AO2098" s="85"/>
      <c r="AP2098" s="85"/>
      <c r="AQ2098" s="85"/>
      <c r="AR2098" s="85"/>
      <c r="AS2098" s="85"/>
      <c r="AT2098" s="85"/>
      <c r="AU2098" s="85"/>
      <c r="AV2098" s="85"/>
      <c r="AW2098" s="85"/>
      <c r="AX2098" s="85"/>
      <c r="AY2098" s="85"/>
      <c r="AZ2098" s="85"/>
      <c r="BA2098" s="85"/>
      <c r="BB2098" s="85"/>
      <c r="BC2098" s="85"/>
      <c r="BD2098" s="85"/>
      <c r="BE2098" s="85"/>
      <c r="BF2098" s="85"/>
      <c r="BG2098" s="85"/>
      <c r="BH2098" s="85"/>
      <c r="BI2098" s="85"/>
      <c r="BJ2098" s="85"/>
      <c r="BK2098" s="85"/>
      <c r="BL2098" s="85"/>
      <c r="BM2098" s="85"/>
      <c r="BN2098" s="85"/>
      <c r="BO2098" s="85"/>
      <c r="BP2098" s="85"/>
      <c r="BQ2098" s="85"/>
      <c r="BR2098" s="85"/>
      <c r="BS2098" s="85"/>
      <c r="BT2098" s="85"/>
      <c r="BU2098" s="85"/>
      <c r="BV2098" s="85"/>
      <c r="BW2098" s="85"/>
      <c r="BX2098" s="85"/>
      <c r="BY2098" s="85"/>
      <c r="BZ2098" s="85"/>
      <c r="CA2098" s="85"/>
      <c r="CB2098" s="85"/>
      <c r="CC2098" s="85"/>
      <c r="CD2098" s="85"/>
      <c r="CE2098" s="85"/>
      <c r="CF2098" s="85"/>
      <c r="CG2098" s="85"/>
    </row>
    <row r="2099" spans="1:85" s="9" customFormat="1" x14ac:dyDescent="0.2">
      <c r="A2099" s="85"/>
      <c r="J2099" s="85"/>
      <c r="K2099" s="85"/>
      <c r="L2099" s="85"/>
      <c r="M2099" s="85"/>
      <c r="N2099" s="85"/>
      <c r="O2099" s="85"/>
      <c r="P2099" s="85"/>
      <c r="Q2099" s="85"/>
      <c r="R2099" s="85"/>
      <c r="S2099" s="85"/>
      <c r="T2099" s="85"/>
      <c r="U2099" s="85"/>
      <c r="V2099" s="85"/>
      <c r="W2099" s="85"/>
      <c r="X2099" s="85"/>
      <c r="Y2099" s="85"/>
      <c r="Z2099" s="85"/>
      <c r="AA2099" s="85"/>
      <c r="AB2099" s="85"/>
      <c r="AC2099" s="85"/>
      <c r="AD2099" s="85"/>
      <c r="AE2099" s="85"/>
      <c r="AF2099" s="85"/>
      <c r="AG2099" s="85"/>
      <c r="AH2099" s="85"/>
      <c r="AI2099" s="85"/>
      <c r="AJ2099" s="85"/>
      <c r="AK2099" s="85"/>
      <c r="AL2099" s="85"/>
      <c r="AM2099" s="85"/>
      <c r="AN2099" s="85"/>
      <c r="AO2099" s="85"/>
      <c r="AP2099" s="85"/>
      <c r="AQ2099" s="85"/>
      <c r="AR2099" s="85"/>
      <c r="AS2099" s="85"/>
      <c r="AT2099" s="85"/>
      <c r="AU2099" s="85"/>
      <c r="AV2099" s="85"/>
      <c r="AW2099" s="85"/>
      <c r="AX2099" s="85"/>
      <c r="AY2099" s="85"/>
      <c r="AZ2099" s="85"/>
      <c r="BA2099" s="85"/>
      <c r="BB2099" s="85"/>
      <c r="BC2099" s="85"/>
      <c r="BD2099" s="85"/>
      <c r="BE2099" s="85"/>
      <c r="BF2099" s="85"/>
      <c r="BG2099" s="85"/>
      <c r="BH2099" s="85"/>
      <c r="BI2099" s="85"/>
      <c r="BJ2099" s="85"/>
      <c r="BK2099" s="85"/>
      <c r="BL2099" s="85"/>
      <c r="BM2099" s="85"/>
      <c r="BN2099" s="85"/>
      <c r="BO2099" s="85"/>
      <c r="BP2099" s="85"/>
      <c r="BQ2099" s="85"/>
      <c r="BR2099" s="85"/>
      <c r="BS2099" s="85"/>
      <c r="BT2099" s="85"/>
      <c r="BU2099" s="85"/>
      <c r="BV2099" s="85"/>
      <c r="BW2099" s="85"/>
      <c r="BX2099" s="85"/>
      <c r="BY2099" s="85"/>
      <c r="BZ2099" s="85"/>
      <c r="CA2099" s="85"/>
      <c r="CB2099" s="85"/>
      <c r="CC2099" s="85"/>
      <c r="CD2099" s="85"/>
      <c r="CE2099" s="85"/>
      <c r="CF2099" s="85"/>
      <c r="CG2099" s="85"/>
    </row>
    <row r="2100" spans="1:85" s="9" customFormat="1" x14ac:dyDescent="0.2">
      <c r="A2100" s="85"/>
      <c r="J2100" s="85"/>
      <c r="K2100" s="85"/>
      <c r="L2100" s="85"/>
      <c r="M2100" s="85"/>
      <c r="N2100" s="85"/>
      <c r="O2100" s="85"/>
      <c r="P2100" s="85"/>
      <c r="Q2100" s="85"/>
      <c r="R2100" s="85"/>
      <c r="S2100" s="85"/>
      <c r="T2100" s="85"/>
      <c r="U2100" s="85"/>
      <c r="V2100" s="85"/>
      <c r="W2100" s="85"/>
      <c r="X2100" s="85"/>
      <c r="Y2100" s="85"/>
      <c r="Z2100" s="85"/>
      <c r="AA2100" s="85"/>
      <c r="AB2100" s="85"/>
      <c r="AC2100" s="85"/>
      <c r="AD2100" s="85"/>
      <c r="AE2100" s="85"/>
      <c r="AF2100" s="85"/>
      <c r="AG2100" s="85"/>
      <c r="AH2100" s="85"/>
      <c r="AI2100" s="85"/>
      <c r="AJ2100" s="85"/>
      <c r="AK2100" s="85"/>
      <c r="AL2100" s="85"/>
      <c r="AM2100" s="85"/>
      <c r="AN2100" s="85"/>
      <c r="AO2100" s="85"/>
      <c r="AP2100" s="85"/>
      <c r="AQ2100" s="85"/>
      <c r="AR2100" s="85"/>
      <c r="AS2100" s="85"/>
      <c r="AT2100" s="85"/>
      <c r="AU2100" s="85"/>
      <c r="AV2100" s="85"/>
      <c r="AW2100" s="85"/>
      <c r="AX2100" s="85"/>
      <c r="AY2100" s="85"/>
      <c r="AZ2100" s="85"/>
      <c r="BA2100" s="85"/>
      <c r="BB2100" s="85"/>
      <c r="BC2100" s="85"/>
      <c r="BD2100" s="85"/>
      <c r="BE2100" s="85"/>
      <c r="BF2100" s="85"/>
      <c r="BG2100" s="85"/>
      <c r="BH2100" s="85"/>
      <c r="BI2100" s="85"/>
      <c r="BJ2100" s="85"/>
      <c r="BK2100" s="85"/>
      <c r="BL2100" s="85"/>
      <c r="BM2100" s="85"/>
      <c r="BN2100" s="85"/>
      <c r="BO2100" s="85"/>
      <c r="BP2100" s="85"/>
      <c r="BQ2100" s="85"/>
      <c r="BR2100" s="85"/>
      <c r="BS2100" s="85"/>
      <c r="BT2100" s="85"/>
      <c r="BU2100" s="85"/>
      <c r="BV2100" s="85"/>
      <c r="BW2100" s="85"/>
      <c r="BX2100" s="85"/>
      <c r="BY2100" s="85"/>
      <c r="BZ2100" s="85"/>
      <c r="CA2100" s="85"/>
      <c r="CB2100" s="85"/>
      <c r="CC2100" s="85"/>
      <c r="CD2100" s="85"/>
      <c r="CE2100" s="85"/>
      <c r="CF2100" s="85"/>
      <c r="CG2100" s="85"/>
    </row>
    <row r="2101" spans="1:85" s="9" customFormat="1" x14ac:dyDescent="0.2">
      <c r="A2101" s="85"/>
      <c r="J2101" s="85"/>
      <c r="K2101" s="85"/>
      <c r="L2101" s="85"/>
      <c r="M2101" s="85"/>
      <c r="N2101" s="85"/>
      <c r="O2101" s="85"/>
      <c r="P2101" s="85"/>
      <c r="Q2101" s="85"/>
      <c r="R2101" s="85"/>
      <c r="S2101" s="85"/>
      <c r="T2101" s="85"/>
      <c r="U2101" s="85"/>
      <c r="V2101" s="85"/>
      <c r="W2101" s="85"/>
      <c r="X2101" s="85"/>
      <c r="Y2101" s="85"/>
      <c r="Z2101" s="85"/>
      <c r="AA2101" s="85"/>
      <c r="AB2101" s="85"/>
      <c r="AC2101" s="85"/>
      <c r="AD2101" s="85"/>
      <c r="AE2101" s="85"/>
      <c r="AF2101" s="85"/>
      <c r="AG2101" s="85"/>
      <c r="AH2101" s="85"/>
      <c r="AI2101" s="85"/>
      <c r="AJ2101" s="85"/>
      <c r="AK2101" s="85"/>
      <c r="AL2101" s="85"/>
      <c r="AM2101" s="85"/>
      <c r="AN2101" s="85"/>
      <c r="AO2101" s="85"/>
      <c r="AP2101" s="85"/>
      <c r="AQ2101" s="85"/>
      <c r="AR2101" s="85"/>
      <c r="AS2101" s="85"/>
      <c r="AT2101" s="85"/>
      <c r="AU2101" s="85"/>
      <c r="AV2101" s="85"/>
      <c r="AW2101" s="85"/>
      <c r="AX2101" s="85"/>
      <c r="AY2101" s="85"/>
      <c r="AZ2101" s="85"/>
      <c r="BA2101" s="85"/>
      <c r="BB2101" s="85"/>
      <c r="BC2101" s="85"/>
      <c r="BD2101" s="85"/>
      <c r="BE2101" s="85"/>
      <c r="BF2101" s="85"/>
      <c r="BG2101" s="85"/>
      <c r="BH2101" s="85"/>
      <c r="BI2101" s="85"/>
      <c r="BJ2101" s="85"/>
      <c r="BK2101" s="85"/>
      <c r="BL2101" s="85"/>
      <c r="BM2101" s="85"/>
      <c r="BN2101" s="85"/>
      <c r="BO2101" s="85"/>
      <c r="BP2101" s="85"/>
      <c r="BQ2101" s="85"/>
      <c r="BR2101" s="85"/>
      <c r="BS2101" s="85"/>
      <c r="BT2101" s="85"/>
      <c r="BU2101" s="85"/>
      <c r="BV2101" s="85"/>
      <c r="BW2101" s="85"/>
      <c r="BX2101" s="85"/>
      <c r="BY2101" s="85"/>
      <c r="BZ2101" s="85"/>
      <c r="CA2101" s="85"/>
      <c r="CB2101" s="85"/>
      <c r="CC2101" s="85"/>
      <c r="CD2101" s="85"/>
      <c r="CE2101" s="85"/>
      <c r="CF2101" s="85"/>
      <c r="CG2101" s="85"/>
    </row>
    <row r="2102" spans="1:85" s="9" customFormat="1" x14ac:dyDescent="0.2">
      <c r="A2102" s="85"/>
      <c r="J2102" s="85"/>
      <c r="K2102" s="85"/>
      <c r="L2102" s="85"/>
      <c r="M2102" s="85"/>
      <c r="N2102" s="85"/>
      <c r="O2102" s="85"/>
      <c r="P2102" s="85"/>
      <c r="Q2102" s="85"/>
      <c r="R2102" s="85"/>
      <c r="S2102" s="85"/>
      <c r="T2102" s="85"/>
      <c r="U2102" s="85"/>
      <c r="V2102" s="85"/>
      <c r="W2102" s="85"/>
      <c r="X2102" s="85"/>
      <c r="Y2102" s="85"/>
      <c r="Z2102" s="85"/>
      <c r="AA2102" s="85"/>
      <c r="AB2102" s="85"/>
      <c r="AC2102" s="85"/>
      <c r="AD2102" s="85"/>
      <c r="AE2102" s="85"/>
      <c r="AF2102" s="85"/>
      <c r="AG2102" s="85"/>
      <c r="AH2102" s="85"/>
      <c r="AI2102" s="85"/>
      <c r="AJ2102" s="85"/>
      <c r="AK2102" s="85"/>
      <c r="AL2102" s="85"/>
      <c r="AM2102" s="85"/>
      <c r="AN2102" s="85"/>
      <c r="AO2102" s="85"/>
      <c r="AP2102" s="85"/>
      <c r="AQ2102" s="85"/>
      <c r="AR2102" s="85"/>
      <c r="AS2102" s="85"/>
      <c r="AT2102" s="85"/>
      <c r="AU2102" s="85"/>
      <c r="AV2102" s="85"/>
      <c r="AW2102" s="85"/>
      <c r="AX2102" s="85"/>
      <c r="AY2102" s="85"/>
      <c r="AZ2102" s="85"/>
      <c r="BA2102" s="85"/>
      <c r="BB2102" s="85"/>
      <c r="BC2102" s="85"/>
      <c r="BD2102" s="85"/>
      <c r="BE2102" s="85"/>
      <c r="BF2102" s="85"/>
      <c r="BG2102" s="85"/>
      <c r="BH2102" s="85"/>
      <c r="BI2102" s="85"/>
      <c r="BJ2102" s="85"/>
      <c r="BK2102" s="85"/>
      <c r="BL2102" s="85"/>
      <c r="BM2102" s="85"/>
      <c r="BN2102" s="85"/>
      <c r="BO2102" s="85"/>
      <c r="BP2102" s="85"/>
      <c r="BQ2102" s="85"/>
      <c r="BR2102" s="85"/>
      <c r="BS2102" s="85"/>
      <c r="BT2102" s="85"/>
      <c r="BU2102" s="85"/>
      <c r="BV2102" s="85"/>
      <c r="BW2102" s="85"/>
      <c r="BX2102" s="85"/>
      <c r="BY2102" s="85"/>
      <c r="BZ2102" s="85"/>
      <c r="CA2102" s="85"/>
      <c r="CB2102" s="85"/>
      <c r="CC2102" s="85"/>
      <c r="CD2102" s="85"/>
      <c r="CE2102" s="85"/>
      <c r="CF2102" s="85"/>
      <c r="CG2102" s="85"/>
    </row>
    <row r="2103" spans="1:85" s="9" customFormat="1" x14ac:dyDescent="0.2">
      <c r="A2103" s="85"/>
      <c r="J2103" s="85"/>
      <c r="K2103" s="85"/>
      <c r="L2103" s="85"/>
      <c r="M2103" s="85"/>
      <c r="N2103" s="85"/>
      <c r="O2103" s="85"/>
      <c r="P2103" s="85"/>
      <c r="Q2103" s="85"/>
      <c r="R2103" s="85"/>
      <c r="S2103" s="85"/>
      <c r="T2103" s="85"/>
      <c r="U2103" s="85"/>
      <c r="V2103" s="85"/>
      <c r="W2103" s="85"/>
      <c r="X2103" s="85"/>
      <c r="Y2103" s="85"/>
      <c r="Z2103" s="85"/>
      <c r="AA2103" s="85"/>
      <c r="AB2103" s="85"/>
      <c r="AC2103" s="85"/>
      <c r="AD2103" s="85"/>
      <c r="AE2103" s="85"/>
      <c r="AF2103" s="85"/>
      <c r="AG2103" s="85"/>
      <c r="AH2103" s="85"/>
      <c r="AI2103" s="85"/>
      <c r="AJ2103" s="85"/>
      <c r="AK2103" s="85"/>
      <c r="AL2103" s="85"/>
      <c r="AM2103" s="85"/>
      <c r="AN2103" s="85"/>
      <c r="AO2103" s="85"/>
      <c r="AP2103" s="85"/>
      <c r="AQ2103" s="85"/>
      <c r="AR2103" s="85"/>
      <c r="AS2103" s="85"/>
      <c r="AT2103" s="85"/>
      <c r="AU2103" s="85"/>
      <c r="AV2103" s="85"/>
      <c r="AW2103" s="85"/>
      <c r="AX2103" s="85"/>
      <c r="AY2103" s="85"/>
      <c r="AZ2103" s="85"/>
      <c r="BA2103" s="85"/>
      <c r="BB2103" s="85"/>
      <c r="BC2103" s="85"/>
      <c r="BD2103" s="85"/>
      <c r="BE2103" s="85"/>
      <c r="BF2103" s="85"/>
      <c r="BG2103" s="85"/>
      <c r="BH2103" s="85"/>
      <c r="BI2103" s="85"/>
      <c r="BJ2103" s="85"/>
      <c r="BK2103" s="85"/>
      <c r="BL2103" s="85"/>
      <c r="BM2103" s="85"/>
      <c r="BN2103" s="85"/>
      <c r="BO2103" s="85"/>
      <c r="BP2103" s="85"/>
      <c r="BQ2103" s="85"/>
      <c r="BR2103" s="85"/>
      <c r="BS2103" s="85"/>
      <c r="BT2103" s="85"/>
      <c r="BU2103" s="85"/>
      <c r="BV2103" s="85"/>
      <c r="BW2103" s="85"/>
      <c r="BX2103" s="85"/>
      <c r="BY2103" s="85"/>
      <c r="BZ2103" s="85"/>
      <c r="CA2103" s="85"/>
      <c r="CB2103" s="85"/>
      <c r="CC2103" s="85"/>
      <c r="CD2103" s="85"/>
      <c r="CE2103" s="85"/>
      <c r="CF2103" s="85"/>
      <c r="CG2103" s="85"/>
    </row>
    <row r="2104" spans="1:85" s="9" customFormat="1" x14ac:dyDescent="0.2">
      <c r="A2104" s="85"/>
      <c r="J2104" s="85"/>
      <c r="K2104" s="85"/>
      <c r="L2104" s="85"/>
      <c r="M2104" s="85"/>
      <c r="N2104" s="85"/>
      <c r="O2104" s="85"/>
      <c r="P2104" s="85"/>
      <c r="Q2104" s="85"/>
      <c r="R2104" s="85"/>
      <c r="S2104" s="85"/>
      <c r="T2104" s="85"/>
      <c r="U2104" s="85"/>
      <c r="V2104" s="85"/>
      <c r="W2104" s="85"/>
      <c r="X2104" s="85"/>
      <c r="Y2104" s="85"/>
      <c r="Z2104" s="85"/>
      <c r="AA2104" s="85"/>
      <c r="AB2104" s="85"/>
      <c r="AC2104" s="85"/>
      <c r="AD2104" s="85"/>
      <c r="AE2104" s="85"/>
      <c r="AF2104" s="85"/>
      <c r="AG2104" s="85"/>
      <c r="AH2104" s="85"/>
      <c r="AI2104" s="85"/>
      <c r="AJ2104" s="85"/>
      <c r="AK2104" s="85"/>
      <c r="AL2104" s="85"/>
      <c r="AM2104" s="85"/>
      <c r="AN2104" s="85"/>
      <c r="AO2104" s="85"/>
      <c r="AP2104" s="85"/>
      <c r="AQ2104" s="85"/>
      <c r="AR2104" s="85"/>
      <c r="AS2104" s="85"/>
      <c r="AT2104" s="85"/>
      <c r="AU2104" s="85"/>
      <c r="AV2104" s="85"/>
      <c r="AW2104" s="85"/>
      <c r="AX2104" s="85"/>
      <c r="AY2104" s="85"/>
      <c r="AZ2104" s="85"/>
      <c r="BA2104" s="85"/>
      <c r="BB2104" s="85"/>
      <c r="BC2104" s="85"/>
      <c r="BD2104" s="85"/>
      <c r="BE2104" s="85"/>
      <c r="BF2104" s="85"/>
      <c r="BG2104" s="85"/>
      <c r="BH2104" s="85"/>
      <c r="BI2104" s="85"/>
      <c r="BJ2104" s="85"/>
      <c r="BK2104" s="85"/>
      <c r="BL2104" s="85"/>
      <c r="BM2104" s="85"/>
      <c r="BN2104" s="85"/>
      <c r="BO2104" s="85"/>
      <c r="BP2104" s="85"/>
      <c r="BQ2104" s="85"/>
      <c r="BR2104" s="85"/>
      <c r="BS2104" s="85"/>
      <c r="BT2104" s="85"/>
      <c r="BU2104" s="85"/>
      <c r="BV2104" s="85"/>
      <c r="BW2104" s="85"/>
      <c r="BX2104" s="85"/>
      <c r="BY2104" s="85"/>
      <c r="BZ2104" s="85"/>
      <c r="CA2104" s="85"/>
      <c r="CB2104" s="85"/>
      <c r="CC2104" s="85"/>
      <c r="CD2104" s="85"/>
      <c r="CE2104" s="85"/>
      <c r="CF2104" s="85"/>
      <c r="CG2104" s="85"/>
    </row>
    <row r="2105" spans="1:85" s="9" customFormat="1" x14ac:dyDescent="0.2">
      <c r="A2105" s="85"/>
      <c r="J2105" s="85"/>
      <c r="K2105" s="85"/>
      <c r="L2105" s="85"/>
      <c r="M2105" s="85"/>
      <c r="N2105" s="85"/>
      <c r="O2105" s="85"/>
      <c r="P2105" s="85"/>
      <c r="Q2105" s="85"/>
      <c r="R2105" s="85"/>
      <c r="S2105" s="85"/>
      <c r="T2105" s="85"/>
      <c r="U2105" s="85"/>
      <c r="V2105" s="85"/>
      <c r="W2105" s="85"/>
      <c r="X2105" s="85"/>
      <c r="Y2105" s="85"/>
      <c r="Z2105" s="85"/>
      <c r="AA2105" s="85"/>
      <c r="AB2105" s="85"/>
      <c r="AC2105" s="85"/>
      <c r="AD2105" s="85"/>
      <c r="AE2105" s="85"/>
      <c r="AF2105" s="85"/>
      <c r="AG2105" s="85"/>
      <c r="AH2105" s="85"/>
      <c r="AI2105" s="85"/>
      <c r="AJ2105" s="85"/>
      <c r="AK2105" s="85"/>
      <c r="AL2105" s="85"/>
      <c r="AM2105" s="85"/>
      <c r="AN2105" s="85"/>
      <c r="AO2105" s="85"/>
      <c r="AP2105" s="85"/>
      <c r="AQ2105" s="85"/>
      <c r="AR2105" s="85"/>
      <c r="AS2105" s="85"/>
      <c r="AT2105" s="85"/>
      <c r="AU2105" s="85"/>
      <c r="AV2105" s="85"/>
      <c r="AW2105" s="85"/>
      <c r="AX2105" s="85"/>
      <c r="AY2105" s="85"/>
      <c r="AZ2105" s="85"/>
      <c r="BA2105" s="85"/>
      <c r="BB2105" s="85"/>
      <c r="BC2105" s="85"/>
      <c r="BD2105" s="85"/>
      <c r="BE2105" s="85"/>
      <c r="BF2105" s="85"/>
      <c r="BG2105" s="85"/>
      <c r="BH2105" s="85"/>
      <c r="BI2105" s="85"/>
      <c r="BJ2105" s="85"/>
      <c r="BK2105" s="85"/>
      <c r="BL2105" s="85"/>
      <c r="BM2105" s="85"/>
      <c r="BN2105" s="85"/>
      <c r="BO2105" s="85"/>
      <c r="BP2105" s="85"/>
      <c r="BQ2105" s="85"/>
      <c r="BR2105" s="85"/>
      <c r="BS2105" s="85"/>
      <c r="BT2105" s="85"/>
      <c r="BU2105" s="85"/>
      <c r="BV2105" s="85"/>
      <c r="BW2105" s="85"/>
      <c r="BX2105" s="85"/>
      <c r="BY2105" s="85"/>
      <c r="BZ2105" s="85"/>
      <c r="CA2105" s="85"/>
      <c r="CB2105" s="85"/>
      <c r="CC2105" s="85"/>
      <c r="CD2105" s="85"/>
      <c r="CE2105" s="85"/>
      <c r="CF2105" s="85"/>
      <c r="CG2105" s="85"/>
    </row>
    <row r="2106" spans="1:85" s="9" customFormat="1" x14ac:dyDescent="0.2">
      <c r="A2106" s="85"/>
      <c r="J2106" s="85"/>
      <c r="K2106" s="85"/>
      <c r="L2106" s="85"/>
      <c r="M2106" s="85"/>
      <c r="N2106" s="85"/>
      <c r="O2106" s="85"/>
      <c r="P2106" s="85"/>
      <c r="Q2106" s="85"/>
      <c r="R2106" s="85"/>
      <c r="S2106" s="85"/>
      <c r="T2106" s="85"/>
      <c r="U2106" s="85"/>
      <c r="V2106" s="85"/>
      <c r="W2106" s="85"/>
      <c r="X2106" s="85"/>
      <c r="Y2106" s="85"/>
      <c r="Z2106" s="85"/>
      <c r="AA2106" s="85"/>
      <c r="AB2106" s="85"/>
      <c r="AC2106" s="85"/>
      <c r="AD2106" s="85"/>
      <c r="AE2106" s="85"/>
      <c r="AF2106" s="85"/>
      <c r="AG2106" s="85"/>
      <c r="AH2106" s="85"/>
      <c r="AI2106" s="85"/>
      <c r="AJ2106" s="85"/>
      <c r="AK2106" s="85"/>
      <c r="AL2106" s="85"/>
      <c r="AM2106" s="85"/>
      <c r="AN2106" s="85"/>
      <c r="AO2106" s="85"/>
      <c r="AP2106" s="85"/>
      <c r="AQ2106" s="85"/>
      <c r="AR2106" s="85"/>
      <c r="AS2106" s="85"/>
      <c r="AT2106" s="85"/>
      <c r="AU2106" s="85"/>
      <c r="AV2106" s="85"/>
      <c r="AW2106" s="85"/>
      <c r="AX2106" s="85"/>
      <c r="AY2106" s="85"/>
      <c r="AZ2106" s="85"/>
      <c r="BA2106" s="85"/>
      <c r="BB2106" s="85"/>
      <c r="BC2106" s="85"/>
      <c r="BD2106" s="85"/>
      <c r="BE2106" s="85"/>
      <c r="BF2106" s="85"/>
      <c r="BG2106" s="85"/>
      <c r="BH2106" s="85"/>
      <c r="BI2106" s="85"/>
      <c r="BJ2106" s="85"/>
      <c r="BK2106" s="85"/>
      <c r="BL2106" s="85"/>
      <c r="BM2106" s="85"/>
      <c r="BN2106" s="85"/>
      <c r="BO2106" s="85"/>
      <c r="BP2106" s="85"/>
      <c r="BQ2106" s="85"/>
      <c r="BR2106" s="85"/>
      <c r="BS2106" s="85"/>
      <c r="BT2106" s="85"/>
      <c r="BU2106" s="85"/>
      <c r="BV2106" s="85"/>
      <c r="BW2106" s="85"/>
      <c r="BX2106" s="85"/>
      <c r="BY2106" s="85"/>
      <c r="BZ2106" s="85"/>
      <c r="CA2106" s="85"/>
      <c r="CB2106" s="85"/>
      <c r="CC2106" s="85"/>
      <c r="CD2106" s="85"/>
      <c r="CE2106" s="85"/>
      <c r="CF2106" s="85"/>
      <c r="CG2106" s="85"/>
    </row>
    <row r="2107" spans="1:85" s="9" customFormat="1" x14ac:dyDescent="0.2">
      <c r="A2107" s="85"/>
      <c r="J2107" s="85"/>
      <c r="K2107" s="85"/>
      <c r="L2107" s="85"/>
      <c r="M2107" s="85"/>
      <c r="N2107" s="85"/>
      <c r="O2107" s="85"/>
      <c r="P2107" s="85"/>
      <c r="Q2107" s="85"/>
      <c r="R2107" s="85"/>
      <c r="S2107" s="85"/>
      <c r="T2107" s="85"/>
      <c r="U2107" s="85"/>
      <c r="V2107" s="85"/>
      <c r="W2107" s="85"/>
      <c r="X2107" s="85"/>
      <c r="Y2107" s="85"/>
      <c r="Z2107" s="85"/>
      <c r="AA2107" s="85"/>
      <c r="AB2107" s="85"/>
      <c r="AC2107" s="85"/>
      <c r="AD2107" s="85"/>
      <c r="AE2107" s="85"/>
      <c r="AF2107" s="85"/>
      <c r="AG2107" s="85"/>
      <c r="AH2107" s="85"/>
      <c r="AI2107" s="85"/>
      <c r="AJ2107" s="85"/>
      <c r="AK2107" s="85"/>
      <c r="AL2107" s="85"/>
      <c r="AM2107" s="85"/>
      <c r="AN2107" s="85"/>
      <c r="AO2107" s="85"/>
      <c r="AP2107" s="85"/>
      <c r="AQ2107" s="85"/>
      <c r="AR2107" s="85"/>
      <c r="AS2107" s="85"/>
      <c r="AT2107" s="85"/>
      <c r="AU2107" s="85"/>
      <c r="AV2107" s="85"/>
      <c r="AW2107" s="85"/>
      <c r="AX2107" s="85"/>
      <c r="AY2107" s="85"/>
      <c r="AZ2107" s="85"/>
      <c r="BA2107" s="85"/>
      <c r="BB2107" s="85"/>
      <c r="BC2107" s="85"/>
      <c r="BD2107" s="85"/>
      <c r="BE2107" s="85"/>
      <c r="BF2107" s="85"/>
      <c r="BG2107" s="85"/>
      <c r="BH2107" s="85"/>
      <c r="BI2107" s="85"/>
      <c r="BJ2107" s="85"/>
      <c r="BK2107" s="85"/>
      <c r="BL2107" s="85"/>
      <c r="BM2107" s="85"/>
      <c r="BN2107" s="85"/>
      <c r="BO2107" s="85"/>
      <c r="BP2107" s="85"/>
      <c r="BQ2107" s="85"/>
      <c r="BR2107" s="85"/>
      <c r="BS2107" s="85"/>
      <c r="BT2107" s="85"/>
      <c r="BU2107" s="85"/>
      <c r="BV2107" s="85"/>
      <c r="BW2107" s="85"/>
      <c r="BX2107" s="85"/>
      <c r="BY2107" s="85"/>
      <c r="BZ2107" s="85"/>
      <c r="CA2107" s="85"/>
      <c r="CB2107" s="85"/>
      <c r="CC2107" s="85"/>
      <c r="CD2107" s="85"/>
      <c r="CE2107" s="85"/>
      <c r="CF2107" s="85"/>
      <c r="CG2107" s="85"/>
    </row>
    <row r="2108" spans="1:85" s="9" customFormat="1" x14ac:dyDescent="0.2">
      <c r="A2108" s="85"/>
      <c r="J2108" s="85"/>
      <c r="K2108" s="85"/>
      <c r="L2108" s="85"/>
      <c r="M2108" s="85"/>
      <c r="N2108" s="85"/>
      <c r="O2108" s="85"/>
      <c r="P2108" s="85"/>
      <c r="Q2108" s="85"/>
      <c r="R2108" s="85"/>
      <c r="S2108" s="85"/>
      <c r="T2108" s="85"/>
      <c r="U2108" s="85"/>
      <c r="V2108" s="85"/>
      <c r="W2108" s="85"/>
      <c r="X2108" s="85"/>
      <c r="Y2108" s="85"/>
      <c r="Z2108" s="85"/>
      <c r="AA2108" s="85"/>
      <c r="AB2108" s="85"/>
      <c r="AC2108" s="85"/>
      <c r="AD2108" s="85"/>
      <c r="AE2108" s="85"/>
      <c r="AF2108" s="85"/>
      <c r="AG2108" s="85"/>
      <c r="AH2108" s="85"/>
      <c r="AI2108" s="85"/>
      <c r="AJ2108" s="85"/>
      <c r="AK2108" s="85"/>
      <c r="AL2108" s="85"/>
      <c r="AM2108" s="85"/>
      <c r="AN2108" s="85"/>
      <c r="AO2108" s="85"/>
      <c r="AP2108" s="85"/>
      <c r="AQ2108" s="85"/>
      <c r="AR2108" s="85"/>
      <c r="AS2108" s="85"/>
      <c r="AT2108" s="85"/>
      <c r="AU2108" s="85"/>
      <c r="AV2108" s="85"/>
      <c r="AW2108" s="85"/>
      <c r="AX2108" s="85"/>
      <c r="AY2108" s="85"/>
      <c r="AZ2108" s="85"/>
      <c r="BA2108" s="85"/>
      <c r="BB2108" s="85"/>
      <c r="BC2108" s="85"/>
      <c r="BD2108" s="85"/>
      <c r="BE2108" s="85"/>
      <c r="BF2108" s="85"/>
      <c r="BG2108" s="85"/>
      <c r="BH2108" s="85"/>
      <c r="BI2108" s="85"/>
      <c r="BJ2108" s="85"/>
      <c r="BK2108" s="85"/>
      <c r="BL2108" s="85"/>
      <c r="BM2108" s="85"/>
      <c r="BN2108" s="85"/>
      <c r="BO2108" s="85"/>
      <c r="BP2108" s="85"/>
      <c r="BQ2108" s="85"/>
      <c r="BR2108" s="85"/>
      <c r="BS2108" s="85"/>
      <c r="BT2108" s="85"/>
      <c r="BU2108" s="85"/>
      <c r="BV2108" s="85"/>
      <c r="BW2108" s="85"/>
      <c r="BX2108" s="85"/>
      <c r="BY2108" s="85"/>
      <c r="BZ2108" s="85"/>
      <c r="CA2108" s="85"/>
      <c r="CB2108" s="85"/>
      <c r="CC2108" s="85"/>
      <c r="CD2108" s="85"/>
      <c r="CE2108" s="85"/>
      <c r="CF2108" s="85"/>
      <c r="CG2108" s="85"/>
    </row>
    <row r="2109" spans="1:85" s="9" customFormat="1" x14ac:dyDescent="0.2">
      <c r="A2109" s="85"/>
      <c r="J2109" s="85"/>
      <c r="K2109" s="85"/>
      <c r="L2109" s="85"/>
      <c r="M2109" s="85"/>
      <c r="N2109" s="85"/>
      <c r="O2109" s="85"/>
      <c r="P2109" s="85"/>
      <c r="Q2109" s="85"/>
      <c r="R2109" s="85"/>
      <c r="S2109" s="85"/>
      <c r="T2109" s="85"/>
      <c r="U2109" s="85"/>
      <c r="V2109" s="85"/>
      <c r="W2109" s="85"/>
      <c r="X2109" s="85"/>
      <c r="Y2109" s="85"/>
      <c r="Z2109" s="85"/>
      <c r="AA2109" s="85"/>
      <c r="AB2109" s="85"/>
      <c r="AC2109" s="85"/>
      <c r="AD2109" s="85"/>
      <c r="AE2109" s="85"/>
      <c r="AF2109" s="85"/>
      <c r="AG2109" s="85"/>
      <c r="AH2109" s="85"/>
      <c r="AI2109" s="85"/>
      <c r="AJ2109" s="85"/>
      <c r="AK2109" s="85"/>
      <c r="AL2109" s="85"/>
      <c r="AM2109" s="85"/>
      <c r="AN2109" s="85"/>
      <c r="AO2109" s="85"/>
      <c r="AP2109" s="85"/>
      <c r="AQ2109" s="85"/>
      <c r="AR2109" s="85"/>
      <c r="AS2109" s="85"/>
      <c r="AT2109" s="85"/>
      <c r="AU2109" s="85"/>
      <c r="AV2109" s="85"/>
      <c r="AW2109" s="85"/>
      <c r="AX2109" s="85"/>
      <c r="AY2109" s="85"/>
      <c r="AZ2109" s="85"/>
      <c r="BA2109" s="85"/>
      <c r="BB2109" s="85"/>
      <c r="BC2109" s="85"/>
      <c r="BD2109" s="85"/>
      <c r="BE2109" s="85"/>
      <c r="BF2109" s="85"/>
      <c r="BG2109" s="85"/>
      <c r="BH2109" s="85"/>
      <c r="BI2109" s="85"/>
      <c r="BJ2109" s="85"/>
      <c r="BK2109" s="85"/>
      <c r="BL2109" s="85"/>
      <c r="BM2109" s="85"/>
      <c r="BN2109" s="85"/>
      <c r="BO2109" s="85"/>
      <c r="BP2109" s="85"/>
      <c r="BQ2109" s="85"/>
      <c r="BR2109" s="85"/>
      <c r="BS2109" s="85"/>
      <c r="BT2109" s="85"/>
      <c r="BU2109" s="85"/>
      <c r="BV2109" s="85"/>
      <c r="BW2109" s="85"/>
      <c r="BX2109" s="85"/>
      <c r="BY2109" s="85"/>
      <c r="BZ2109" s="85"/>
      <c r="CA2109" s="85"/>
      <c r="CB2109" s="85"/>
      <c r="CC2109" s="85"/>
      <c r="CD2109" s="85"/>
      <c r="CE2109" s="85"/>
      <c r="CF2109" s="85"/>
      <c r="CG2109" s="85"/>
    </row>
    <row r="2110" spans="1:85" s="9" customFormat="1" x14ac:dyDescent="0.2">
      <c r="A2110" s="85"/>
      <c r="J2110" s="85"/>
      <c r="K2110" s="85"/>
      <c r="L2110" s="85"/>
      <c r="M2110" s="85"/>
      <c r="N2110" s="85"/>
      <c r="O2110" s="85"/>
      <c r="P2110" s="85"/>
      <c r="Q2110" s="85"/>
      <c r="R2110" s="85"/>
      <c r="S2110" s="85"/>
      <c r="T2110" s="85"/>
      <c r="U2110" s="85"/>
      <c r="V2110" s="85"/>
      <c r="W2110" s="85"/>
      <c r="X2110" s="85"/>
      <c r="Y2110" s="85"/>
      <c r="Z2110" s="85"/>
      <c r="AA2110" s="85"/>
      <c r="AB2110" s="85"/>
      <c r="AC2110" s="85"/>
      <c r="AD2110" s="85"/>
      <c r="AE2110" s="85"/>
      <c r="AF2110" s="85"/>
      <c r="AG2110" s="85"/>
      <c r="AH2110" s="85"/>
      <c r="AI2110" s="85"/>
      <c r="AJ2110" s="85"/>
      <c r="AK2110" s="85"/>
      <c r="AL2110" s="85"/>
      <c r="AM2110" s="85"/>
      <c r="AN2110" s="85"/>
      <c r="AO2110" s="85"/>
      <c r="AP2110" s="85"/>
      <c r="AQ2110" s="85"/>
      <c r="AR2110" s="85"/>
      <c r="AS2110" s="85"/>
      <c r="AT2110" s="85"/>
      <c r="AU2110" s="85"/>
      <c r="AV2110" s="85"/>
      <c r="AW2110" s="85"/>
      <c r="AX2110" s="85"/>
      <c r="AY2110" s="85"/>
      <c r="AZ2110" s="85"/>
      <c r="BA2110" s="85"/>
      <c r="BB2110" s="85"/>
      <c r="BC2110" s="85"/>
      <c r="BD2110" s="85"/>
      <c r="BE2110" s="85"/>
      <c r="BF2110" s="85"/>
      <c r="BG2110" s="85"/>
      <c r="BH2110" s="85"/>
      <c r="BI2110" s="85"/>
      <c r="BJ2110" s="85"/>
      <c r="BK2110" s="85"/>
      <c r="BL2110" s="85"/>
      <c r="BM2110" s="85"/>
      <c r="BN2110" s="85"/>
      <c r="BO2110" s="85"/>
      <c r="BP2110" s="85"/>
      <c r="BQ2110" s="85"/>
      <c r="BR2110" s="85"/>
      <c r="BS2110" s="85"/>
      <c r="BT2110" s="85"/>
      <c r="BU2110" s="85"/>
      <c r="BV2110" s="85"/>
      <c r="BW2110" s="85"/>
      <c r="BX2110" s="85"/>
      <c r="BY2110" s="85"/>
      <c r="BZ2110" s="85"/>
      <c r="CA2110" s="85"/>
      <c r="CB2110" s="85"/>
      <c r="CC2110" s="85"/>
      <c r="CD2110" s="85"/>
      <c r="CE2110" s="85"/>
      <c r="CF2110" s="85"/>
      <c r="CG2110" s="85"/>
    </row>
    <row r="2111" spans="1:85" s="9" customFormat="1" x14ac:dyDescent="0.2">
      <c r="A2111" s="85"/>
      <c r="J2111" s="85"/>
      <c r="K2111" s="85"/>
      <c r="L2111" s="85"/>
      <c r="M2111" s="85"/>
      <c r="N2111" s="85"/>
      <c r="O2111" s="85"/>
      <c r="P2111" s="85"/>
      <c r="Q2111" s="85"/>
      <c r="R2111" s="85"/>
      <c r="S2111" s="85"/>
      <c r="T2111" s="85"/>
      <c r="U2111" s="85"/>
      <c r="V2111" s="85"/>
      <c r="W2111" s="85"/>
      <c r="X2111" s="85"/>
      <c r="Y2111" s="85"/>
      <c r="Z2111" s="85"/>
      <c r="AA2111" s="85"/>
      <c r="AB2111" s="85"/>
      <c r="AC2111" s="85"/>
      <c r="AD2111" s="85"/>
      <c r="AE2111" s="85"/>
      <c r="AF2111" s="85"/>
      <c r="AG2111" s="85"/>
      <c r="AH2111" s="85"/>
      <c r="AI2111" s="85"/>
      <c r="AJ2111" s="85"/>
      <c r="AK2111" s="85"/>
      <c r="AL2111" s="85"/>
      <c r="AM2111" s="85"/>
      <c r="AN2111" s="85"/>
      <c r="AO2111" s="85"/>
      <c r="AP2111" s="85"/>
      <c r="AQ2111" s="85"/>
      <c r="AR2111" s="85"/>
      <c r="AS2111" s="85"/>
      <c r="AT2111" s="85"/>
      <c r="AU2111" s="85"/>
      <c r="AV2111" s="85"/>
      <c r="AW2111" s="85"/>
      <c r="AX2111" s="85"/>
      <c r="AY2111" s="85"/>
      <c r="AZ2111" s="85"/>
      <c r="BA2111" s="85"/>
      <c r="BB2111" s="85"/>
      <c r="BC2111" s="85"/>
      <c r="BD2111" s="85"/>
      <c r="BE2111" s="85"/>
      <c r="BF2111" s="85"/>
      <c r="BG2111" s="85"/>
      <c r="BH2111" s="85"/>
      <c r="BI2111" s="85"/>
      <c r="BJ2111" s="85"/>
      <c r="BK2111" s="85"/>
      <c r="BL2111" s="85"/>
      <c r="BM2111" s="85"/>
      <c r="BN2111" s="85"/>
      <c r="BO2111" s="85"/>
      <c r="BP2111" s="85"/>
      <c r="BQ2111" s="85"/>
      <c r="BR2111" s="85"/>
      <c r="BS2111" s="85"/>
      <c r="BT2111" s="85"/>
      <c r="BU2111" s="85"/>
      <c r="BV2111" s="85"/>
      <c r="BW2111" s="85"/>
      <c r="BX2111" s="85"/>
      <c r="BY2111" s="85"/>
      <c r="BZ2111" s="85"/>
      <c r="CA2111" s="85"/>
      <c r="CB2111" s="85"/>
      <c r="CC2111" s="85"/>
      <c r="CD2111" s="85"/>
      <c r="CE2111" s="85"/>
      <c r="CF2111" s="85"/>
      <c r="CG2111" s="85"/>
    </row>
    <row r="2112" spans="1:85" s="9" customFormat="1" x14ac:dyDescent="0.2">
      <c r="A2112" s="85"/>
      <c r="J2112" s="85"/>
      <c r="K2112" s="85"/>
      <c r="L2112" s="85"/>
      <c r="M2112" s="85"/>
      <c r="N2112" s="85"/>
      <c r="O2112" s="85"/>
      <c r="P2112" s="85"/>
      <c r="Q2112" s="85"/>
      <c r="R2112" s="85"/>
      <c r="S2112" s="85"/>
      <c r="T2112" s="85"/>
      <c r="U2112" s="85"/>
      <c r="V2112" s="85"/>
      <c r="W2112" s="85"/>
      <c r="X2112" s="85"/>
      <c r="Y2112" s="85"/>
      <c r="Z2112" s="85"/>
      <c r="AA2112" s="85"/>
      <c r="AB2112" s="85"/>
      <c r="AC2112" s="85"/>
      <c r="AD2112" s="85"/>
      <c r="AE2112" s="85"/>
      <c r="AF2112" s="85"/>
      <c r="AG2112" s="85"/>
      <c r="AH2112" s="85"/>
      <c r="AI2112" s="85"/>
      <c r="AJ2112" s="85"/>
      <c r="AK2112" s="85"/>
      <c r="AL2112" s="85"/>
      <c r="AM2112" s="85"/>
      <c r="AN2112" s="85"/>
      <c r="AO2112" s="85"/>
      <c r="AP2112" s="85"/>
      <c r="AQ2112" s="85"/>
      <c r="AR2112" s="85"/>
      <c r="AS2112" s="85"/>
      <c r="AT2112" s="85"/>
      <c r="AU2112" s="85"/>
      <c r="AV2112" s="85"/>
      <c r="AW2112" s="85"/>
      <c r="AX2112" s="85"/>
      <c r="AY2112" s="85"/>
      <c r="AZ2112" s="85"/>
      <c r="BA2112" s="85"/>
      <c r="BB2112" s="85"/>
      <c r="BC2112" s="85"/>
      <c r="BD2112" s="85"/>
      <c r="BE2112" s="85"/>
      <c r="BF2112" s="85"/>
      <c r="BG2112" s="85"/>
      <c r="BH2112" s="85"/>
      <c r="BI2112" s="85"/>
      <c r="BJ2112" s="85"/>
      <c r="BK2112" s="85"/>
      <c r="BL2112" s="85"/>
      <c r="BM2112" s="85"/>
      <c r="BN2112" s="85"/>
      <c r="BO2112" s="85"/>
      <c r="BP2112" s="85"/>
      <c r="BQ2112" s="85"/>
      <c r="BR2112" s="85"/>
      <c r="BS2112" s="85"/>
      <c r="BT2112" s="85"/>
      <c r="BU2112" s="85"/>
      <c r="BV2112" s="85"/>
      <c r="BW2112" s="85"/>
      <c r="BX2112" s="85"/>
      <c r="BY2112" s="85"/>
      <c r="BZ2112" s="85"/>
      <c r="CA2112" s="85"/>
      <c r="CB2112" s="85"/>
      <c r="CC2112" s="85"/>
      <c r="CD2112" s="85"/>
      <c r="CE2112" s="85"/>
      <c r="CF2112" s="85"/>
      <c r="CG2112" s="85"/>
    </row>
    <row r="2113" spans="1:85" s="9" customFormat="1" x14ac:dyDescent="0.2">
      <c r="A2113" s="85"/>
      <c r="J2113" s="85"/>
      <c r="K2113" s="85"/>
      <c r="L2113" s="85"/>
      <c r="M2113" s="85"/>
      <c r="N2113" s="85"/>
      <c r="O2113" s="85"/>
      <c r="P2113" s="85"/>
      <c r="Q2113" s="85"/>
      <c r="R2113" s="85"/>
      <c r="S2113" s="85"/>
      <c r="T2113" s="85"/>
      <c r="U2113" s="85"/>
      <c r="V2113" s="85"/>
      <c r="W2113" s="85"/>
      <c r="X2113" s="85"/>
      <c r="Y2113" s="85"/>
      <c r="Z2113" s="85"/>
      <c r="AA2113" s="85"/>
      <c r="AB2113" s="85"/>
      <c r="AC2113" s="85"/>
      <c r="AD2113" s="85"/>
      <c r="AE2113" s="85"/>
      <c r="AF2113" s="85"/>
      <c r="AG2113" s="85"/>
      <c r="AH2113" s="85"/>
      <c r="AI2113" s="85"/>
      <c r="AJ2113" s="85"/>
      <c r="AK2113" s="85"/>
      <c r="AL2113" s="85"/>
      <c r="AM2113" s="85"/>
      <c r="AN2113" s="85"/>
      <c r="AO2113" s="85"/>
      <c r="AP2113" s="85"/>
      <c r="AQ2113" s="85"/>
      <c r="AR2113" s="85"/>
      <c r="AS2113" s="85"/>
      <c r="AT2113" s="85"/>
      <c r="AU2113" s="85"/>
      <c r="AV2113" s="85"/>
      <c r="AW2113" s="85"/>
      <c r="AX2113" s="85"/>
      <c r="AY2113" s="85"/>
      <c r="AZ2113" s="85"/>
      <c r="BA2113" s="85"/>
      <c r="BB2113" s="85"/>
      <c r="BC2113" s="85"/>
      <c r="BD2113" s="85"/>
      <c r="BE2113" s="85"/>
      <c r="BF2113" s="85"/>
      <c r="BG2113" s="85"/>
      <c r="BH2113" s="85"/>
      <c r="BI2113" s="85"/>
      <c r="BJ2113" s="85"/>
      <c r="BK2113" s="85"/>
      <c r="BL2113" s="85"/>
      <c r="BM2113" s="85"/>
      <c r="BN2113" s="85"/>
      <c r="BO2113" s="85"/>
      <c r="BP2113" s="85"/>
      <c r="BQ2113" s="85"/>
      <c r="BR2113" s="85"/>
      <c r="BS2113" s="85"/>
      <c r="BT2113" s="85"/>
      <c r="BU2113" s="85"/>
      <c r="BV2113" s="85"/>
      <c r="BW2113" s="85"/>
      <c r="BX2113" s="85"/>
      <c r="BY2113" s="85"/>
      <c r="BZ2113" s="85"/>
      <c r="CA2113" s="85"/>
      <c r="CB2113" s="85"/>
      <c r="CC2113" s="85"/>
      <c r="CD2113" s="85"/>
      <c r="CE2113" s="85"/>
      <c r="CF2113" s="85"/>
      <c r="CG2113" s="85"/>
    </row>
    <row r="2114" spans="1:85" s="9" customFormat="1" x14ac:dyDescent="0.2">
      <c r="A2114" s="85"/>
      <c r="J2114" s="85"/>
      <c r="K2114" s="85"/>
      <c r="L2114" s="85"/>
      <c r="M2114" s="85"/>
      <c r="N2114" s="85"/>
      <c r="O2114" s="85"/>
      <c r="P2114" s="85"/>
      <c r="Q2114" s="85"/>
      <c r="R2114" s="85"/>
      <c r="S2114" s="85"/>
      <c r="T2114" s="85"/>
      <c r="U2114" s="85"/>
      <c r="V2114" s="85"/>
      <c r="W2114" s="85"/>
      <c r="X2114" s="85"/>
      <c r="Y2114" s="85"/>
      <c r="Z2114" s="85"/>
      <c r="AA2114" s="85"/>
      <c r="AB2114" s="85"/>
      <c r="AC2114" s="85"/>
      <c r="AD2114" s="85"/>
      <c r="AE2114" s="85"/>
      <c r="AF2114" s="85"/>
      <c r="AG2114" s="85"/>
      <c r="AH2114" s="85"/>
      <c r="AI2114" s="85"/>
      <c r="AJ2114" s="85"/>
      <c r="AK2114" s="85"/>
      <c r="AL2114" s="85"/>
      <c r="AM2114" s="85"/>
      <c r="AN2114" s="85"/>
      <c r="AO2114" s="85"/>
      <c r="AP2114" s="85"/>
      <c r="AQ2114" s="85"/>
      <c r="AR2114" s="85"/>
      <c r="AS2114" s="85"/>
      <c r="AT2114" s="85"/>
      <c r="AU2114" s="85"/>
      <c r="AV2114" s="85"/>
      <c r="AW2114" s="85"/>
      <c r="AX2114" s="85"/>
      <c r="AY2114" s="85"/>
      <c r="AZ2114" s="85"/>
      <c r="BA2114" s="85"/>
      <c r="BB2114" s="85"/>
      <c r="BC2114" s="85"/>
      <c r="BD2114" s="85"/>
      <c r="BE2114" s="85"/>
      <c r="BF2114" s="85"/>
      <c r="BG2114" s="85"/>
      <c r="BH2114" s="85"/>
      <c r="BI2114" s="85"/>
      <c r="BJ2114" s="85"/>
      <c r="BK2114" s="85"/>
      <c r="BL2114" s="85"/>
      <c r="BM2114" s="85"/>
      <c r="BN2114" s="85"/>
      <c r="BO2114" s="85"/>
      <c r="BP2114" s="85"/>
      <c r="BQ2114" s="85"/>
      <c r="BR2114" s="85"/>
      <c r="BS2114" s="85"/>
      <c r="BT2114" s="85"/>
      <c r="BU2114" s="85"/>
      <c r="BV2114" s="85"/>
      <c r="BW2114" s="85"/>
      <c r="BX2114" s="85"/>
      <c r="BY2114" s="85"/>
      <c r="BZ2114" s="85"/>
      <c r="CA2114" s="85"/>
      <c r="CB2114" s="85"/>
      <c r="CC2114" s="85"/>
      <c r="CD2114" s="85"/>
      <c r="CE2114" s="85"/>
      <c r="CF2114" s="85"/>
      <c r="CG2114" s="85"/>
    </row>
    <row r="2115" spans="1:85" s="9" customFormat="1" x14ac:dyDescent="0.2">
      <c r="A2115" s="85"/>
      <c r="J2115" s="85"/>
      <c r="K2115" s="85"/>
      <c r="L2115" s="85"/>
      <c r="M2115" s="85"/>
      <c r="N2115" s="85"/>
      <c r="O2115" s="85"/>
      <c r="P2115" s="85"/>
      <c r="Q2115" s="85"/>
      <c r="R2115" s="85"/>
      <c r="S2115" s="85"/>
      <c r="T2115" s="85"/>
      <c r="U2115" s="85"/>
      <c r="V2115" s="85"/>
      <c r="W2115" s="85"/>
      <c r="X2115" s="85"/>
      <c r="Y2115" s="85"/>
      <c r="Z2115" s="85"/>
      <c r="AA2115" s="85"/>
      <c r="AB2115" s="85"/>
      <c r="AC2115" s="85"/>
      <c r="AD2115" s="85"/>
      <c r="AE2115" s="85"/>
      <c r="AF2115" s="85"/>
      <c r="AG2115" s="85"/>
      <c r="AH2115" s="85"/>
      <c r="AI2115" s="85"/>
      <c r="AJ2115" s="85"/>
      <c r="AK2115" s="85"/>
      <c r="AL2115" s="85"/>
      <c r="AM2115" s="85"/>
      <c r="AN2115" s="85"/>
      <c r="AO2115" s="85"/>
      <c r="AP2115" s="85"/>
      <c r="AQ2115" s="85"/>
      <c r="AR2115" s="85"/>
      <c r="AS2115" s="85"/>
      <c r="AT2115" s="85"/>
      <c r="AU2115" s="85"/>
      <c r="AV2115" s="85"/>
      <c r="AW2115" s="85"/>
      <c r="AX2115" s="85"/>
      <c r="AY2115" s="85"/>
      <c r="AZ2115" s="85"/>
      <c r="BA2115" s="85"/>
      <c r="BB2115" s="85"/>
      <c r="BC2115" s="85"/>
      <c r="BD2115" s="85"/>
      <c r="BE2115" s="85"/>
      <c r="BF2115" s="85"/>
      <c r="BG2115" s="85"/>
      <c r="BH2115" s="85"/>
      <c r="BI2115" s="85"/>
      <c r="BJ2115" s="85"/>
      <c r="BK2115" s="85"/>
      <c r="BL2115" s="85"/>
      <c r="BM2115" s="85"/>
      <c r="BN2115" s="85"/>
      <c r="BO2115" s="85"/>
      <c r="BP2115" s="85"/>
      <c r="BQ2115" s="85"/>
      <c r="BR2115" s="85"/>
      <c r="BS2115" s="85"/>
      <c r="BT2115" s="85"/>
      <c r="BU2115" s="85"/>
      <c r="BV2115" s="85"/>
      <c r="BW2115" s="85"/>
      <c r="BX2115" s="85"/>
      <c r="BY2115" s="85"/>
      <c r="BZ2115" s="85"/>
      <c r="CA2115" s="85"/>
      <c r="CB2115" s="85"/>
      <c r="CC2115" s="85"/>
      <c r="CD2115" s="85"/>
      <c r="CE2115" s="85"/>
      <c r="CF2115" s="85"/>
      <c r="CG2115" s="85"/>
    </row>
    <row r="2116" spans="1:85" s="9" customFormat="1" x14ac:dyDescent="0.2">
      <c r="A2116" s="85"/>
      <c r="J2116" s="85"/>
      <c r="K2116" s="85"/>
      <c r="L2116" s="85"/>
      <c r="M2116" s="85"/>
      <c r="N2116" s="85"/>
      <c r="O2116" s="85"/>
      <c r="P2116" s="85"/>
      <c r="Q2116" s="85"/>
      <c r="R2116" s="85"/>
      <c r="S2116" s="85"/>
      <c r="T2116" s="85"/>
      <c r="U2116" s="85"/>
      <c r="V2116" s="85"/>
      <c r="W2116" s="85"/>
      <c r="X2116" s="85"/>
      <c r="Y2116" s="85"/>
      <c r="Z2116" s="85"/>
      <c r="AA2116" s="85"/>
      <c r="AB2116" s="85"/>
      <c r="AC2116" s="85"/>
      <c r="AD2116" s="85"/>
      <c r="AE2116" s="85"/>
      <c r="AF2116" s="85"/>
      <c r="AG2116" s="85"/>
      <c r="AH2116" s="85"/>
      <c r="AI2116" s="85"/>
      <c r="AJ2116" s="85"/>
      <c r="AK2116" s="85"/>
      <c r="AL2116" s="85"/>
      <c r="AM2116" s="85"/>
      <c r="AN2116" s="85"/>
      <c r="AO2116" s="85"/>
      <c r="AP2116" s="85"/>
      <c r="AQ2116" s="85"/>
      <c r="AR2116" s="85"/>
      <c r="AS2116" s="85"/>
      <c r="AT2116" s="85"/>
      <c r="AU2116" s="85"/>
      <c r="AV2116" s="85"/>
      <c r="AW2116" s="85"/>
      <c r="AX2116" s="85"/>
      <c r="AY2116" s="85"/>
      <c r="AZ2116" s="85"/>
      <c r="BA2116" s="85"/>
      <c r="BB2116" s="85"/>
      <c r="BC2116" s="85"/>
      <c r="BD2116" s="85"/>
      <c r="BE2116" s="85"/>
      <c r="BF2116" s="85"/>
      <c r="BG2116" s="85"/>
      <c r="BH2116" s="85"/>
      <c r="BI2116" s="85"/>
      <c r="BJ2116" s="85"/>
      <c r="BK2116" s="85"/>
      <c r="BL2116" s="85"/>
      <c r="BM2116" s="85"/>
      <c r="BN2116" s="85"/>
      <c r="BO2116" s="85"/>
      <c r="BP2116" s="85"/>
      <c r="BQ2116" s="85"/>
      <c r="BR2116" s="85"/>
      <c r="BS2116" s="85"/>
      <c r="BT2116" s="85"/>
      <c r="BU2116" s="85"/>
      <c r="BV2116" s="85"/>
      <c r="BW2116" s="85"/>
      <c r="BX2116" s="85"/>
      <c r="BY2116" s="85"/>
      <c r="BZ2116" s="85"/>
      <c r="CA2116" s="85"/>
      <c r="CB2116" s="85"/>
      <c r="CC2116" s="85"/>
      <c r="CD2116" s="85"/>
      <c r="CE2116" s="85"/>
      <c r="CF2116" s="85"/>
      <c r="CG2116" s="85"/>
    </row>
    <row r="2117" spans="1:85" s="9" customFormat="1" x14ac:dyDescent="0.2">
      <c r="A2117" s="85"/>
      <c r="J2117" s="85"/>
      <c r="K2117" s="85"/>
      <c r="L2117" s="85"/>
      <c r="M2117" s="85"/>
      <c r="N2117" s="85"/>
      <c r="O2117" s="85"/>
      <c r="P2117" s="85"/>
      <c r="Q2117" s="85"/>
      <c r="R2117" s="85"/>
      <c r="S2117" s="85"/>
      <c r="T2117" s="85"/>
      <c r="U2117" s="85"/>
      <c r="V2117" s="85"/>
      <c r="W2117" s="85"/>
      <c r="X2117" s="85"/>
      <c r="Y2117" s="85"/>
      <c r="Z2117" s="85"/>
      <c r="AA2117" s="85"/>
      <c r="AB2117" s="85"/>
      <c r="AC2117" s="85"/>
      <c r="AD2117" s="85"/>
      <c r="AE2117" s="85"/>
      <c r="AF2117" s="85"/>
      <c r="AG2117" s="85"/>
      <c r="AH2117" s="85"/>
      <c r="AI2117" s="85"/>
      <c r="AJ2117" s="85"/>
      <c r="AK2117" s="85"/>
      <c r="AL2117" s="85"/>
      <c r="AM2117" s="85"/>
      <c r="AN2117" s="85"/>
      <c r="AO2117" s="85"/>
      <c r="AP2117" s="85"/>
      <c r="AQ2117" s="85"/>
      <c r="AR2117" s="85"/>
      <c r="AS2117" s="85"/>
      <c r="AT2117" s="85"/>
      <c r="AU2117" s="85"/>
      <c r="AV2117" s="85"/>
      <c r="AW2117" s="85"/>
      <c r="AX2117" s="85"/>
      <c r="AY2117" s="85"/>
      <c r="AZ2117" s="85"/>
      <c r="BA2117" s="85"/>
      <c r="BB2117" s="85"/>
      <c r="BC2117" s="85"/>
      <c r="BD2117" s="85"/>
      <c r="BE2117" s="85"/>
      <c r="BF2117" s="85"/>
      <c r="BG2117" s="85"/>
      <c r="BH2117" s="85"/>
      <c r="BI2117" s="85"/>
      <c r="BJ2117" s="85"/>
      <c r="BK2117" s="85"/>
      <c r="BL2117" s="85"/>
      <c r="BM2117" s="85"/>
      <c r="BN2117" s="85"/>
      <c r="BO2117" s="85"/>
      <c r="BP2117" s="85"/>
      <c r="BQ2117" s="85"/>
      <c r="BR2117" s="85"/>
      <c r="BS2117" s="85"/>
      <c r="BT2117" s="85"/>
      <c r="BU2117" s="85"/>
      <c r="BV2117" s="85"/>
      <c r="BW2117" s="85"/>
      <c r="BX2117" s="85"/>
      <c r="BY2117" s="85"/>
      <c r="BZ2117" s="85"/>
      <c r="CA2117" s="85"/>
      <c r="CB2117" s="85"/>
      <c r="CC2117" s="85"/>
      <c r="CD2117" s="85"/>
      <c r="CE2117" s="85"/>
      <c r="CF2117" s="85"/>
      <c r="CG2117" s="85"/>
    </row>
    <row r="2118" spans="1:85" s="9" customFormat="1" x14ac:dyDescent="0.2">
      <c r="A2118" s="85"/>
      <c r="J2118" s="85"/>
      <c r="K2118" s="85"/>
      <c r="L2118" s="85"/>
      <c r="M2118" s="85"/>
      <c r="N2118" s="85"/>
      <c r="O2118" s="85"/>
      <c r="P2118" s="85"/>
      <c r="Q2118" s="85"/>
      <c r="R2118" s="85"/>
      <c r="S2118" s="85"/>
      <c r="T2118" s="85"/>
      <c r="U2118" s="85"/>
      <c r="V2118" s="85"/>
      <c r="W2118" s="85"/>
      <c r="X2118" s="85"/>
      <c r="Y2118" s="85"/>
      <c r="Z2118" s="85"/>
      <c r="AA2118" s="85"/>
      <c r="AB2118" s="85"/>
      <c r="AC2118" s="85"/>
      <c r="AD2118" s="85"/>
      <c r="AE2118" s="85"/>
      <c r="AF2118" s="85"/>
      <c r="AG2118" s="85"/>
      <c r="AH2118" s="85"/>
      <c r="AI2118" s="85"/>
      <c r="AJ2118" s="85"/>
      <c r="AK2118" s="85"/>
      <c r="AL2118" s="85"/>
      <c r="AM2118" s="85"/>
      <c r="AN2118" s="85"/>
      <c r="AO2118" s="85"/>
      <c r="AP2118" s="85"/>
      <c r="AQ2118" s="85"/>
      <c r="AR2118" s="85"/>
      <c r="AS2118" s="85"/>
      <c r="AT2118" s="85"/>
      <c r="AU2118" s="85"/>
      <c r="AV2118" s="85"/>
      <c r="AW2118" s="85"/>
      <c r="AX2118" s="85"/>
      <c r="AY2118" s="85"/>
      <c r="AZ2118" s="85"/>
      <c r="BA2118" s="85"/>
      <c r="BB2118" s="85"/>
      <c r="BC2118" s="85"/>
      <c r="BD2118" s="85"/>
      <c r="BE2118" s="85"/>
      <c r="BF2118" s="85"/>
      <c r="BG2118" s="85"/>
      <c r="BH2118" s="85"/>
      <c r="BI2118" s="85"/>
      <c r="BJ2118" s="85"/>
      <c r="BK2118" s="85"/>
      <c r="BL2118" s="85"/>
      <c r="BM2118" s="85"/>
      <c r="BN2118" s="85"/>
      <c r="BO2118" s="85"/>
      <c r="BP2118" s="85"/>
      <c r="BQ2118" s="85"/>
      <c r="BR2118" s="85"/>
      <c r="BS2118" s="85"/>
      <c r="BT2118" s="85"/>
      <c r="BU2118" s="85"/>
      <c r="BV2118" s="85"/>
      <c r="BW2118" s="85"/>
      <c r="BX2118" s="85"/>
      <c r="BY2118" s="85"/>
      <c r="BZ2118" s="85"/>
      <c r="CA2118" s="85"/>
      <c r="CB2118" s="85"/>
      <c r="CC2118" s="85"/>
      <c r="CD2118" s="85"/>
      <c r="CE2118" s="85"/>
      <c r="CF2118" s="85"/>
      <c r="CG2118" s="85"/>
    </row>
    <row r="2119" spans="1:85" s="9" customFormat="1" x14ac:dyDescent="0.2">
      <c r="A2119" s="85"/>
      <c r="J2119" s="85"/>
      <c r="K2119" s="85"/>
      <c r="L2119" s="85"/>
      <c r="M2119" s="85"/>
      <c r="N2119" s="85"/>
      <c r="O2119" s="85"/>
      <c r="P2119" s="85"/>
      <c r="Q2119" s="85"/>
      <c r="R2119" s="85"/>
      <c r="S2119" s="85"/>
      <c r="T2119" s="85"/>
      <c r="U2119" s="85"/>
      <c r="V2119" s="85"/>
      <c r="W2119" s="85"/>
      <c r="X2119" s="85"/>
      <c r="Y2119" s="85"/>
      <c r="Z2119" s="85"/>
      <c r="AA2119" s="85"/>
      <c r="AB2119" s="85"/>
      <c r="AC2119" s="85"/>
      <c r="AD2119" s="85"/>
      <c r="AE2119" s="85"/>
      <c r="AF2119" s="85"/>
      <c r="AG2119" s="85"/>
      <c r="AH2119" s="85"/>
      <c r="AI2119" s="85"/>
      <c r="AJ2119" s="85"/>
      <c r="AK2119" s="85"/>
      <c r="AL2119" s="85"/>
      <c r="AM2119" s="85"/>
      <c r="AN2119" s="85"/>
      <c r="AO2119" s="85"/>
      <c r="AP2119" s="85"/>
      <c r="AQ2119" s="85"/>
      <c r="AR2119" s="85"/>
      <c r="AS2119" s="85"/>
      <c r="AT2119" s="85"/>
      <c r="AU2119" s="85"/>
      <c r="AV2119" s="85"/>
      <c r="AW2119" s="85"/>
      <c r="AX2119" s="85"/>
      <c r="AY2119" s="85"/>
      <c r="AZ2119" s="85"/>
      <c r="BA2119" s="85"/>
      <c r="BB2119" s="85"/>
      <c r="BC2119" s="85"/>
      <c r="BD2119" s="85"/>
      <c r="BE2119" s="85"/>
      <c r="BF2119" s="85"/>
      <c r="BG2119" s="85"/>
      <c r="BH2119" s="85"/>
      <c r="BI2119" s="85"/>
      <c r="BJ2119" s="85"/>
      <c r="BK2119" s="85"/>
      <c r="BL2119" s="85"/>
      <c r="BM2119" s="85"/>
      <c r="BN2119" s="85"/>
      <c r="BO2119" s="85"/>
      <c r="BP2119" s="85"/>
      <c r="BQ2119" s="85"/>
      <c r="BR2119" s="85"/>
      <c r="BS2119" s="85"/>
      <c r="BT2119" s="85"/>
      <c r="BU2119" s="85"/>
      <c r="BV2119" s="85"/>
      <c r="BW2119" s="85"/>
      <c r="BX2119" s="85"/>
      <c r="BY2119" s="85"/>
      <c r="BZ2119" s="85"/>
      <c r="CA2119" s="85"/>
      <c r="CB2119" s="85"/>
      <c r="CC2119" s="85"/>
      <c r="CD2119" s="85"/>
      <c r="CE2119" s="85"/>
      <c r="CF2119" s="85"/>
      <c r="CG2119" s="85"/>
    </row>
    <row r="2120" spans="1:85" s="9" customFormat="1" x14ac:dyDescent="0.2">
      <c r="A2120" s="85"/>
      <c r="J2120" s="85"/>
      <c r="K2120" s="85"/>
      <c r="L2120" s="85"/>
      <c r="M2120" s="85"/>
      <c r="N2120" s="85"/>
      <c r="O2120" s="85"/>
      <c r="P2120" s="85"/>
      <c r="Q2120" s="85"/>
      <c r="R2120" s="85"/>
      <c r="S2120" s="85"/>
      <c r="T2120" s="85"/>
      <c r="U2120" s="85"/>
      <c r="V2120" s="85"/>
      <c r="W2120" s="85"/>
      <c r="X2120" s="85"/>
      <c r="Y2120" s="85"/>
      <c r="Z2120" s="85"/>
      <c r="AA2120" s="85"/>
      <c r="AB2120" s="85"/>
      <c r="AC2120" s="85"/>
      <c r="AD2120" s="85"/>
      <c r="AE2120" s="85"/>
      <c r="AF2120" s="85"/>
      <c r="AG2120" s="85"/>
      <c r="AH2120" s="85"/>
      <c r="AI2120" s="85"/>
      <c r="AJ2120" s="85"/>
      <c r="AK2120" s="85"/>
      <c r="AL2120" s="85"/>
      <c r="AM2120" s="85"/>
      <c r="AN2120" s="85"/>
      <c r="AO2120" s="85"/>
      <c r="AP2120" s="85"/>
      <c r="AQ2120" s="85"/>
      <c r="AR2120" s="85"/>
      <c r="AS2120" s="85"/>
      <c r="AT2120" s="85"/>
      <c r="AU2120" s="85"/>
      <c r="AV2120" s="85"/>
      <c r="AW2120" s="85"/>
      <c r="AX2120" s="85"/>
      <c r="AY2120" s="85"/>
      <c r="AZ2120" s="85"/>
      <c r="BA2120" s="85"/>
      <c r="BB2120" s="85"/>
      <c r="BC2120" s="85"/>
      <c r="BD2120" s="85"/>
      <c r="BE2120" s="85"/>
      <c r="BF2120" s="85"/>
      <c r="BG2120" s="85"/>
      <c r="BH2120" s="85"/>
      <c r="BI2120" s="85"/>
      <c r="BJ2120" s="85"/>
      <c r="BK2120" s="85"/>
      <c r="BL2120" s="85"/>
      <c r="BM2120" s="85"/>
      <c r="BN2120" s="85"/>
      <c r="BO2120" s="85"/>
      <c r="BP2120" s="85"/>
      <c r="BQ2120" s="85"/>
      <c r="BR2120" s="85"/>
      <c r="BS2120" s="85"/>
      <c r="BT2120" s="85"/>
      <c r="BU2120" s="85"/>
      <c r="BV2120" s="85"/>
      <c r="BW2120" s="85"/>
      <c r="BX2120" s="85"/>
      <c r="BY2120" s="85"/>
      <c r="BZ2120" s="85"/>
      <c r="CA2120" s="85"/>
      <c r="CB2120" s="85"/>
      <c r="CC2120" s="85"/>
      <c r="CD2120" s="85"/>
      <c r="CE2120" s="85"/>
      <c r="CF2120" s="85"/>
      <c r="CG2120" s="85"/>
    </row>
    <row r="2121" spans="1:85" s="9" customFormat="1" x14ac:dyDescent="0.2">
      <c r="A2121" s="85"/>
      <c r="J2121" s="85"/>
      <c r="K2121" s="85"/>
      <c r="L2121" s="85"/>
      <c r="M2121" s="85"/>
      <c r="N2121" s="85"/>
      <c r="O2121" s="85"/>
      <c r="P2121" s="85"/>
      <c r="Q2121" s="85"/>
      <c r="R2121" s="85"/>
      <c r="S2121" s="85"/>
      <c r="T2121" s="85"/>
      <c r="U2121" s="85"/>
      <c r="V2121" s="85"/>
      <c r="W2121" s="85"/>
      <c r="X2121" s="85"/>
      <c r="Y2121" s="85"/>
      <c r="Z2121" s="85"/>
      <c r="AA2121" s="85"/>
      <c r="AB2121" s="85"/>
      <c r="AC2121" s="85"/>
      <c r="AD2121" s="85"/>
      <c r="AE2121" s="85"/>
      <c r="AF2121" s="85"/>
      <c r="AG2121" s="85"/>
      <c r="AH2121" s="85"/>
      <c r="AI2121" s="85"/>
      <c r="AJ2121" s="85"/>
      <c r="AK2121" s="85"/>
      <c r="AL2121" s="85"/>
      <c r="AM2121" s="85"/>
      <c r="AN2121" s="85"/>
      <c r="AO2121" s="85"/>
      <c r="AP2121" s="85"/>
      <c r="AQ2121" s="85"/>
      <c r="AR2121" s="85"/>
      <c r="AS2121" s="85"/>
      <c r="AT2121" s="85"/>
      <c r="AU2121" s="85"/>
      <c r="AV2121" s="85"/>
      <c r="AW2121" s="85"/>
      <c r="AX2121" s="85"/>
      <c r="AY2121" s="85"/>
      <c r="AZ2121" s="85"/>
      <c r="BA2121" s="85"/>
      <c r="BB2121" s="85"/>
      <c r="BC2121" s="85"/>
      <c r="BD2121" s="85"/>
      <c r="BE2121" s="85"/>
      <c r="BF2121" s="85"/>
      <c r="BG2121" s="85"/>
      <c r="BH2121" s="85"/>
      <c r="BI2121" s="85"/>
      <c r="BJ2121" s="85"/>
      <c r="BK2121" s="85"/>
      <c r="BL2121" s="85"/>
      <c r="BM2121" s="85"/>
      <c r="BN2121" s="85"/>
      <c r="BO2121" s="85"/>
      <c r="BP2121" s="85"/>
      <c r="BQ2121" s="85"/>
      <c r="BR2121" s="85"/>
      <c r="BS2121" s="85"/>
      <c r="BT2121" s="85"/>
      <c r="BU2121" s="85"/>
      <c r="BV2121" s="85"/>
      <c r="BW2121" s="85"/>
      <c r="BX2121" s="85"/>
      <c r="BY2121" s="85"/>
      <c r="BZ2121" s="85"/>
      <c r="CA2121" s="85"/>
      <c r="CB2121" s="85"/>
      <c r="CC2121" s="85"/>
      <c r="CD2121" s="85"/>
      <c r="CE2121" s="85"/>
      <c r="CF2121" s="85"/>
      <c r="CG2121" s="85"/>
    </row>
    <row r="2122" spans="1:85" s="9" customFormat="1" x14ac:dyDescent="0.2">
      <c r="A2122" s="85"/>
      <c r="J2122" s="85"/>
      <c r="K2122" s="85"/>
      <c r="L2122" s="85"/>
      <c r="M2122" s="85"/>
      <c r="N2122" s="85"/>
      <c r="O2122" s="85"/>
      <c r="P2122" s="85"/>
      <c r="Q2122" s="85"/>
      <c r="R2122" s="85"/>
      <c r="S2122" s="85"/>
      <c r="T2122" s="85"/>
      <c r="U2122" s="85"/>
      <c r="V2122" s="85"/>
      <c r="W2122" s="85"/>
      <c r="X2122" s="85"/>
      <c r="Y2122" s="85"/>
      <c r="Z2122" s="85"/>
      <c r="AA2122" s="85"/>
      <c r="AB2122" s="85"/>
      <c r="AC2122" s="85"/>
      <c r="AD2122" s="85"/>
      <c r="AE2122" s="85"/>
      <c r="AF2122" s="85"/>
      <c r="AG2122" s="85"/>
      <c r="AH2122" s="85"/>
      <c r="AI2122" s="85"/>
      <c r="AJ2122" s="85"/>
      <c r="AK2122" s="85"/>
      <c r="AL2122" s="85"/>
      <c r="AM2122" s="85"/>
      <c r="AN2122" s="85"/>
      <c r="AO2122" s="85"/>
      <c r="AP2122" s="85"/>
      <c r="AQ2122" s="85"/>
      <c r="AR2122" s="85"/>
      <c r="AS2122" s="85"/>
      <c r="AT2122" s="85"/>
      <c r="AU2122" s="85"/>
      <c r="AV2122" s="85"/>
      <c r="AW2122" s="85"/>
      <c r="AX2122" s="85"/>
      <c r="AY2122" s="85"/>
      <c r="AZ2122" s="85"/>
      <c r="BA2122" s="85"/>
      <c r="BB2122" s="85"/>
      <c r="BC2122" s="85"/>
      <c r="BD2122" s="85"/>
      <c r="BE2122" s="85"/>
      <c r="BF2122" s="85"/>
      <c r="BG2122" s="85"/>
      <c r="BH2122" s="85"/>
      <c r="BI2122" s="85"/>
      <c r="BJ2122" s="85"/>
      <c r="BK2122" s="85"/>
      <c r="BL2122" s="85"/>
      <c r="BM2122" s="85"/>
      <c r="BN2122" s="85"/>
      <c r="BO2122" s="85"/>
      <c r="BP2122" s="85"/>
      <c r="BQ2122" s="85"/>
      <c r="BR2122" s="85"/>
      <c r="BS2122" s="85"/>
      <c r="BT2122" s="85"/>
      <c r="BU2122" s="85"/>
      <c r="BV2122" s="85"/>
      <c r="BW2122" s="85"/>
      <c r="BX2122" s="85"/>
      <c r="BY2122" s="85"/>
      <c r="BZ2122" s="85"/>
      <c r="CA2122" s="85"/>
      <c r="CB2122" s="85"/>
      <c r="CC2122" s="85"/>
      <c r="CD2122" s="85"/>
      <c r="CE2122" s="85"/>
      <c r="CF2122" s="85"/>
      <c r="CG2122" s="85"/>
    </row>
    <row r="2123" spans="1:85" s="9" customFormat="1" x14ac:dyDescent="0.2">
      <c r="A2123" s="85"/>
      <c r="J2123" s="85"/>
      <c r="K2123" s="85"/>
      <c r="L2123" s="85"/>
      <c r="M2123" s="85"/>
      <c r="N2123" s="85"/>
      <c r="O2123" s="85"/>
      <c r="P2123" s="85"/>
      <c r="Q2123" s="85"/>
      <c r="R2123" s="85"/>
      <c r="S2123" s="85"/>
      <c r="T2123" s="85"/>
      <c r="U2123" s="85"/>
      <c r="V2123" s="85"/>
      <c r="W2123" s="85"/>
      <c r="X2123" s="85"/>
      <c r="Y2123" s="85"/>
      <c r="Z2123" s="85"/>
      <c r="AA2123" s="85"/>
      <c r="AB2123" s="85"/>
      <c r="AC2123" s="85"/>
      <c r="AD2123" s="85"/>
      <c r="AE2123" s="85"/>
      <c r="AF2123" s="85"/>
      <c r="AG2123" s="85"/>
      <c r="AH2123" s="85"/>
      <c r="AI2123" s="85"/>
      <c r="AJ2123" s="85"/>
      <c r="AK2123" s="85"/>
      <c r="AL2123" s="85"/>
      <c r="AM2123" s="85"/>
      <c r="AN2123" s="85"/>
      <c r="AO2123" s="85"/>
      <c r="AP2123" s="85"/>
      <c r="AQ2123" s="85"/>
      <c r="AR2123" s="85"/>
      <c r="AS2123" s="85"/>
      <c r="AT2123" s="85"/>
      <c r="AU2123" s="85"/>
      <c r="AV2123" s="85"/>
      <c r="AW2123" s="85"/>
      <c r="AX2123" s="85"/>
      <c r="AY2123" s="85"/>
      <c r="AZ2123" s="85"/>
      <c r="BA2123" s="85"/>
      <c r="BB2123" s="85"/>
      <c r="BC2123" s="85"/>
      <c r="BD2123" s="85"/>
      <c r="BE2123" s="85"/>
      <c r="BF2123" s="85"/>
      <c r="BG2123" s="85"/>
      <c r="BH2123" s="85"/>
      <c r="BI2123" s="85"/>
      <c r="BJ2123" s="85"/>
      <c r="BK2123" s="85"/>
      <c r="BL2123" s="85"/>
      <c r="BM2123" s="85"/>
      <c r="BN2123" s="85"/>
      <c r="BO2123" s="85"/>
      <c r="BP2123" s="85"/>
      <c r="BQ2123" s="85"/>
      <c r="BR2123" s="85"/>
      <c r="BS2123" s="85"/>
      <c r="BT2123" s="85"/>
      <c r="BU2123" s="85"/>
      <c r="BV2123" s="85"/>
      <c r="BW2123" s="85"/>
      <c r="BX2123" s="85"/>
      <c r="BY2123" s="85"/>
      <c r="BZ2123" s="85"/>
      <c r="CA2123" s="85"/>
      <c r="CB2123" s="85"/>
      <c r="CC2123" s="85"/>
      <c r="CD2123" s="85"/>
      <c r="CE2123" s="85"/>
      <c r="CF2123" s="85"/>
      <c r="CG2123" s="85"/>
    </row>
    <row r="2124" spans="1:85" s="9" customFormat="1" x14ac:dyDescent="0.2">
      <c r="A2124" s="85"/>
      <c r="J2124" s="85"/>
      <c r="K2124" s="85"/>
      <c r="L2124" s="85"/>
      <c r="M2124" s="85"/>
      <c r="N2124" s="85"/>
      <c r="O2124" s="85"/>
      <c r="P2124" s="85"/>
      <c r="Q2124" s="85"/>
      <c r="R2124" s="85"/>
      <c r="S2124" s="85"/>
      <c r="T2124" s="85"/>
      <c r="U2124" s="85"/>
      <c r="V2124" s="85"/>
      <c r="W2124" s="85"/>
      <c r="X2124" s="85"/>
      <c r="Y2124" s="85"/>
      <c r="Z2124" s="85"/>
      <c r="AA2124" s="85"/>
      <c r="AB2124" s="85"/>
      <c r="AC2124" s="85"/>
      <c r="AD2124" s="85"/>
      <c r="AE2124" s="85"/>
      <c r="AF2124" s="85"/>
      <c r="AG2124" s="85"/>
      <c r="AH2124" s="85"/>
      <c r="AI2124" s="85"/>
      <c r="AJ2124" s="85"/>
      <c r="AK2124" s="85"/>
      <c r="AL2124" s="85"/>
      <c r="AM2124" s="85"/>
      <c r="AN2124" s="85"/>
      <c r="AO2124" s="85"/>
      <c r="AP2124" s="85"/>
      <c r="AQ2124" s="85"/>
      <c r="AR2124" s="85"/>
      <c r="AS2124" s="85"/>
      <c r="AT2124" s="85"/>
      <c r="AU2124" s="85"/>
      <c r="AV2124" s="85"/>
      <c r="AW2124" s="85"/>
      <c r="AX2124" s="85"/>
      <c r="AY2124" s="85"/>
      <c r="AZ2124" s="85"/>
      <c r="BA2124" s="85"/>
      <c r="BB2124" s="85"/>
      <c r="BC2124" s="85"/>
      <c r="BD2124" s="85"/>
      <c r="BE2124" s="85"/>
      <c r="BF2124" s="85"/>
      <c r="BG2124" s="85"/>
      <c r="BH2124" s="85"/>
      <c r="BI2124" s="85"/>
      <c r="BJ2124" s="85"/>
      <c r="BK2124" s="85"/>
      <c r="BL2124" s="85"/>
      <c r="BM2124" s="85"/>
      <c r="BN2124" s="85"/>
      <c r="BO2124" s="85"/>
      <c r="BP2124" s="85"/>
      <c r="BQ2124" s="85"/>
      <c r="BR2124" s="85"/>
      <c r="BS2124" s="85"/>
      <c r="BT2124" s="85"/>
      <c r="BU2124" s="85"/>
      <c r="BV2124" s="85"/>
      <c r="BW2124" s="85"/>
      <c r="BX2124" s="85"/>
      <c r="BY2124" s="85"/>
      <c r="BZ2124" s="85"/>
      <c r="CA2124" s="85"/>
      <c r="CB2124" s="85"/>
      <c r="CC2124" s="85"/>
      <c r="CD2124" s="85"/>
      <c r="CE2124" s="85"/>
      <c r="CF2124" s="85"/>
      <c r="CG2124" s="85"/>
    </row>
    <row r="2125" spans="1:85" s="9" customFormat="1" x14ac:dyDescent="0.2">
      <c r="A2125" s="85"/>
      <c r="J2125" s="85"/>
      <c r="K2125" s="85"/>
      <c r="L2125" s="85"/>
      <c r="M2125" s="85"/>
      <c r="N2125" s="85"/>
      <c r="O2125" s="85"/>
      <c r="P2125" s="85"/>
      <c r="Q2125" s="85"/>
      <c r="R2125" s="85"/>
      <c r="S2125" s="85"/>
      <c r="T2125" s="85"/>
      <c r="U2125" s="85"/>
      <c r="V2125" s="85"/>
      <c r="W2125" s="85"/>
      <c r="X2125" s="85"/>
      <c r="Y2125" s="85"/>
      <c r="Z2125" s="85"/>
      <c r="AA2125" s="85"/>
      <c r="AB2125" s="85"/>
      <c r="AC2125" s="85"/>
      <c r="AD2125" s="85"/>
      <c r="AE2125" s="85"/>
      <c r="AF2125" s="85"/>
      <c r="AG2125" s="85"/>
      <c r="AH2125" s="85"/>
      <c r="AI2125" s="85"/>
      <c r="AJ2125" s="85"/>
      <c r="AK2125" s="85"/>
      <c r="AL2125" s="85"/>
      <c r="AM2125" s="85"/>
      <c r="AN2125" s="85"/>
      <c r="AO2125" s="85"/>
      <c r="AP2125" s="85"/>
      <c r="AQ2125" s="85"/>
      <c r="AR2125" s="85"/>
      <c r="AS2125" s="85"/>
      <c r="AT2125" s="85"/>
      <c r="AU2125" s="85"/>
      <c r="AV2125" s="85"/>
      <c r="AW2125" s="85"/>
      <c r="AX2125" s="85"/>
      <c r="AY2125" s="85"/>
      <c r="AZ2125" s="85"/>
      <c r="BA2125" s="85"/>
      <c r="BB2125" s="85"/>
      <c r="BC2125" s="85"/>
      <c r="BD2125" s="85"/>
      <c r="BE2125" s="85"/>
      <c r="BF2125" s="85"/>
      <c r="BG2125" s="85"/>
      <c r="BH2125" s="85"/>
      <c r="BI2125" s="85"/>
      <c r="BJ2125" s="85"/>
      <c r="BK2125" s="85"/>
      <c r="BL2125" s="85"/>
      <c r="BM2125" s="85"/>
      <c r="BN2125" s="85"/>
      <c r="BO2125" s="85"/>
      <c r="BP2125" s="85"/>
      <c r="BQ2125" s="85"/>
      <c r="BR2125" s="85"/>
      <c r="BS2125" s="85"/>
      <c r="BT2125" s="85"/>
      <c r="BU2125" s="85"/>
      <c r="BV2125" s="85"/>
      <c r="BW2125" s="85"/>
      <c r="BX2125" s="85"/>
      <c r="BY2125" s="85"/>
      <c r="BZ2125" s="85"/>
      <c r="CA2125" s="85"/>
      <c r="CB2125" s="85"/>
      <c r="CC2125" s="85"/>
      <c r="CD2125" s="85"/>
      <c r="CE2125" s="85"/>
      <c r="CF2125" s="85"/>
      <c r="CG2125" s="85"/>
    </row>
    <row r="2126" spans="1:85" s="9" customFormat="1" x14ac:dyDescent="0.2">
      <c r="A2126" s="85"/>
      <c r="J2126" s="85"/>
      <c r="K2126" s="85"/>
      <c r="L2126" s="85"/>
      <c r="M2126" s="85"/>
      <c r="N2126" s="85"/>
      <c r="O2126" s="85"/>
      <c r="P2126" s="85"/>
      <c r="Q2126" s="85"/>
      <c r="R2126" s="85"/>
      <c r="S2126" s="85"/>
      <c r="T2126" s="85"/>
      <c r="U2126" s="85"/>
      <c r="V2126" s="85"/>
      <c r="W2126" s="85"/>
      <c r="X2126" s="85"/>
      <c r="Y2126" s="85"/>
      <c r="Z2126" s="85"/>
      <c r="AA2126" s="85"/>
      <c r="AB2126" s="85"/>
      <c r="AC2126" s="85"/>
      <c r="AD2126" s="85"/>
      <c r="AE2126" s="85"/>
      <c r="AF2126" s="85"/>
      <c r="AG2126" s="85"/>
      <c r="AH2126" s="85"/>
      <c r="AI2126" s="85"/>
      <c r="AJ2126" s="85"/>
      <c r="AK2126" s="85"/>
      <c r="AL2126" s="85"/>
      <c r="AM2126" s="85"/>
      <c r="AN2126" s="85"/>
      <c r="AO2126" s="85"/>
      <c r="AP2126" s="85"/>
      <c r="AQ2126" s="85"/>
      <c r="AR2126" s="85"/>
      <c r="AS2126" s="85"/>
      <c r="AT2126" s="85"/>
      <c r="AU2126" s="85"/>
      <c r="AV2126" s="85"/>
      <c r="AW2126" s="85"/>
      <c r="AX2126" s="85"/>
      <c r="AY2126" s="85"/>
      <c r="AZ2126" s="85"/>
      <c r="BA2126" s="85"/>
      <c r="BB2126" s="85"/>
      <c r="BC2126" s="85"/>
      <c r="BD2126" s="85"/>
      <c r="BE2126" s="85"/>
      <c r="BF2126" s="85"/>
      <c r="BG2126" s="85"/>
      <c r="BH2126" s="85"/>
      <c r="BI2126" s="85"/>
      <c r="BJ2126" s="85"/>
      <c r="BK2126" s="85"/>
      <c r="BL2126" s="85"/>
      <c r="BM2126" s="85"/>
      <c r="BN2126" s="85"/>
      <c r="BO2126" s="85"/>
      <c r="BP2126" s="85"/>
      <c r="BQ2126" s="85"/>
      <c r="BR2126" s="85"/>
      <c r="BS2126" s="85"/>
      <c r="BT2126" s="85"/>
      <c r="BU2126" s="85"/>
      <c r="BV2126" s="85"/>
      <c r="BW2126" s="85"/>
      <c r="BX2126" s="85"/>
      <c r="BY2126" s="85"/>
      <c r="BZ2126" s="85"/>
      <c r="CA2126" s="85"/>
      <c r="CB2126" s="85"/>
      <c r="CC2126" s="85"/>
      <c r="CD2126" s="85"/>
      <c r="CE2126" s="85"/>
      <c r="CF2126" s="85"/>
      <c r="CG2126" s="85"/>
    </row>
    <row r="2127" spans="1:85" s="9" customFormat="1" x14ac:dyDescent="0.2">
      <c r="A2127" s="85"/>
      <c r="J2127" s="85"/>
      <c r="K2127" s="85"/>
      <c r="L2127" s="85"/>
      <c r="M2127" s="85"/>
      <c r="N2127" s="85"/>
      <c r="O2127" s="85"/>
      <c r="P2127" s="85"/>
      <c r="Q2127" s="85"/>
      <c r="R2127" s="85"/>
      <c r="S2127" s="85"/>
      <c r="T2127" s="85"/>
      <c r="U2127" s="85"/>
      <c r="V2127" s="85"/>
      <c r="W2127" s="85"/>
      <c r="X2127" s="85"/>
      <c r="Y2127" s="85"/>
      <c r="Z2127" s="85"/>
      <c r="AA2127" s="85"/>
      <c r="AB2127" s="85"/>
      <c r="AC2127" s="85"/>
      <c r="AD2127" s="85"/>
      <c r="AE2127" s="85"/>
      <c r="AF2127" s="85"/>
      <c r="AG2127" s="85"/>
      <c r="AH2127" s="85"/>
      <c r="AI2127" s="85"/>
      <c r="AJ2127" s="85"/>
      <c r="AK2127" s="85"/>
      <c r="AL2127" s="85"/>
      <c r="AM2127" s="85"/>
      <c r="AN2127" s="85"/>
      <c r="AO2127" s="85"/>
      <c r="AP2127" s="85"/>
      <c r="AQ2127" s="85"/>
      <c r="AR2127" s="85"/>
      <c r="AS2127" s="85"/>
      <c r="AT2127" s="85"/>
      <c r="AU2127" s="85"/>
      <c r="AV2127" s="85"/>
      <c r="AW2127" s="85"/>
      <c r="AX2127" s="85"/>
      <c r="AY2127" s="85"/>
      <c r="AZ2127" s="85"/>
      <c r="BA2127" s="85"/>
      <c r="BB2127" s="85"/>
      <c r="BC2127" s="85"/>
      <c r="BD2127" s="85"/>
      <c r="BE2127" s="85"/>
      <c r="BF2127" s="85"/>
      <c r="BG2127" s="85"/>
      <c r="BH2127" s="85"/>
      <c r="BI2127" s="85"/>
      <c r="BJ2127" s="85"/>
      <c r="BK2127" s="85"/>
      <c r="BL2127" s="85"/>
      <c r="BM2127" s="85"/>
      <c r="BN2127" s="85"/>
      <c r="BO2127" s="85"/>
      <c r="BP2127" s="85"/>
      <c r="BQ2127" s="85"/>
      <c r="BR2127" s="85"/>
      <c r="BS2127" s="85"/>
      <c r="BT2127" s="85"/>
      <c r="BU2127" s="85"/>
      <c r="BV2127" s="85"/>
      <c r="BW2127" s="85"/>
      <c r="BX2127" s="85"/>
      <c r="BY2127" s="85"/>
      <c r="BZ2127" s="85"/>
      <c r="CA2127" s="85"/>
      <c r="CB2127" s="85"/>
      <c r="CC2127" s="85"/>
      <c r="CD2127" s="85"/>
      <c r="CE2127" s="85"/>
      <c r="CF2127" s="85"/>
      <c r="CG2127" s="85"/>
    </row>
    <row r="2128" spans="1:85" s="9" customFormat="1" x14ac:dyDescent="0.2">
      <c r="A2128" s="85"/>
      <c r="J2128" s="85"/>
      <c r="K2128" s="85"/>
      <c r="L2128" s="85"/>
      <c r="M2128" s="85"/>
      <c r="N2128" s="85"/>
      <c r="O2128" s="85"/>
      <c r="P2128" s="85"/>
      <c r="Q2128" s="85"/>
      <c r="R2128" s="85"/>
      <c r="S2128" s="85"/>
      <c r="T2128" s="85"/>
      <c r="U2128" s="85"/>
      <c r="V2128" s="85"/>
      <c r="W2128" s="85"/>
      <c r="X2128" s="85"/>
      <c r="Y2128" s="85"/>
      <c r="Z2128" s="85"/>
      <c r="AA2128" s="85"/>
      <c r="AB2128" s="85"/>
      <c r="AC2128" s="85"/>
      <c r="AD2128" s="85"/>
      <c r="AE2128" s="85"/>
      <c r="AF2128" s="85"/>
      <c r="AG2128" s="85"/>
      <c r="AH2128" s="85"/>
      <c r="AI2128" s="85"/>
      <c r="AJ2128" s="85"/>
      <c r="AK2128" s="85"/>
      <c r="AL2128" s="85"/>
      <c r="AM2128" s="85"/>
      <c r="AN2128" s="85"/>
      <c r="AO2128" s="85"/>
      <c r="AP2128" s="85"/>
      <c r="AQ2128" s="85"/>
      <c r="AR2128" s="85"/>
      <c r="AS2128" s="85"/>
      <c r="AT2128" s="85"/>
      <c r="AU2128" s="85"/>
      <c r="AV2128" s="85"/>
      <c r="AW2128" s="85"/>
      <c r="AX2128" s="85"/>
      <c r="AY2128" s="85"/>
      <c r="AZ2128" s="85"/>
      <c r="BA2128" s="85"/>
      <c r="BB2128" s="85"/>
      <c r="BC2128" s="85"/>
      <c r="BD2128" s="85"/>
      <c r="BE2128" s="85"/>
      <c r="BF2128" s="85"/>
      <c r="BG2128" s="85"/>
      <c r="BH2128" s="85"/>
      <c r="BI2128" s="85"/>
      <c r="BJ2128" s="85"/>
      <c r="BK2128" s="85"/>
      <c r="BL2128" s="85"/>
      <c r="BM2128" s="85"/>
      <c r="BN2128" s="85"/>
      <c r="BO2128" s="85"/>
      <c r="BP2128" s="85"/>
      <c r="BQ2128" s="85"/>
      <c r="BR2128" s="85"/>
      <c r="BS2128" s="85"/>
      <c r="BT2128" s="85"/>
      <c r="BU2128" s="85"/>
      <c r="BV2128" s="85"/>
      <c r="BW2128" s="85"/>
      <c r="BX2128" s="85"/>
      <c r="BY2128" s="85"/>
      <c r="BZ2128" s="85"/>
      <c r="CA2128" s="85"/>
      <c r="CB2128" s="85"/>
      <c r="CC2128" s="85"/>
      <c r="CD2128" s="85"/>
      <c r="CE2128" s="85"/>
      <c r="CF2128" s="85"/>
      <c r="CG2128" s="85"/>
    </row>
    <row r="2129" spans="1:85" s="9" customFormat="1" x14ac:dyDescent="0.2">
      <c r="A2129" s="85"/>
      <c r="J2129" s="85"/>
      <c r="K2129" s="85"/>
      <c r="L2129" s="85"/>
      <c r="M2129" s="85"/>
      <c r="N2129" s="85"/>
      <c r="O2129" s="85"/>
      <c r="P2129" s="85"/>
      <c r="Q2129" s="85"/>
      <c r="R2129" s="85"/>
      <c r="S2129" s="85"/>
      <c r="T2129" s="85"/>
      <c r="U2129" s="85"/>
      <c r="V2129" s="85"/>
      <c r="W2129" s="85"/>
      <c r="X2129" s="85"/>
      <c r="Y2129" s="85"/>
      <c r="Z2129" s="85"/>
      <c r="AA2129" s="85"/>
      <c r="AB2129" s="85"/>
      <c r="AC2129" s="85"/>
      <c r="AD2129" s="85"/>
      <c r="AE2129" s="85"/>
      <c r="AF2129" s="85"/>
      <c r="AG2129" s="85"/>
      <c r="AH2129" s="85"/>
      <c r="AI2129" s="85"/>
      <c r="AJ2129" s="85"/>
      <c r="AK2129" s="85"/>
      <c r="AL2129" s="85"/>
      <c r="AM2129" s="85"/>
      <c r="AN2129" s="85"/>
      <c r="AO2129" s="85"/>
      <c r="AP2129" s="85"/>
      <c r="AQ2129" s="85"/>
      <c r="AR2129" s="85"/>
      <c r="AS2129" s="85"/>
      <c r="AT2129" s="85"/>
      <c r="AU2129" s="85"/>
      <c r="AV2129" s="85"/>
      <c r="AW2129" s="85"/>
      <c r="AX2129" s="85"/>
      <c r="AY2129" s="85"/>
      <c r="AZ2129" s="85"/>
      <c r="BA2129" s="85"/>
      <c r="BB2129" s="85"/>
      <c r="BC2129" s="85"/>
      <c r="BD2129" s="85"/>
      <c r="BE2129" s="85"/>
      <c r="BF2129" s="85"/>
      <c r="BG2129" s="85"/>
      <c r="BH2129" s="85"/>
      <c r="BI2129" s="85"/>
      <c r="BJ2129" s="85"/>
      <c r="BK2129" s="85"/>
      <c r="BL2129" s="85"/>
      <c r="BM2129" s="85"/>
      <c r="BN2129" s="85"/>
      <c r="BO2129" s="85"/>
      <c r="BP2129" s="85"/>
      <c r="BQ2129" s="85"/>
      <c r="BR2129" s="85"/>
      <c r="BS2129" s="85"/>
      <c r="BT2129" s="85"/>
      <c r="BU2129" s="85"/>
      <c r="BV2129" s="85"/>
      <c r="BW2129" s="85"/>
      <c r="BX2129" s="85"/>
      <c r="BY2129" s="85"/>
      <c r="BZ2129" s="85"/>
      <c r="CA2129" s="85"/>
      <c r="CB2129" s="85"/>
      <c r="CC2129" s="85"/>
      <c r="CD2129" s="85"/>
      <c r="CE2129" s="85"/>
      <c r="CF2129" s="85"/>
      <c r="CG2129" s="85"/>
    </row>
    <row r="2130" spans="1:85" s="9" customFormat="1" x14ac:dyDescent="0.2">
      <c r="A2130" s="85"/>
      <c r="J2130" s="85"/>
      <c r="K2130" s="85"/>
      <c r="L2130" s="85"/>
      <c r="M2130" s="85"/>
      <c r="N2130" s="85"/>
      <c r="O2130" s="85"/>
      <c r="P2130" s="85"/>
      <c r="Q2130" s="85"/>
      <c r="R2130" s="85"/>
      <c r="S2130" s="85"/>
      <c r="T2130" s="85"/>
      <c r="U2130" s="85"/>
      <c r="V2130" s="85"/>
      <c r="W2130" s="85"/>
      <c r="X2130" s="85"/>
      <c r="Y2130" s="85"/>
      <c r="Z2130" s="85"/>
      <c r="AA2130" s="85"/>
      <c r="AB2130" s="85"/>
      <c r="AC2130" s="85"/>
      <c r="AD2130" s="85"/>
      <c r="AE2130" s="85"/>
      <c r="AF2130" s="85"/>
      <c r="AG2130" s="85"/>
      <c r="AH2130" s="85"/>
      <c r="AI2130" s="85"/>
      <c r="AJ2130" s="85"/>
      <c r="AK2130" s="85"/>
      <c r="AL2130" s="85"/>
      <c r="AM2130" s="85"/>
      <c r="AN2130" s="85"/>
      <c r="AO2130" s="85"/>
      <c r="AP2130" s="85"/>
      <c r="AQ2130" s="85"/>
      <c r="AR2130" s="85"/>
      <c r="AS2130" s="85"/>
      <c r="AT2130" s="85"/>
      <c r="AU2130" s="85"/>
      <c r="AV2130" s="85"/>
      <c r="AW2130" s="85"/>
      <c r="AX2130" s="85"/>
      <c r="AY2130" s="85"/>
      <c r="AZ2130" s="85"/>
      <c r="BA2130" s="85"/>
      <c r="BB2130" s="85"/>
      <c r="BC2130" s="85"/>
      <c r="BD2130" s="85"/>
      <c r="BE2130" s="85"/>
      <c r="BF2130" s="85"/>
      <c r="BG2130" s="85"/>
      <c r="BH2130" s="85"/>
      <c r="BI2130" s="85"/>
      <c r="BJ2130" s="85"/>
      <c r="BK2130" s="85"/>
      <c r="BL2130" s="85"/>
      <c r="BM2130" s="85"/>
      <c r="BN2130" s="85"/>
      <c r="BO2130" s="85"/>
      <c r="BP2130" s="85"/>
      <c r="BQ2130" s="85"/>
      <c r="BR2130" s="85"/>
      <c r="BS2130" s="85"/>
      <c r="BT2130" s="85"/>
      <c r="BU2130" s="85"/>
      <c r="BV2130" s="85"/>
      <c r="BW2130" s="85"/>
      <c r="BX2130" s="85"/>
      <c r="BY2130" s="85"/>
      <c r="BZ2130" s="85"/>
      <c r="CA2130" s="85"/>
      <c r="CB2130" s="85"/>
      <c r="CC2130" s="85"/>
      <c r="CD2130" s="85"/>
      <c r="CE2130" s="85"/>
      <c r="CF2130" s="85"/>
      <c r="CG2130" s="85"/>
    </row>
    <row r="2131" spans="1:85" s="9" customFormat="1" x14ac:dyDescent="0.2">
      <c r="A2131" s="85"/>
      <c r="J2131" s="85"/>
      <c r="K2131" s="85"/>
      <c r="L2131" s="85"/>
      <c r="M2131" s="85"/>
      <c r="N2131" s="85"/>
      <c r="O2131" s="85"/>
      <c r="P2131" s="85"/>
      <c r="Q2131" s="85"/>
      <c r="R2131" s="85"/>
      <c r="S2131" s="85"/>
      <c r="T2131" s="85"/>
      <c r="U2131" s="85"/>
      <c r="V2131" s="85"/>
      <c r="W2131" s="85"/>
      <c r="X2131" s="85"/>
      <c r="Y2131" s="85"/>
      <c r="Z2131" s="85"/>
      <c r="AA2131" s="85"/>
      <c r="AB2131" s="85"/>
      <c r="AC2131" s="85"/>
      <c r="AD2131" s="85"/>
      <c r="AE2131" s="85"/>
      <c r="AF2131" s="85"/>
      <c r="AG2131" s="85"/>
      <c r="AH2131" s="85"/>
      <c r="AI2131" s="85"/>
      <c r="AJ2131" s="85"/>
      <c r="AK2131" s="85"/>
      <c r="AL2131" s="85"/>
      <c r="AM2131" s="85"/>
      <c r="AN2131" s="85"/>
      <c r="AO2131" s="85"/>
      <c r="AP2131" s="85"/>
      <c r="AQ2131" s="85"/>
      <c r="AR2131" s="85"/>
      <c r="AS2131" s="85"/>
      <c r="AT2131" s="85"/>
      <c r="AU2131" s="85"/>
      <c r="AV2131" s="85"/>
      <c r="AW2131" s="85"/>
      <c r="AX2131" s="85"/>
      <c r="AY2131" s="85"/>
      <c r="AZ2131" s="85"/>
      <c r="BA2131" s="85"/>
      <c r="BB2131" s="85"/>
      <c r="BC2131" s="85"/>
      <c r="BD2131" s="85"/>
      <c r="BE2131" s="85"/>
      <c r="BF2131" s="85"/>
      <c r="BG2131" s="85"/>
      <c r="BH2131" s="85"/>
      <c r="BI2131" s="85"/>
      <c r="BJ2131" s="85"/>
      <c r="BK2131" s="85"/>
      <c r="BL2131" s="85"/>
      <c r="BM2131" s="85"/>
      <c r="BN2131" s="85"/>
      <c r="BO2131" s="85"/>
      <c r="BP2131" s="85"/>
      <c r="BQ2131" s="85"/>
      <c r="BR2131" s="85"/>
      <c r="BS2131" s="85"/>
      <c r="BT2131" s="85"/>
      <c r="BU2131" s="85"/>
      <c r="BV2131" s="85"/>
      <c r="BW2131" s="85"/>
      <c r="BX2131" s="85"/>
      <c r="BY2131" s="85"/>
      <c r="BZ2131" s="85"/>
      <c r="CA2131" s="85"/>
      <c r="CB2131" s="85"/>
      <c r="CC2131" s="85"/>
      <c r="CD2131" s="85"/>
      <c r="CE2131" s="85"/>
      <c r="CF2131" s="85"/>
      <c r="CG2131" s="85"/>
    </row>
    <row r="2132" spans="1:85" s="9" customFormat="1" x14ac:dyDescent="0.2">
      <c r="A2132" s="85"/>
      <c r="J2132" s="85"/>
      <c r="K2132" s="85"/>
      <c r="L2132" s="85"/>
      <c r="M2132" s="85"/>
      <c r="N2132" s="85"/>
      <c r="O2132" s="85"/>
      <c r="P2132" s="85"/>
      <c r="Q2132" s="85"/>
      <c r="R2132" s="85"/>
      <c r="S2132" s="85"/>
      <c r="T2132" s="85"/>
      <c r="U2132" s="85"/>
      <c r="V2132" s="85"/>
      <c r="W2132" s="85"/>
      <c r="X2132" s="85"/>
      <c r="Y2132" s="85"/>
      <c r="Z2132" s="85"/>
      <c r="AA2132" s="85"/>
      <c r="AB2132" s="85"/>
      <c r="AC2132" s="85"/>
      <c r="AD2132" s="85"/>
      <c r="AE2132" s="85"/>
      <c r="AF2132" s="85"/>
      <c r="AG2132" s="85"/>
      <c r="AH2132" s="85"/>
      <c r="AI2132" s="85"/>
      <c r="AJ2132" s="85"/>
      <c r="AK2132" s="85"/>
      <c r="AL2132" s="85"/>
      <c r="AM2132" s="85"/>
      <c r="AN2132" s="85"/>
      <c r="AO2132" s="85"/>
      <c r="AP2132" s="85"/>
      <c r="AQ2132" s="85"/>
      <c r="AR2132" s="85"/>
      <c r="AS2132" s="85"/>
      <c r="AT2132" s="85"/>
      <c r="AU2132" s="85"/>
      <c r="AV2132" s="85"/>
      <c r="AW2132" s="85"/>
      <c r="AX2132" s="85"/>
      <c r="AY2132" s="85"/>
      <c r="AZ2132" s="85"/>
      <c r="BA2132" s="85"/>
      <c r="BB2132" s="85"/>
      <c r="BC2132" s="85"/>
      <c r="BD2132" s="85"/>
      <c r="BE2132" s="85"/>
      <c r="BF2132" s="85"/>
      <c r="BG2132" s="85"/>
      <c r="BH2132" s="85"/>
      <c r="BI2132" s="85"/>
      <c r="BJ2132" s="85"/>
      <c r="BK2132" s="85"/>
      <c r="BL2132" s="85"/>
      <c r="BM2132" s="85"/>
      <c r="BN2132" s="85"/>
      <c r="BO2132" s="85"/>
      <c r="BP2132" s="85"/>
      <c r="BQ2132" s="85"/>
      <c r="BR2132" s="85"/>
      <c r="BS2132" s="85"/>
      <c r="BT2132" s="85"/>
      <c r="BU2132" s="85"/>
      <c r="BV2132" s="85"/>
      <c r="BW2132" s="85"/>
      <c r="BX2132" s="85"/>
      <c r="BY2132" s="85"/>
      <c r="BZ2132" s="85"/>
      <c r="CA2132" s="85"/>
      <c r="CB2132" s="85"/>
      <c r="CC2132" s="85"/>
      <c r="CD2132" s="85"/>
      <c r="CE2132" s="85"/>
      <c r="CF2132" s="85"/>
      <c r="CG2132" s="85"/>
    </row>
    <row r="2133" spans="1:85" s="9" customFormat="1" x14ac:dyDescent="0.2">
      <c r="A2133" s="85"/>
      <c r="J2133" s="85"/>
      <c r="K2133" s="85"/>
      <c r="L2133" s="85"/>
      <c r="M2133" s="85"/>
      <c r="N2133" s="85"/>
      <c r="O2133" s="85"/>
      <c r="P2133" s="85"/>
      <c r="Q2133" s="85"/>
      <c r="R2133" s="85"/>
      <c r="S2133" s="85"/>
      <c r="T2133" s="85"/>
      <c r="U2133" s="85"/>
      <c r="V2133" s="85"/>
      <c r="W2133" s="85"/>
      <c r="X2133" s="85"/>
      <c r="Y2133" s="85"/>
      <c r="Z2133" s="85"/>
      <c r="AA2133" s="85"/>
      <c r="AB2133" s="85"/>
      <c r="AC2133" s="85"/>
      <c r="AD2133" s="85"/>
      <c r="AE2133" s="85"/>
      <c r="AF2133" s="85"/>
      <c r="AG2133" s="85"/>
      <c r="AH2133" s="85"/>
      <c r="AI2133" s="85"/>
      <c r="AJ2133" s="85"/>
      <c r="AK2133" s="85"/>
      <c r="AL2133" s="85"/>
      <c r="AM2133" s="85"/>
      <c r="AN2133" s="85"/>
      <c r="AO2133" s="85"/>
      <c r="AP2133" s="85"/>
      <c r="AQ2133" s="85"/>
      <c r="AR2133" s="85"/>
      <c r="AS2133" s="85"/>
      <c r="AT2133" s="85"/>
      <c r="AU2133" s="85"/>
      <c r="AV2133" s="85"/>
      <c r="AW2133" s="85"/>
      <c r="AX2133" s="85"/>
      <c r="AY2133" s="85"/>
      <c r="AZ2133" s="85"/>
      <c r="BA2133" s="85"/>
      <c r="BB2133" s="85"/>
      <c r="BC2133" s="85"/>
      <c r="BD2133" s="85"/>
      <c r="BE2133" s="85"/>
      <c r="BF2133" s="85"/>
      <c r="BG2133" s="85"/>
      <c r="BH2133" s="85"/>
      <c r="BI2133" s="85"/>
      <c r="BJ2133" s="85"/>
      <c r="BK2133" s="85"/>
      <c r="BL2133" s="85"/>
      <c r="BM2133" s="85"/>
      <c r="BN2133" s="85"/>
      <c r="BO2133" s="85"/>
      <c r="BP2133" s="85"/>
      <c r="BQ2133" s="85"/>
      <c r="BR2133" s="85"/>
      <c r="BS2133" s="85"/>
      <c r="BT2133" s="85"/>
      <c r="BU2133" s="85"/>
      <c r="BV2133" s="85"/>
      <c r="BW2133" s="85"/>
      <c r="BX2133" s="85"/>
      <c r="BY2133" s="85"/>
      <c r="BZ2133" s="85"/>
      <c r="CA2133" s="85"/>
      <c r="CB2133" s="85"/>
      <c r="CC2133" s="85"/>
      <c r="CD2133" s="85"/>
      <c r="CE2133" s="85"/>
      <c r="CF2133" s="85"/>
      <c r="CG2133" s="85"/>
    </row>
    <row r="2134" spans="1:85" s="9" customFormat="1" x14ac:dyDescent="0.2">
      <c r="A2134" s="85"/>
      <c r="J2134" s="85"/>
      <c r="K2134" s="85"/>
      <c r="L2134" s="85"/>
      <c r="M2134" s="85"/>
      <c r="N2134" s="85"/>
      <c r="O2134" s="85"/>
      <c r="P2134" s="85"/>
      <c r="Q2134" s="85"/>
      <c r="R2134" s="85"/>
      <c r="S2134" s="85"/>
      <c r="T2134" s="85"/>
      <c r="U2134" s="85"/>
      <c r="V2134" s="85"/>
      <c r="W2134" s="85"/>
      <c r="X2134" s="85"/>
      <c r="Y2134" s="85"/>
      <c r="Z2134" s="85"/>
      <c r="AA2134" s="85"/>
      <c r="AB2134" s="85"/>
      <c r="AC2134" s="85"/>
      <c r="AD2134" s="85"/>
      <c r="AE2134" s="85"/>
      <c r="AF2134" s="85"/>
      <c r="AG2134" s="85"/>
      <c r="AH2134" s="85"/>
      <c r="AI2134" s="85"/>
      <c r="AJ2134" s="85"/>
      <c r="AK2134" s="85"/>
      <c r="AL2134" s="85"/>
      <c r="AM2134" s="85"/>
      <c r="AN2134" s="85"/>
      <c r="AO2134" s="85"/>
      <c r="AP2134" s="85"/>
      <c r="AQ2134" s="85"/>
      <c r="AR2134" s="85"/>
      <c r="AS2134" s="85"/>
      <c r="AT2134" s="85"/>
      <c r="AU2134" s="85"/>
      <c r="AV2134" s="85"/>
      <c r="AW2134" s="85"/>
      <c r="AX2134" s="85"/>
      <c r="AY2134" s="85"/>
      <c r="AZ2134" s="85"/>
      <c r="BA2134" s="85"/>
      <c r="BB2134" s="85"/>
      <c r="BC2134" s="85"/>
      <c r="BD2134" s="85"/>
      <c r="BE2134" s="85"/>
      <c r="BF2134" s="85"/>
      <c r="BG2134" s="85"/>
      <c r="BH2134" s="85"/>
      <c r="BI2134" s="85"/>
      <c r="BJ2134" s="85"/>
      <c r="BK2134" s="85"/>
      <c r="BL2134" s="85"/>
      <c r="BM2134" s="85"/>
      <c r="BN2134" s="85"/>
      <c r="BO2134" s="85"/>
      <c r="BP2134" s="85"/>
      <c r="BQ2134" s="85"/>
      <c r="BR2134" s="85"/>
      <c r="BS2134" s="85"/>
      <c r="BT2134" s="85"/>
      <c r="BU2134" s="85"/>
      <c r="BV2134" s="85"/>
      <c r="BW2134" s="85"/>
      <c r="BX2134" s="85"/>
      <c r="BY2134" s="85"/>
      <c r="BZ2134" s="85"/>
      <c r="CA2134" s="85"/>
      <c r="CB2134" s="85"/>
      <c r="CC2134" s="85"/>
      <c r="CD2134" s="85"/>
      <c r="CE2134" s="85"/>
      <c r="CF2134" s="85"/>
      <c r="CG2134" s="85"/>
    </row>
    <row r="2135" spans="1:85" s="9" customFormat="1" x14ac:dyDescent="0.2">
      <c r="A2135" s="85"/>
      <c r="J2135" s="85"/>
      <c r="K2135" s="85"/>
      <c r="L2135" s="85"/>
      <c r="M2135" s="85"/>
      <c r="N2135" s="85"/>
      <c r="O2135" s="85"/>
      <c r="P2135" s="85"/>
      <c r="Q2135" s="85"/>
      <c r="R2135" s="85"/>
      <c r="S2135" s="85"/>
      <c r="T2135" s="85"/>
      <c r="U2135" s="85"/>
      <c r="V2135" s="85"/>
      <c r="W2135" s="85"/>
      <c r="X2135" s="85"/>
      <c r="Y2135" s="85"/>
      <c r="Z2135" s="85"/>
      <c r="AA2135" s="85"/>
      <c r="AB2135" s="85"/>
      <c r="AC2135" s="85"/>
      <c r="AD2135" s="85"/>
      <c r="AE2135" s="85"/>
      <c r="AF2135" s="85"/>
      <c r="AG2135" s="85"/>
      <c r="AH2135" s="85"/>
      <c r="AI2135" s="85"/>
      <c r="AJ2135" s="85"/>
      <c r="AK2135" s="85"/>
      <c r="AL2135" s="85"/>
      <c r="AM2135" s="85"/>
      <c r="AN2135" s="85"/>
      <c r="AO2135" s="85"/>
      <c r="AP2135" s="85"/>
      <c r="AQ2135" s="85"/>
      <c r="AR2135" s="85"/>
      <c r="AS2135" s="85"/>
      <c r="AT2135" s="85"/>
      <c r="AU2135" s="85"/>
      <c r="AV2135" s="85"/>
      <c r="AW2135" s="85"/>
      <c r="AX2135" s="85"/>
      <c r="AY2135" s="85"/>
      <c r="AZ2135" s="85"/>
      <c r="BA2135" s="85"/>
      <c r="BB2135" s="85"/>
      <c r="BC2135" s="85"/>
      <c r="BD2135" s="85"/>
      <c r="BE2135" s="85"/>
      <c r="BF2135" s="85"/>
      <c r="BG2135" s="85"/>
      <c r="BH2135" s="85"/>
      <c r="BI2135" s="85"/>
      <c r="BJ2135" s="85"/>
      <c r="BK2135" s="85"/>
      <c r="BL2135" s="85"/>
      <c r="BM2135" s="85"/>
      <c r="BN2135" s="85"/>
      <c r="BO2135" s="85"/>
      <c r="BP2135" s="85"/>
      <c r="BQ2135" s="85"/>
      <c r="BR2135" s="85"/>
      <c r="BS2135" s="85"/>
      <c r="BT2135" s="85"/>
      <c r="BU2135" s="85"/>
      <c r="BV2135" s="85"/>
      <c r="BW2135" s="85"/>
      <c r="BX2135" s="85"/>
      <c r="BY2135" s="85"/>
      <c r="BZ2135" s="85"/>
      <c r="CA2135" s="85"/>
      <c r="CB2135" s="85"/>
      <c r="CC2135" s="85"/>
      <c r="CD2135" s="85"/>
      <c r="CE2135" s="85"/>
      <c r="CF2135" s="85"/>
      <c r="CG2135" s="85"/>
    </row>
    <row r="2136" spans="1:85" s="9" customFormat="1" x14ac:dyDescent="0.2">
      <c r="A2136" s="85"/>
      <c r="J2136" s="85"/>
      <c r="K2136" s="85"/>
      <c r="L2136" s="85"/>
      <c r="M2136" s="85"/>
      <c r="N2136" s="85"/>
      <c r="O2136" s="85"/>
      <c r="P2136" s="85"/>
      <c r="Q2136" s="85"/>
      <c r="R2136" s="85"/>
      <c r="S2136" s="85"/>
      <c r="T2136" s="85"/>
      <c r="U2136" s="85"/>
      <c r="V2136" s="85"/>
      <c r="W2136" s="85"/>
      <c r="X2136" s="85"/>
      <c r="Y2136" s="85"/>
      <c r="Z2136" s="85"/>
      <c r="AA2136" s="85"/>
      <c r="AB2136" s="85"/>
      <c r="AC2136" s="85"/>
      <c r="AD2136" s="85"/>
      <c r="AE2136" s="85"/>
      <c r="AF2136" s="85"/>
      <c r="AG2136" s="85"/>
      <c r="AH2136" s="85"/>
      <c r="AI2136" s="85"/>
      <c r="AJ2136" s="85"/>
      <c r="AK2136" s="85"/>
      <c r="AL2136" s="85"/>
      <c r="AM2136" s="85"/>
      <c r="AN2136" s="85"/>
      <c r="AO2136" s="85"/>
      <c r="AP2136" s="85"/>
      <c r="AQ2136" s="85"/>
      <c r="AR2136" s="85"/>
      <c r="AS2136" s="85"/>
      <c r="AT2136" s="85"/>
      <c r="AU2136" s="85"/>
      <c r="AV2136" s="85"/>
      <c r="AW2136" s="85"/>
      <c r="AX2136" s="85"/>
      <c r="AY2136" s="85"/>
      <c r="AZ2136" s="85"/>
      <c r="BA2136" s="85"/>
      <c r="BB2136" s="85"/>
      <c r="BC2136" s="85"/>
      <c r="BD2136" s="85"/>
      <c r="BE2136" s="85"/>
      <c r="BF2136" s="85"/>
      <c r="BG2136" s="85"/>
      <c r="BH2136" s="85"/>
      <c r="BI2136" s="85"/>
      <c r="BJ2136" s="85"/>
      <c r="BK2136" s="85"/>
      <c r="BL2136" s="85"/>
      <c r="BM2136" s="85"/>
      <c r="BN2136" s="85"/>
      <c r="BO2136" s="85"/>
      <c r="BP2136" s="85"/>
      <c r="BQ2136" s="85"/>
      <c r="BR2136" s="85"/>
      <c r="BS2136" s="85"/>
      <c r="BT2136" s="85"/>
      <c r="BU2136" s="85"/>
      <c r="BV2136" s="85"/>
      <c r="BW2136" s="85"/>
      <c r="BX2136" s="85"/>
      <c r="BY2136" s="85"/>
      <c r="BZ2136" s="85"/>
      <c r="CA2136" s="85"/>
      <c r="CB2136" s="85"/>
      <c r="CC2136" s="85"/>
      <c r="CD2136" s="85"/>
      <c r="CE2136" s="85"/>
      <c r="CF2136" s="85"/>
      <c r="CG2136" s="85"/>
    </row>
    <row r="2137" spans="1:85" s="9" customFormat="1" x14ac:dyDescent="0.2">
      <c r="A2137" s="85"/>
      <c r="J2137" s="85"/>
      <c r="K2137" s="85"/>
      <c r="L2137" s="85"/>
      <c r="M2137" s="85"/>
      <c r="N2137" s="85"/>
      <c r="O2137" s="85"/>
      <c r="P2137" s="85"/>
      <c r="Q2137" s="85"/>
      <c r="R2137" s="85"/>
      <c r="S2137" s="85"/>
      <c r="T2137" s="85"/>
      <c r="U2137" s="85"/>
      <c r="V2137" s="85"/>
      <c r="W2137" s="85"/>
      <c r="X2137" s="85"/>
      <c r="Y2137" s="85"/>
      <c r="Z2137" s="85"/>
      <c r="AA2137" s="85"/>
      <c r="AB2137" s="85"/>
      <c r="AC2137" s="85"/>
      <c r="AD2137" s="85"/>
      <c r="AE2137" s="85"/>
      <c r="AF2137" s="85"/>
      <c r="AG2137" s="85"/>
      <c r="AH2137" s="85"/>
      <c r="AI2137" s="85"/>
      <c r="AJ2137" s="85"/>
      <c r="AK2137" s="85"/>
      <c r="AL2137" s="85"/>
      <c r="AM2137" s="85"/>
      <c r="AN2137" s="85"/>
      <c r="AO2137" s="85"/>
      <c r="AP2137" s="85"/>
      <c r="AQ2137" s="85"/>
      <c r="AR2137" s="85"/>
      <c r="AS2137" s="85"/>
      <c r="AT2137" s="85"/>
      <c r="AU2137" s="85"/>
      <c r="AV2137" s="85"/>
      <c r="AW2137" s="85"/>
      <c r="AX2137" s="85"/>
      <c r="AY2137" s="85"/>
      <c r="AZ2137" s="85"/>
      <c r="BA2137" s="85"/>
      <c r="BB2137" s="85"/>
      <c r="BC2137" s="85"/>
      <c r="BD2137" s="85"/>
      <c r="BE2137" s="85"/>
      <c r="BF2137" s="85"/>
      <c r="BG2137" s="85"/>
      <c r="BH2137" s="85"/>
      <c r="BI2137" s="85"/>
      <c r="BJ2137" s="85"/>
      <c r="BK2137" s="85"/>
      <c r="BL2137" s="85"/>
      <c r="BM2137" s="85"/>
      <c r="BN2137" s="85"/>
      <c r="BO2137" s="85"/>
      <c r="BP2137" s="85"/>
      <c r="BQ2137" s="85"/>
      <c r="BR2137" s="85"/>
      <c r="BS2137" s="85"/>
      <c r="BT2137" s="85"/>
      <c r="BU2137" s="85"/>
      <c r="BV2137" s="85"/>
      <c r="BW2137" s="85"/>
      <c r="BX2137" s="85"/>
      <c r="BY2137" s="85"/>
      <c r="BZ2137" s="85"/>
      <c r="CA2137" s="85"/>
      <c r="CB2137" s="85"/>
      <c r="CC2137" s="85"/>
      <c r="CD2137" s="85"/>
      <c r="CE2137" s="85"/>
      <c r="CF2137" s="85"/>
      <c r="CG2137" s="85"/>
    </row>
    <row r="2138" spans="1:85" s="9" customFormat="1" x14ac:dyDescent="0.2">
      <c r="A2138" s="85"/>
      <c r="J2138" s="85"/>
      <c r="K2138" s="85"/>
      <c r="L2138" s="85"/>
      <c r="M2138" s="85"/>
      <c r="N2138" s="85"/>
      <c r="O2138" s="85"/>
      <c r="P2138" s="85"/>
      <c r="Q2138" s="85"/>
      <c r="R2138" s="85"/>
      <c r="S2138" s="85"/>
      <c r="T2138" s="85"/>
      <c r="U2138" s="85"/>
      <c r="V2138" s="85"/>
      <c r="W2138" s="85"/>
      <c r="X2138" s="85"/>
      <c r="Y2138" s="85"/>
      <c r="Z2138" s="85"/>
      <c r="AA2138" s="85"/>
      <c r="AB2138" s="85"/>
      <c r="AC2138" s="85"/>
      <c r="AD2138" s="85"/>
      <c r="AE2138" s="85"/>
      <c r="AF2138" s="85"/>
      <c r="AG2138" s="85"/>
      <c r="AH2138" s="85"/>
      <c r="AI2138" s="85"/>
      <c r="AJ2138" s="85"/>
      <c r="AK2138" s="85"/>
      <c r="AL2138" s="85"/>
      <c r="AM2138" s="85"/>
      <c r="AN2138" s="85"/>
      <c r="AO2138" s="85"/>
      <c r="AP2138" s="85"/>
      <c r="AQ2138" s="85"/>
      <c r="AR2138" s="85"/>
      <c r="AS2138" s="85"/>
      <c r="AT2138" s="85"/>
      <c r="AU2138" s="85"/>
      <c r="AV2138" s="85"/>
      <c r="AW2138" s="85"/>
      <c r="AX2138" s="85"/>
      <c r="AY2138" s="85"/>
      <c r="AZ2138" s="85"/>
      <c r="BA2138" s="85"/>
      <c r="BB2138" s="85"/>
      <c r="BC2138" s="85"/>
      <c r="BD2138" s="85"/>
      <c r="BE2138" s="85"/>
      <c r="BF2138" s="85"/>
      <c r="BG2138" s="85"/>
      <c r="BH2138" s="85"/>
      <c r="BI2138" s="85"/>
      <c r="BJ2138" s="85"/>
      <c r="BK2138" s="85"/>
      <c r="BL2138" s="85"/>
      <c r="BM2138" s="85"/>
      <c r="BN2138" s="85"/>
      <c r="BO2138" s="85"/>
      <c r="BP2138" s="85"/>
      <c r="BQ2138" s="85"/>
      <c r="BR2138" s="85"/>
      <c r="BS2138" s="85"/>
      <c r="BT2138" s="85"/>
      <c r="BU2138" s="85"/>
      <c r="BV2138" s="85"/>
      <c r="BW2138" s="85"/>
      <c r="BX2138" s="85"/>
      <c r="BY2138" s="85"/>
      <c r="BZ2138" s="85"/>
      <c r="CA2138" s="85"/>
      <c r="CB2138" s="85"/>
      <c r="CC2138" s="85"/>
      <c r="CD2138" s="85"/>
      <c r="CE2138" s="85"/>
      <c r="CF2138" s="85"/>
      <c r="CG2138" s="85"/>
    </row>
    <row r="2139" spans="1:85" s="9" customFormat="1" x14ac:dyDescent="0.2">
      <c r="A2139" s="85"/>
      <c r="J2139" s="85"/>
      <c r="K2139" s="85"/>
      <c r="L2139" s="85"/>
      <c r="M2139" s="85"/>
      <c r="N2139" s="85"/>
      <c r="O2139" s="85"/>
      <c r="P2139" s="85"/>
      <c r="Q2139" s="85"/>
      <c r="R2139" s="85"/>
      <c r="S2139" s="85"/>
      <c r="T2139" s="85"/>
      <c r="U2139" s="85"/>
      <c r="V2139" s="85"/>
      <c r="W2139" s="85"/>
      <c r="X2139" s="85"/>
      <c r="Y2139" s="85"/>
      <c r="Z2139" s="85"/>
      <c r="AA2139" s="85"/>
      <c r="AB2139" s="85"/>
      <c r="AC2139" s="85"/>
      <c r="AD2139" s="85"/>
      <c r="AE2139" s="85"/>
      <c r="AF2139" s="85"/>
      <c r="AG2139" s="85"/>
      <c r="AH2139" s="85"/>
      <c r="AI2139" s="85"/>
      <c r="AJ2139" s="85"/>
      <c r="AK2139" s="85"/>
      <c r="AL2139" s="85"/>
      <c r="AM2139" s="85"/>
      <c r="AN2139" s="85"/>
      <c r="AO2139" s="85"/>
      <c r="AP2139" s="85"/>
      <c r="AQ2139" s="85"/>
      <c r="AR2139" s="85"/>
      <c r="AS2139" s="85"/>
      <c r="AT2139" s="85"/>
      <c r="AU2139" s="85"/>
      <c r="AV2139" s="85"/>
      <c r="AW2139" s="85"/>
      <c r="AX2139" s="85"/>
      <c r="AY2139" s="85"/>
      <c r="AZ2139" s="85"/>
      <c r="BA2139" s="85"/>
      <c r="BB2139" s="85"/>
      <c r="BC2139" s="85"/>
      <c r="BD2139" s="85"/>
      <c r="BE2139" s="85"/>
      <c r="BF2139" s="85"/>
      <c r="BG2139" s="85"/>
      <c r="BH2139" s="85"/>
      <c r="BI2139" s="85"/>
      <c r="BJ2139" s="85"/>
      <c r="BK2139" s="85"/>
      <c r="BL2139" s="85"/>
      <c r="BM2139" s="85"/>
      <c r="BN2139" s="85"/>
      <c r="BO2139" s="85"/>
      <c r="BP2139" s="85"/>
      <c r="BQ2139" s="85"/>
      <c r="BR2139" s="85"/>
      <c r="BS2139" s="85"/>
      <c r="BT2139" s="85"/>
      <c r="BU2139" s="85"/>
      <c r="BV2139" s="85"/>
      <c r="BW2139" s="85"/>
      <c r="BX2139" s="85"/>
      <c r="BY2139" s="85"/>
      <c r="BZ2139" s="85"/>
      <c r="CA2139" s="85"/>
      <c r="CB2139" s="85"/>
      <c r="CC2139" s="85"/>
      <c r="CD2139" s="85"/>
      <c r="CE2139" s="85"/>
      <c r="CF2139" s="85"/>
      <c r="CG2139" s="85"/>
    </row>
    <row r="2140" spans="1:85" s="9" customFormat="1" x14ac:dyDescent="0.2">
      <c r="A2140" s="85"/>
      <c r="J2140" s="85"/>
      <c r="K2140" s="85"/>
      <c r="L2140" s="85"/>
      <c r="M2140" s="85"/>
      <c r="N2140" s="85"/>
      <c r="O2140" s="85"/>
      <c r="P2140" s="85"/>
      <c r="Q2140" s="85"/>
      <c r="R2140" s="85"/>
      <c r="S2140" s="85"/>
      <c r="T2140" s="85"/>
      <c r="U2140" s="85"/>
      <c r="V2140" s="85"/>
      <c r="W2140" s="85"/>
      <c r="X2140" s="85"/>
      <c r="Y2140" s="85"/>
      <c r="Z2140" s="85"/>
      <c r="AA2140" s="85"/>
      <c r="AB2140" s="85"/>
      <c r="AC2140" s="85"/>
      <c r="AD2140" s="85"/>
      <c r="AE2140" s="85"/>
      <c r="AF2140" s="85"/>
      <c r="AG2140" s="85"/>
      <c r="AH2140" s="85"/>
      <c r="AI2140" s="85"/>
      <c r="AJ2140" s="85"/>
      <c r="AK2140" s="85"/>
      <c r="AL2140" s="85"/>
      <c r="AM2140" s="85"/>
      <c r="AN2140" s="85"/>
      <c r="AO2140" s="85"/>
      <c r="AP2140" s="85"/>
      <c r="AQ2140" s="85"/>
      <c r="AR2140" s="85"/>
      <c r="AS2140" s="85"/>
      <c r="AT2140" s="85"/>
      <c r="AU2140" s="85"/>
      <c r="AV2140" s="85"/>
      <c r="AW2140" s="85"/>
      <c r="AX2140" s="85"/>
      <c r="AY2140" s="85"/>
      <c r="AZ2140" s="85"/>
      <c r="BA2140" s="85"/>
      <c r="BB2140" s="85"/>
      <c r="BC2140" s="85"/>
      <c r="BD2140" s="85"/>
      <c r="BE2140" s="85"/>
      <c r="BF2140" s="85"/>
      <c r="BG2140" s="85"/>
      <c r="BH2140" s="85"/>
      <c r="BI2140" s="85"/>
      <c r="BJ2140" s="85"/>
      <c r="BK2140" s="85"/>
      <c r="BL2140" s="85"/>
      <c r="BM2140" s="85"/>
      <c r="BN2140" s="85"/>
      <c r="BO2140" s="85"/>
      <c r="BP2140" s="85"/>
      <c r="BQ2140" s="85"/>
      <c r="BR2140" s="85"/>
      <c r="BS2140" s="85"/>
      <c r="BT2140" s="85"/>
      <c r="BU2140" s="85"/>
      <c r="BV2140" s="85"/>
      <c r="BW2140" s="85"/>
      <c r="BX2140" s="85"/>
      <c r="BY2140" s="85"/>
      <c r="BZ2140" s="85"/>
      <c r="CA2140" s="85"/>
      <c r="CB2140" s="85"/>
      <c r="CC2140" s="85"/>
      <c r="CD2140" s="85"/>
      <c r="CE2140" s="85"/>
      <c r="CF2140" s="85"/>
      <c r="CG2140" s="85"/>
    </row>
    <row r="2141" spans="1:85" s="9" customFormat="1" x14ac:dyDescent="0.2">
      <c r="A2141" s="85"/>
      <c r="J2141" s="85"/>
      <c r="K2141" s="85"/>
      <c r="L2141" s="85"/>
      <c r="M2141" s="85"/>
      <c r="N2141" s="85"/>
      <c r="O2141" s="85"/>
      <c r="P2141" s="85"/>
      <c r="Q2141" s="85"/>
      <c r="R2141" s="85"/>
      <c r="S2141" s="85"/>
      <c r="T2141" s="85"/>
      <c r="U2141" s="85"/>
      <c r="V2141" s="85"/>
      <c r="W2141" s="85"/>
      <c r="X2141" s="85"/>
      <c r="Y2141" s="85"/>
      <c r="Z2141" s="85"/>
      <c r="AA2141" s="85"/>
      <c r="AB2141" s="85"/>
      <c r="AC2141" s="85"/>
      <c r="AD2141" s="85"/>
      <c r="AE2141" s="85"/>
      <c r="AF2141" s="85"/>
      <c r="AG2141" s="85"/>
      <c r="AH2141" s="85"/>
      <c r="AI2141" s="85"/>
      <c r="AJ2141" s="85"/>
      <c r="AK2141" s="85"/>
      <c r="AL2141" s="85"/>
      <c r="AM2141" s="85"/>
      <c r="AN2141" s="85"/>
      <c r="AO2141" s="85"/>
      <c r="AP2141" s="85"/>
      <c r="AQ2141" s="85"/>
      <c r="AR2141" s="85"/>
      <c r="AS2141" s="85"/>
      <c r="AT2141" s="85"/>
      <c r="AU2141" s="85"/>
      <c r="AV2141" s="85"/>
      <c r="AW2141" s="85"/>
      <c r="AX2141" s="85"/>
      <c r="AY2141" s="85"/>
      <c r="AZ2141" s="85"/>
      <c r="BA2141" s="85"/>
      <c r="BB2141" s="85"/>
      <c r="BC2141" s="85"/>
      <c r="BD2141" s="85"/>
      <c r="BE2141" s="85"/>
      <c r="BF2141" s="85"/>
      <c r="BG2141" s="85"/>
      <c r="BH2141" s="85"/>
      <c r="BI2141" s="85"/>
      <c r="BJ2141" s="85"/>
      <c r="BK2141" s="85"/>
      <c r="BL2141" s="85"/>
      <c r="BM2141" s="85"/>
      <c r="BN2141" s="85"/>
      <c r="BO2141" s="85"/>
      <c r="BP2141" s="85"/>
      <c r="BQ2141" s="85"/>
      <c r="BR2141" s="85"/>
      <c r="BS2141" s="85"/>
      <c r="BT2141" s="85"/>
      <c r="BU2141" s="85"/>
      <c r="BV2141" s="85"/>
      <c r="BW2141" s="85"/>
      <c r="BX2141" s="85"/>
      <c r="BY2141" s="85"/>
      <c r="BZ2141" s="85"/>
      <c r="CA2141" s="85"/>
      <c r="CB2141" s="85"/>
      <c r="CC2141" s="85"/>
      <c r="CD2141" s="85"/>
      <c r="CE2141" s="85"/>
      <c r="CF2141" s="85"/>
      <c r="CG2141" s="85"/>
    </row>
    <row r="2142" spans="1:85" s="9" customFormat="1" x14ac:dyDescent="0.2">
      <c r="A2142" s="85"/>
      <c r="J2142" s="85"/>
      <c r="K2142" s="85"/>
      <c r="L2142" s="85"/>
      <c r="M2142" s="85"/>
      <c r="N2142" s="85"/>
      <c r="O2142" s="85"/>
      <c r="P2142" s="85"/>
      <c r="Q2142" s="85"/>
      <c r="R2142" s="85"/>
      <c r="S2142" s="85"/>
      <c r="T2142" s="85"/>
      <c r="U2142" s="85"/>
      <c r="V2142" s="85"/>
      <c r="W2142" s="85"/>
      <c r="X2142" s="85"/>
      <c r="Y2142" s="85"/>
      <c r="Z2142" s="85"/>
      <c r="AA2142" s="85"/>
      <c r="AB2142" s="85"/>
      <c r="AC2142" s="85"/>
      <c r="AD2142" s="85"/>
      <c r="AE2142" s="85"/>
      <c r="AF2142" s="85"/>
      <c r="AG2142" s="85"/>
      <c r="AH2142" s="85"/>
      <c r="AI2142" s="85"/>
      <c r="AJ2142" s="85"/>
      <c r="AK2142" s="85"/>
      <c r="AL2142" s="85"/>
      <c r="AM2142" s="85"/>
      <c r="AN2142" s="85"/>
      <c r="AO2142" s="85"/>
      <c r="AP2142" s="85"/>
      <c r="AQ2142" s="85"/>
      <c r="AR2142" s="85"/>
      <c r="AS2142" s="85"/>
      <c r="AT2142" s="85"/>
      <c r="AU2142" s="85"/>
      <c r="AV2142" s="85"/>
      <c r="AW2142" s="85"/>
      <c r="AX2142" s="85"/>
      <c r="AY2142" s="85"/>
      <c r="AZ2142" s="85"/>
      <c r="BA2142" s="85"/>
      <c r="BB2142" s="85"/>
      <c r="BC2142" s="85"/>
      <c r="BD2142" s="85"/>
      <c r="BE2142" s="85"/>
      <c r="BF2142" s="85"/>
      <c r="BG2142" s="85"/>
      <c r="BH2142" s="85"/>
      <c r="BI2142" s="85"/>
      <c r="BJ2142" s="85"/>
      <c r="BK2142" s="85"/>
      <c r="BL2142" s="85"/>
      <c r="BM2142" s="85"/>
      <c r="BN2142" s="85"/>
      <c r="BO2142" s="85"/>
      <c r="BP2142" s="85"/>
      <c r="BQ2142" s="85"/>
      <c r="BR2142" s="85"/>
      <c r="BS2142" s="85"/>
      <c r="BT2142" s="85"/>
      <c r="BU2142" s="85"/>
      <c r="BV2142" s="85"/>
      <c r="BW2142" s="85"/>
      <c r="BX2142" s="85"/>
      <c r="BY2142" s="85"/>
      <c r="BZ2142" s="85"/>
      <c r="CA2142" s="85"/>
      <c r="CB2142" s="85"/>
      <c r="CC2142" s="85"/>
      <c r="CD2142" s="85"/>
      <c r="CE2142" s="85"/>
      <c r="CF2142" s="85"/>
      <c r="CG2142" s="85"/>
    </row>
    <row r="2143" spans="1:85" s="9" customFormat="1" x14ac:dyDescent="0.2">
      <c r="A2143" s="85"/>
      <c r="J2143" s="85"/>
      <c r="K2143" s="85"/>
      <c r="L2143" s="85"/>
      <c r="M2143" s="85"/>
      <c r="N2143" s="85"/>
      <c r="O2143" s="85"/>
      <c r="P2143" s="85"/>
      <c r="Q2143" s="85"/>
      <c r="R2143" s="85"/>
      <c r="S2143" s="85"/>
      <c r="T2143" s="85"/>
      <c r="U2143" s="85"/>
      <c r="V2143" s="85"/>
      <c r="W2143" s="85"/>
      <c r="X2143" s="85"/>
      <c r="Y2143" s="85"/>
      <c r="Z2143" s="85"/>
      <c r="AA2143" s="85"/>
      <c r="AB2143" s="85"/>
      <c r="AC2143" s="85"/>
      <c r="AD2143" s="85"/>
      <c r="AE2143" s="85"/>
      <c r="AF2143" s="85"/>
      <c r="AG2143" s="85"/>
      <c r="AH2143" s="85"/>
      <c r="AI2143" s="85"/>
      <c r="AJ2143" s="85"/>
      <c r="AK2143" s="85"/>
      <c r="AL2143" s="85"/>
      <c r="AM2143" s="85"/>
      <c r="AN2143" s="85"/>
      <c r="AO2143" s="85"/>
      <c r="AP2143" s="85"/>
      <c r="AQ2143" s="85"/>
      <c r="AR2143" s="85"/>
      <c r="AS2143" s="85"/>
      <c r="AT2143" s="85"/>
      <c r="AU2143" s="85"/>
      <c r="AV2143" s="85"/>
      <c r="AW2143" s="85"/>
      <c r="AX2143" s="85"/>
      <c r="AY2143" s="85"/>
      <c r="AZ2143" s="85"/>
      <c r="BA2143" s="85"/>
      <c r="BB2143" s="85"/>
      <c r="BC2143" s="85"/>
      <c r="BD2143" s="85"/>
      <c r="BE2143" s="85"/>
      <c r="BF2143" s="85"/>
      <c r="BG2143" s="85"/>
      <c r="BH2143" s="85"/>
      <c r="BI2143" s="85"/>
      <c r="BJ2143" s="85"/>
      <c r="BK2143" s="85"/>
      <c r="BL2143" s="85"/>
      <c r="BM2143" s="85"/>
      <c r="BN2143" s="85"/>
      <c r="BO2143" s="85"/>
      <c r="BP2143" s="85"/>
      <c r="BQ2143" s="85"/>
      <c r="BR2143" s="85"/>
      <c r="BS2143" s="85"/>
      <c r="BT2143" s="85"/>
      <c r="BU2143" s="85"/>
      <c r="BV2143" s="85"/>
      <c r="BW2143" s="85"/>
      <c r="BX2143" s="85"/>
      <c r="BY2143" s="85"/>
      <c r="BZ2143" s="85"/>
      <c r="CA2143" s="85"/>
      <c r="CB2143" s="85"/>
      <c r="CC2143" s="85"/>
      <c r="CD2143" s="85"/>
      <c r="CE2143" s="85"/>
      <c r="CF2143" s="85"/>
      <c r="CG2143" s="85"/>
    </row>
    <row r="2144" spans="1:85" s="9" customFormat="1" x14ac:dyDescent="0.2">
      <c r="A2144" s="85"/>
      <c r="J2144" s="85"/>
      <c r="K2144" s="85"/>
      <c r="L2144" s="85"/>
      <c r="M2144" s="85"/>
      <c r="N2144" s="85"/>
      <c r="O2144" s="85"/>
      <c r="P2144" s="85"/>
      <c r="Q2144" s="85"/>
      <c r="R2144" s="85"/>
      <c r="S2144" s="85"/>
      <c r="T2144" s="85"/>
      <c r="U2144" s="85"/>
      <c r="V2144" s="85"/>
      <c r="W2144" s="85"/>
      <c r="X2144" s="85"/>
      <c r="Y2144" s="85"/>
      <c r="Z2144" s="85"/>
      <c r="AA2144" s="85"/>
      <c r="AB2144" s="85"/>
      <c r="AC2144" s="85"/>
      <c r="AD2144" s="85"/>
      <c r="AE2144" s="85"/>
      <c r="AF2144" s="85"/>
      <c r="AG2144" s="85"/>
      <c r="AH2144" s="85"/>
      <c r="AI2144" s="85"/>
      <c r="AJ2144" s="85"/>
      <c r="AK2144" s="85"/>
      <c r="AL2144" s="85"/>
      <c r="AM2144" s="85"/>
      <c r="AN2144" s="85"/>
      <c r="AO2144" s="85"/>
      <c r="AP2144" s="85"/>
      <c r="AQ2144" s="85"/>
      <c r="AR2144" s="85"/>
      <c r="AS2144" s="85"/>
      <c r="AT2144" s="85"/>
      <c r="AU2144" s="85"/>
      <c r="AV2144" s="85"/>
      <c r="AW2144" s="85"/>
      <c r="AX2144" s="85"/>
      <c r="AY2144" s="85"/>
      <c r="AZ2144" s="85"/>
      <c r="BA2144" s="85"/>
      <c r="BB2144" s="85"/>
      <c r="BC2144" s="85"/>
      <c r="BD2144" s="85"/>
      <c r="BE2144" s="85"/>
      <c r="BF2144" s="85"/>
      <c r="BG2144" s="85"/>
      <c r="BH2144" s="85"/>
      <c r="BI2144" s="85"/>
      <c r="BJ2144" s="85"/>
      <c r="BK2144" s="85"/>
      <c r="BL2144" s="85"/>
      <c r="BM2144" s="85"/>
      <c r="BN2144" s="85"/>
      <c r="BO2144" s="85"/>
      <c r="BP2144" s="85"/>
      <c r="BQ2144" s="85"/>
      <c r="BR2144" s="85"/>
      <c r="BS2144" s="85"/>
      <c r="BT2144" s="85"/>
      <c r="BU2144" s="85"/>
      <c r="BV2144" s="85"/>
      <c r="BW2144" s="85"/>
      <c r="BX2144" s="85"/>
      <c r="BY2144" s="85"/>
      <c r="BZ2144" s="85"/>
      <c r="CA2144" s="85"/>
      <c r="CB2144" s="85"/>
      <c r="CC2144" s="85"/>
      <c r="CD2144" s="85"/>
      <c r="CE2144" s="85"/>
      <c r="CF2144" s="85"/>
      <c r="CG2144" s="85"/>
    </row>
    <row r="2145" spans="1:85" s="9" customFormat="1" x14ac:dyDescent="0.2">
      <c r="A2145" s="85"/>
      <c r="J2145" s="85"/>
      <c r="K2145" s="85"/>
      <c r="L2145" s="85"/>
      <c r="M2145" s="85"/>
      <c r="N2145" s="85"/>
      <c r="O2145" s="85"/>
      <c r="P2145" s="85"/>
      <c r="Q2145" s="85"/>
      <c r="R2145" s="85"/>
      <c r="S2145" s="85"/>
      <c r="T2145" s="85"/>
      <c r="U2145" s="85"/>
      <c r="V2145" s="85"/>
      <c r="W2145" s="85"/>
      <c r="X2145" s="85"/>
      <c r="Y2145" s="85"/>
      <c r="Z2145" s="85"/>
      <c r="AA2145" s="85"/>
      <c r="AB2145" s="85"/>
      <c r="AC2145" s="85"/>
      <c r="AD2145" s="85"/>
      <c r="AE2145" s="85"/>
      <c r="AF2145" s="85"/>
      <c r="AG2145" s="85"/>
      <c r="AH2145" s="85"/>
      <c r="AI2145" s="85"/>
      <c r="AJ2145" s="85"/>
      <c r="AK2145" s="85"/>
      <c r="AL2145" s="85"/>
      <c r="AM2145" s="85"/>
      <c r="AN2145" s="85"/>
      <c r="AO2145" s="85"/>
      <c r="AP2145" s="85"/>
      <c r="AQ2145" s="85"/>
      <c r="AR2145" s="85"/>
      <c r="AS2145" s="85"/>
      <c r="AT2145" s="85"/>
      <c r="AU2145" s="85"/>
      <c r="AV2145" s="85"/>
      <c r="AW2145" s="85"/>
      <c r="AX2145" s="85"/>
      <c r="AY2145" s="85"/>
      <c r="AZ2145" s="85"/>
      <c r="BA2145" s="85"/>
      <c r="BB2145" s="85"/>
      <c r="BC2145" s="85"/>
      <c r="BD2145" s="85"/>
      <c r="BE2145" s="85"/>
      <c r="BF2145" s="85"/>
      <c r="BG2145" s="85"/>
      <c r="BH2145" s="85"/>
      <c r="BI2145" s="85"/>
      <c r="BJ2145" s="85"/>
      <c r="BK2145" s="85"/>
      <c r="BL2145" s="85"/>
      <c r="BM2145" s="85"/>
      <c r="BN2145" s="85"/>
      <c r="BO2145" s="85"/>
      <c r="BP2145" s="85"/>
      <c r="BQ2145" s="85"/>
      <c r="BR2145" s="85"/>
      <c r="BS2145" s="85"/>
      <c r="BT2145" s="85"/>
      <c r="BU2145" s="85"/>
      <c r="BV2145" s="85"/>
      <c r="BW2145" s="85"/>
      <c r="BX2145" s="85"/>
      <c r="BY2145" s="85"/>
      <c r="BZ2145" s="85"/>
      <c r="CA2145" s="85"/>
      <c r="CB2145" s="85"/>
      <c r="CC2145" s="85"/>
      <c r="CD2145" s="85"/>
      <c r="CE2145" s="85"/>
      <c r="CF2145" s="85"/>
      <c r="CG2145" s="85"/>
    </row>
    <row r="2146" spans="1:85" s="9" customFormat="1" x14ac:dyDescent="0.2">
      <c r="A2146" s="85"/>
      <c r="J2146" s="85"/>
      <c r="K2146" s="85"/>
      <c r="L2146" s="85"/>
      <c r="M2146" s="85"/>
      <c r="N2146" s="85"/>
      <c r="O2146" s="85"/>
      <c r="P2146" s="85"/>
      <c r="Q2146" s="85"/>
      <c r="R2146" s="85"/>
      <c r="S2146" s="85"/>
      <c r="T2146" s="85"/>
      <c r="U2146" s="85"/>
      <c r="V2146" s="85"/>
      <c r="W2146" s="85"/>
      <c r="X2146" s="85"/>
      <c r="Y2146" s="85"/>
      <c r="Z2146" s="85"/>
      <c r="AA2146" s="85"/>
      <c r="AB2146" s="85"/>
      <c r="AC2146" s="85"/>
      <c r="AD2146" s="85"/>
      <c r="AE2146" s="85"/>
      <c r="AF2146" s="85"/>
      <c r="AG2146" s="85"/>
      <c r="AH2146" s="85"/>
      <c r="AI2146" s="85"/>
      <c r="AJ2146" s="85"/>
      <c r="AK2146" s="85"/>
      <c r="AL2146" s="85"/>
      <c r="AM2146" s="85"/>
      <c r="AN2146" s="85"/>
      <c r="AO2146" s="85"/>
      <c r="AP2146" s="85"/>
      <c r="AQ2146" s="85"/>
      <c r="AR2146" s="85"/>
      <c r="AS2146" s="85"/>
      <c r="AT2146" s="85"/>
      <c r="AU2146" s="85"/>
      <c r="AV2146" s="85"/>
      <c r="AW2146" s="85"/>
      <c r="AX2146" s="85"/>
      <c r="AY2146" s="85"/>
      <c r="AZ2146" s="85"/>
      <c r="BA2146" s="85"/>
      <c r="BB2146" s="85"/>
      <c r="BC2146" s="85"/>
      <c r="BD2146" s="85"/>
      <c r="BE2146" s="85"/>
      <c r="BF2146" s="85"/>
      <c r="BG2146" s="85"/>
      <c r="BH2146" s="85"/>
      <c r="BI2146" s="85"/>
      <c r="BJ2146" s="85"/>
      <c r="BK2146" s="85"/>
      <c r="BL2146" s="85"/>
      <c r="BM2146" s="85"/>
      <c r="BN2146" s="85"/>
      <c r="BO2146" s="85"/>
      <c r="BP2146" s="85"/>
      <c r="BQ2146" s="85"/>
      <c r="BR2146" s="85"/>
      <c r="BS2146" s="85"/>
      <c r="BT2146" s="85"/>
      <c r="BU2146" s="85"/>
      <c r="BV2146" s="85"/>
      <c r="BW2146" s="85"/>
      <c r="BX2146" s="85"/>
      <c r="BY2146" s="85"/>
      <c r="BZ2146" s="85"/>
      <c r="CA2146" s="85"/>
      <c r="CB2146" s="85"/>
      <c r="CC2146" s="85"/>
      <c r="CD2146" s="85"/>
      <c r="CE2146" s="85"/>
      <c r="CF2146" s="85"/>
      <c r="CG2146" s="85"/>
    </row>
    <row r="2147" spans="1:85" s="9" customFormat="1" x14ac:dyDescent="0.2">
      <c r="A2147" s="85"/>
      <c r="J2147" s="85"/>
      <c r="K2147" s="85"/>
      <c r="L2147" s="85"/>
      <c r="M2147" s="85"/>
      <c r="N2147" s="85"/>
      <c r="O2147" s="85"/>
      <c r="P2147" s="85"/>
      <c r="Q2147" s="85"/>
      <c r="R2147" s="85"/>
      <c r="S2147" s="85"/>
      <c r="T2147" s="85"/>
      <c r="U2147" s="85"/>
      <c r="V2147" s="85"/>
      <c r="W2147" s="85"/>
      <c r="X2147" s="85"/>
      <c r="Y2147" s="85"/>
      <c r="Z2147" s="85"/>
      <c r="AA2147" s="85"/>
      <c r="AB2147" s="85"/>
      <c r="AC2147" s="85"/>
      <c r="AD2147" s="85"/>
      <c r="AE2147" s="85"/>
      <c r="AF2147" s="85"/>
      <c r="AG2147" s="85"/>
      <c r="AH2147" s="85"/>
      <c r="AI2147" s="85"/>
      <c r="AJ2147" s="85"/>
      <c r="AK2147" s="85"/>
      <c r="AL2147" s="85"/>
      <c r="AM2147" s="85"/>
      <c r="AN2147" s="85"/>
      <c r="AO2147" s="85"/>
      <c r="AP2147" s="85"/>
      <c r="AQ2147" s="85"/>
      <c r="AR2147" s="85"/>
      <c r="AS2147" s="85"/>
      <c r="AT2147" s="85"/>
      <c r="AU2147" s="85"/>
      <c r="AV2147" s="85"/>
      <c r="AW2147" s="85"/>
      <c r="AX2147" s="85"/>
      <c r="AY2147" s="85"/>
      <c r="AZ2147" s="85"/>
      <c r="BA2147" s="85"/>
      <c r="BB2147" s="85"/>
      <c r="BC2147" s="85"/>
      <c r="BD2147" s="85"/>
      <c r="BE2147" s="85"/>
      <c r="BF2147" s="85"/>
      <c r="BG2147" s="85"/>
      <c r="BH2147" s="85"/>
      <c r="BI2147" s="85"/>
      <c r="BJ2147" s="85"/>
      <c r="BK2147" s="85"/>
      <c r="BL2147" s="85"/>
      <c r="BM2147" s="85"/>
      <c r="BN2147" s="85"/>
      <c r="BO2147" s="85"/>
      <c r="BP2147" s="85"/>
      <c r="BQ2147" s="85"/>
      <c r="BR2147" s="85"/>
      <c r="BS2147" s="85"/>
      <c r="BT2147" s="85"/>
      <c r="BU2147" s="85"/>
      <c r="BV2147" s="85"/>
      <c r="BW2147" s="85"/>
      <c r="BX2147" s="85"/>
      <c r="BY2147" s="85"/>
      <c r="BZ2147" s="85"/>
      <c r="CA2147" s="85"/>
      <c r="CB2147" s="85"/>
      <c r="CC2147" s="85"/>
      <c r="CD2147" s="85"/>
      <c r="CE2147" s="85"/>
      <c r="CF2147" s="85"/>
      <c r="CG2147" s="85"/>
    </row>
    <row r="2148" spans="1:85" s="9" customFormat="1" x14ac:dyDescent="0.2">
      <c r="A2148" s="85"/>
      <c r="J2148" s="85"/>
      <c r="K2148" s="85"/>
      <c r="L2148" s="85"/>
      <c r="M2148" s="85"/>
      <c r="N2148" s="85"/>
      <c r="O2148" s="85"/>
      <c r="P2148" s="85"/>
      <c r="Q2148" s="85"/>
      <c r="R2148" s="85"/>
      <c r="S2148" s="85"/>
      <c r="T2148" s="85"/>
      <c r="U2148" s="85"/>
      <c r="V2148" s="85"/>
      <c r="W2148" s="85"/>
      <c r="X2148" s="85"/>
      <c r="Y2148" s="85"/>
      <c r="Z2148" s="85"/>
      <c r="AA2148" s="85"/>
      <c r="AB2148" s="85"/>
      <c r="AC2148" s="85"/>
      <c r="AD2148" s="85"/>
      <c r="AE2148" s="85"/>
      <c r="AF2148" s="85"/>
      <c r="AG2148" s="85"/>
      <c r="AH2148" s="85"/>
      <c r="AI2148" s="85"/>
      <c r="AJ2148" s="85"/>
      <c r="AK2148" s="85"/>
      <c r="AL2148" s="85"/>
      <c r="AM2148" s="85"/>
      <c r="AN2148" s="85"/>
      <c r="AO2148" s="85"/>
      <c r="AP2148" s="85"/>
      <c r="AQ2148" s="85"/>
      <c r="AR2148" s="85"/>
      <c r="AS2148" s="85"/>
      <c r="AT2148" s="85"/>
      <c r="AU2148" s="85"/>
      <c r="AV2148" s="85"/>
      <c r="AW2148" s="85"/>
      <c r="AX2148" s="85"/>
      <c r="AY2148" s="85"/>
      <c r="AZ2148" s="85"/>
      <c r="BA2148" s="85"/>
      <c r="BB2148" s="85"/>
      <c r="BC2148" s="85"/>
      <c r="BD2148" s="85"/>
      <c r="BE2148" s="85"/>
      <c r="BF2148" s="85"/>
      <c r="BG2148" s="85"/>
      <c r="BH2148" s="85"/>
      <c r="BI2148" s="85"/>
      <c r="BJ2148" s="85"/>
      <c r="BK2148" s="85"/>
      <c r="BL2148" s="85"/>
      <c r="BM2148" s="85"/>
      <c r="BN2148" s="85"/>
      <c r="BO2148" s="85"/>
      <c r="BP2148" s="85"/>
      <c r="BQ2148" s="85"/>
      <c r="BR2148" s="85"/>
      <c r="BS2148" s="85"/>
      <c r="BT2148" s="85"/>
      <c r="BU2148" s="85"/>
      <c r="BV2148" s="85"/>
      <c r="BW2148" s="85"/>
      <c r="BX2148" s="85"/>
      <c r="BY2148" s="85"/>
      <c r="BZ2148" s="85"/>
      <c r="CA2148" s="85"/>
      <c r="CB2148" s="85"/>
      <c r="CC2148" s="85"/>
      <c r="CD2148" s="85"/>
      <c r="CE2148" s="85"/>
      <c r="CF2148" s="85"/>
      <c r="CG2148" s="85"/>
    </row>
    <row r="2149" spans="1:85" s="9" customFormat="1" x14ac:dyDescent="0.2">
      <c r="A2149" s="85"/>
      <c r="J2149" s="85"/>
      <c r="K2149" s="85"/>
      <c r="L2149" s="85"/>
      <c r="M2149" s="85"/>
      <c r="N2149" s="85"/>
      <c r="O2149" s="85"/>
      <c r="P2149" s="85"/>
      <c r="Q2149" s="85"/>
      <c r="R2149" s="85"/>
      <c r="S2149" s="85"/>
      <c r="T2149" s="85"/>
      <c r="U2149" s="85"/>
      <c r="V2149" s="85"/>
      <c r="W2149" s="85"/>
      <c r="X2149" s="85"/>
      <c r="Y2149" s="85"/>
      <c r="Z2149" s="85"/>
      <c r="AA2149" s="85"/>
      <c r="AB2149" s="85"/>
      <c r="AC2149" s="85"/>
      <c r="AD2149" s="85"/>
      <c r="AE2149" s="85"/>
      <c r="AF2149" s="85"/>
      <c r="AG2149" s="85"/>
      <c r="AH2149" s="85"/>
      <c r="AI2149" s="85"/>
      <c r="AJ2149" s="85"/>
      <c r="AK2149" s="85"/>
      <c r="AL2149" s="85"/>
      <c r="AM2149" s="85"/>
      <c r="AN2149" s="85"/>
      <c r="AO2149" s="85"/>
      <c r="AP2149" s="85"/>
      <c r="AQ2149" s="85"/>
      <c r="AR2149" s="85"/>
      <c r="AS2149" s="85"/>
      <c r="AT2149" s="85"/>
      <c r="AU2149" s="85"/>
      <c r="AV2149" s="85"/>
      <c r="AW2149" s="85"/>
      <c r="AX2149" s="85"/>
      <c r="AY2149" s="85"/>
      <c r="AZ2149" s="85"/>
      <c r="BA2149" s="85"/>
      <c r="BB2149" s="85"/>
      <c r="BC2149" s="85"/>
      <c r="BD2149" s="85"/>
      <c r="BE2149" s="85"/>
      <c r="BF2149" s="85"/>
      <c r="BG2149" s="85"/>
      <c r="BH2149" s="85"/>
      <c r="BI2149" s="85"/>
      <c r="BJ2149" s="85"/>
      <c r="BK2149" s="85"/>
      <c r="BL2149" s="85"/>
      <c r="BM2149" s="85"/>
      <c r="BN2149" s="85"/>
      <c r="BO2149" s="85"/>
      <c r="BP2149" s="85"/>
      <c r="BQ2149" s="85"/>
      <c r="BR2149" s="85"/>
      <c r="BS2149" s="85"/>
      <c r="BT2149" s="85"/>
      <c r="BU2149" s="85"/>
      <c r="BV2149" s="85"/>
      <c r="BW2149" s="85"/>
      <c r="BX2149" s="85"/>
      <c r="BY2149" s="85"/>
      <c r="BZ2149" s="85"/>
      <c r="CA2149" s="85"/>
      <c r="CB2149" s="85"/>
      <c r="CC2149" s="85"/>
      <c r="CD2149" s="85"/>
      <c r="CE2149" s="85"/>
      <c r="CF2149" s="85"/>
      <c r="CG2149" s="85"/>
    </row>
    <row r="2150" spans="1:85" s="9" customFormat="1" x14ac:dyDescent="0.2">
      <c r="A2150" s="85"/>
      <c r="J2150" s="85"/>
      <c r="K2150" s="85"/>
      <c r="L2150" s="85"/>
      <c r="M2150" s="85"/>
      <c r="N2150" s="85"/>
      <c r="O2150" s="85"/>
      <c r="P2150" s="85"/>
      <c r="Q2150" s="85"/>
      <c r="R2150" s="85"/>
      <c r="S2150" s="85"/>
      <c r="T2150" s="85"/>
      <c r="U2150" s="85"/>
      <c r="V2150" s="85"/>
      <c r="W2150" s="85"/>
      <c r="X2150" s="85"/>
      <c r="Y2150" s="85"/>
      <c r="Z2150" s="85"/>
      <c r="AA2150" s="85"/>
      <c r="AB2150" s="85"/>
      <c r="AC2150" s="85"/>
      <c r="AD2150" s="85"/>
      <c r="AE2150" s="85"/>
      <c r="AF2150" s="85"/>
      <c r="AG2150" s="85"/>
      <c r="AH2150" s="85"/>
      <c r="AI2150" s="85"/>
      <c r="AJ2150" s="85"/>
      <c r="AK2150" s="85"/>
      <c r="AL2150" s="85"/>
      <c r="AM2150" s="85"/>
      <c r="AN2150" s="85"/>
      <c r="AO2150" s="85"/>
      <c r="AP2150" s="85"/>
      <c r="AQ2150" s="85"/>
      <c r="AR2150" s="85"/>
      <c r="AS2150" s="85"/>
      <c r="AT2150" s="85"/>
      <c r="AU2150" s="85"/>
      <c r="AV2150" s="85"/>
      <c r="AW2150" s="85"/>
      <c r="AX2150" s="85"/>
      <c r="AY2150" s="85"/>
      <c r="AZ2150" s="85"/>
      <c r="BA2150" s="85"/>
      <c r="BB2150" s="85"/>
      <c r="BC2150" s="85"/>
      <c r="BD2150" s="85"/>
      <c r="BE2150" s="85"/>
      <c r="BF2150" s="85"/>
      <c r="BG2150" s="85"/>
      <c r="BH2150" s="85"/>
      <c r="BI2150" s="85"/>
      <c r="BJ2150" s="85"/>
      <c r="BK2150" s="85"/>
      <c r="BL2150" s="85"/>
      <c r="BM2150" s="85"/>
      <c r="BN2150" s="85"/>
      <c r="BO2150" s="85"/>
      <c r="BP2150" s="85"/>
      <c r="BQ2150" s="85"/>
      <c r="BR2150" s="85"/>
      <c r="BS2150" s="85"/>
      <c r="BT2150" s="85"/>
      <c r="BU2150" s="85"/>
      <c r="BV2150" s="85"/>
      <c r="BW2150" s="85"/>
      <c r="BX2150" s="85"/>
      <c r="BY2150" s="85"/>
      <c r="BZ2150" s="85"/>
      <c r="CA2150" s="85"/>
      <c r="CB2150" s="85"/>
      <c r="CC2150" s="85"/>
      <c r="CD2150" s="85"/>
      <c r="CE2150" s="85"/>
      <c r="CF2150" s="85"/>
      <c r="CG2150" s="85"/>
    </row>
    <row r="2151" spans="1:85" s="9" customFormat="1" x14ac:dyDescent="0.2">
      <c r="A2151" s="85"/>
      <c r="J2151" s="85"/>
      <c r="K2151" s="85"/>
      <c r="L2151" s="85"/>
      <c r="M2151" s="85"/>
      <c r="N2151" s="85"/>
      <c r="O2151" s="85"/>
      <c r="P2151" s="85"/>
      <c r="Q2151" s="85"/>
      <c r="R2151" s="85"/>
      <c r="S2151" s="85"/>
      <c r="T2151" s="85"/>
      <c r="U2151" s="85"/>
      <c r="V2151" s="85"/>
      <c r="W2151" s="85"/>
      <c r="X2151" s="85"/>
      <c r="Y2151" s="85"/>
      <c r="Z2151" s="85"/>
      <c r="AA2151" s="85"/>
      <c r="AB2151" s="85"/>
      <c r="AC2151" s="85"/>
      <c r="AD2151" s="85"/>
      <c r="AE2151" s="85"/>
      <c r="AF2151" s="85"/>
      <c r="AG2151" s="85"/>
      <c r="AH2151" s="85"/>
      <c r="AI2151" s="85"/>
      <c r="AJ2151" s="85"/>
      <c r="AK2151" s="85"/>
      <c r="AL2151" s="85"/>
      <c r="AM2151" s="85"/>
      <c r="AN2151" s="85"/>
      <c r="AO2151" s="85"/>
      <c r="AP2151" s="85"/>
      <c r="AQ2151" s="85"/>
      <c r="AR2151" s="85"/>
      <c r="AS2151" s="85"/>
      <c r="AT2151" s="85"/>
      <c r="AU2151" s="85"/>
      <c r="AV2151" s="85"/>
      <c r="AW2151" s="85"/>
      <c r="AX2151" s="85"/>
      <c r="AY2151" s="85"/>
      <c r="AZ2151" s="85"/>
      <c r="BA2151" s="85"/>
      <c r="BB2151" s="85"/>
      <c r="BC2151" s="85"/>
      <c r="BD2151" s="85"/>
      <c r="BE2151" s="85"/>
      <c r="BF2151" s="85"/>
      <c r="BG2151" s="85"/>
      <c r="BH2151" s="85"/>
      <c r="BI2151" s="85"/>
      <c r="BJ2151" s="85"/>
      <c r="BK2151" s="85"/>
      <c r="BL2151" s="85"/>
      <c r="BM2151" s="85"/>
      <c r="BN2151" s="85"/>
      <c r="BO2151" s="85"/>
      <c r="BP2151" s="85"/>
      <c r="BQ2151" s="85"/>
      <c r="BR2151" s="85"/>
      <c r="BS2151" s="85"/>
      <c r="BT2151" s="85"/>
      <c r="BU2151" s="85"/>
      <c r="BV2151" s="85"/>
      <c r="BW2151" s="85"/>
      <c r="BX2151" s="85"/>
      <c r="BY2151" s="85"/>
      <c r="BZ2151" s="85"/>
      <c r="CA2151" s="85"/>
      <c r="CB2151" s="85"/>
      <c r="CC2151" s="85"/>
      <c r="CD2151" s="85"/>
      <c r="CE2151" s="85"/>
      <c r="CF2151" s="85"/>
      <c r="CG2151" s="85"/>
    </row>
    <row r="2152" spans="1:85" s="9" customFormat="1" x14ac:dyDescent="0.2">
      <c r="A2152" s="85"/>
      <c r="J2152" s="85"/>
      <c r="K2152" s="85"/>
      <c r="L2152" s="85"/>
      <c r="M2152" s="85"/>
      <c r="N2152" s="85"/>
      <c r="O2152" s="85"/>
      <c r="P2152" s="85"/>
      <c r="Q2152" s="85"/>
      <c r="R2152" s="85"/>
      <c r="S2152" s="85"/>
      <c r="T2152" s="85"/>
      <c r="U2152" s="85"/>
      <c r="V2152" s="85"/>
      <c r="W2152" s="85"/>
      <c r="X2152" s="85"/>
      <c r="Y2152" s="85"/>
      <c r="Z2152" s="85"/>
      <c r="AA2152" s="85"/>
      <c r="AB2152" s="85"/>
      <c r="AC2152" s="85"/>
      <c r="AD2152" s="85"/>
      <c r="AE2152" s="85"/>
      <c r="AF2152" s="85"/>
      <c r="AG2152" s="85"/>
      <c r="AH2152" s="85"/>
      <c r="AI2152" s="85"/>
      <c r="AJ2152" s="85"/>
      <c r="AK2152" s="85"/>
      <c r="AL2152" s="85"/>
      <c r="AM2152" s="85"/>
      <c r="AN2152" s="85"/>
      <c r="AO2152" s="85"/>
      <c r="AP2152" s="85"/>
      <c r="AQ2152" s="85"/>
      <c r="AR2152" s="85"/>
      <c r="AS2152" s="85"/>
      <c r="AT2152" s="85"/>
      <c r="AU2152" s="85"/>
      <c r="AV2152" s="85"/>
      <c r="AW2152" s="85"/>
      <c r="AX2152" s="85"/>
      <c r="AY2152" s="85"/>
      <c r="AZ2152" s="85"/>
      <c r="BA2152" s="85"/>
      <c r="BB2152" s="85"/>
      <c r="BC2152" s="85"/>
      <c r="BD2152" s="85"/>
      <c r="BE2152" s="85"/>
      <c r="BF2152" s="85"/>
      <c r="BG2152" s="85"/>
      <c r="BH2152" s="85"/>
      <c r="BI2152" s="85"/>
      <c r="BJ2152" s="85"/>
      <c r="BK2152" s="85"/>
      <c r="BL2152" s="85"/>
      <c r="BM2152" s="85"/>
      <c r="BN2152" s="85"/>
      <c r="BO2152" s="85"/>
      <c r="BP2152" s="85"/>
      <c r="BQ2152" s="85"/>
      <c r="BR2152" s="85"/>
      <c r="BS2152" s="85"/>
      <c r="BT2152" s="85"/>
      <c r="BU2152" s="85"/>
      <c r="BV2152" s="85"/>
      <c r="BW2152" s="85"/>
      <c r="BX2152" s="85"/>
      <c r="BY2152" s="85"/>
      <c r="BZ2152" s="85"/>
      <c r="CA2152" s="85"/>
      <c r="CB2152" s="85"/>
      <c r="CC2152" s="85"/>
      <c r="CD2152" s="85"/>
      <c r="CE2152" s="85"/>
      <c r="CF2152" s="85"/>
      <c r="CG2152" s="85"/>
    </row>
    <row r="2153" spans="1:85" s="9" customFormat="1" x14ac:dyDescent="0.2">
      <c r="A2153" s="85"/>
      <c r="J2153" s="85"/>
      <c r="K2153" s="85"/>
      <c r="L2153" s="85"/>
      <c r="M2153" s="85"/>
      <c r="N2153" s="85"/>
      <c r="O2153" s="85"/>
      <c r="P2153" s="85"/>
      <c r="Q2153" s="85"/>
      <c r="R2153" s="85"/>
      <c r="S2153" s="85"/>
      <c r="T2153" s="85"/>
      <c r="U2153" s="85"/>
      <c r="V2153" s="85"/>
      <c r="W2153" s="85"/>
      <c r="X2153" s="85"/>
      <c r="Y2153" s="85"/>
      <c r="Z2153" s="85"/>
      <c r="AA2153" s="85"/>
      <c r="AB2153" s="85"/>
      <c r="AC2153" s="85"/>
      <c r="AD2153" s="85"/>
      <c r="AE2153" s="85"/>
      <c r="AF2153" s="85"/>
      <c r="AG2153" s="85"/>
      <c r="AH2153" s="85"/>
      <c r="AI2153" s="85"/>
      <c r="AJ2153" s="85"/>
      <c r="AK2153" s="85"/>
      <c r="AL2153" s="85"/>
      <c r="AM2153" s="85"/>
      <c r="AN2153" s="85"/>
      <c r="AO2153" s="85"/>
      <c r="AP2153" s="85"/>
      <c r="AQ2153" s="85"/>
      <c r="AR2153" s="85"/>
      <c r="AS2153" s="85"/>
      <c r="AT2153" s="85"/>
      <c r="AU2153" s="85"/>
      <c r="AV2153" s="85"/>
      <c r="AW2153" s="85"/>
      <c r="AX2153" s="85"/>
      <c r="AY2153" s="85"/>
      <c r="AZ2153" s="85"/>
      <c r="BA2153" s="85"/>
      <c r="BB2153" s="85"/>
      <c r="BC2153" s="85"/>
      <c r="BD2153" s="85"/>
      <c r="BE2153" s="85"/>
      <c r="BF2153" s="85"/>
      <c r="BG2153" s="85"/>
      <c r="BH2153" s="85"/>
      <c r="BI2153" s="85"/>
      <c r="BJ2153" s="85"/>
      <c r="BK2153" s="85"/>
      <c r="BL2153" s="85"/>
      <c r="BM2153" s="85"/>
      <c r="BN2153" s="85"/>
      <c r="BO2153" s="85"/>
      <c r="BP2153" s="85"/>
      <c r="BQ2153" s="85"/>
      <c r="BR2153" s="85"/>
      <c r="BS2153" s="85"/>
      <c r="BT2153" s="85"/>
      <c r="BU2153" s="85"/>
      <c r="BV2153" s="85"/>
      <c r="BW2153" s="85"/>
      <c r="BX2153" s="85"/>
      <c r="BY2153" s="85"/>
      <c r="BZ2153" s="85"/>
      <c r="CA2153" s="85"/>
      <c r="CB2153" s="85"/>
      <c r="CC2153" s="85"/>
      <c r="CD2153" s="85"/>
      <c r="CE2153" s="85"/>
      <c r="CF2153" s="85"/>
      <c r="CG2153" s="85"/>
    </row>
    <row r="2154" spans="1:85" s="9" customFormat="1" x14ac:dyDescent="0.2">
      <c r="A2154" s="85"/>
      <c r="J2154" s="85"/>
      <c r="K2154" s="85"/>
      <c r="L2154" s="85"/>
      <c r="M2154" s="85"/>
      <c r="N2154" s="85"/>
      <c r="O2154" s="85"/>
      <c r="P2154" s="85"/>
      <c r="Q2154" s="85"/>
      <c r="R2154" s="85"/>
      <c r="S2154" s="85"/>
      <c r="T2154" s="85"/>
      <c r="U2154" s="85"/>
      <c r="V2154" s="85"/>
      <c r="W2154" s="85"/>
      <c r="X2154" s="85"/>
      <c r="Y2154" s="85"/>
      <c r="Z2154" s="85"/>
      <c r="AA2154" s="85"/>
      <c r="AB2154" s="85"/>
      <c r="AC2154" s="85"/>
      <c r="AD2154" s="85"/>
      <c r="AE2154" s="85"/>
      <c r="AF2154" s="85"/>
      <c r="AG2154" s="85"/>
      <c r="AH2154" s="85"/>
      <c r="AI2154" s="85"/>
      <c r="AJ2154" s="85"/>
      <c r="AK2154" s="85"/>
      <c r="AL2154" s="85"/>
      <c r="AM2154" s="85"/>
      <c r="AN2154" s="85"/>
      <c r="AO2154" s="85"/>
      <c r="AP2154" s="85"/>
      <c r="AQ2154" s="85"/>
      <c r="AR2154" s="85"/>
      <c r="AS2154" s="85"/>
      <c r="AT2154" s="85"/>
      <c r="AU2154" s="85"/>
      <c r="AV2154" s="85"/>
      <c r="AW2154" s="85"/>
      <c r="AX2154" s="85"/>
      <c r="AY2154" s="85"/>
      <c r="AZ2154" s="85"/>
      <c r="BA2154" s="85"/>
      <c r="BB2154" s="85"/>
      <c r="BC2154" s="85"/>
      <c r="BD2154" s="85"/>
      <c r="BE2154" s="85"/>
      <c r="BF2154" s="85"/>
      <c r="BG2154" s="85"/>
      <c r="BH2154" s="85"/>
      <c r="BI2154" s="85"/>
      <c r="BJ2154" s="85"/>
      <c r="BK2154" s="85"/>
      <c r="BL2154" s="85"/>
      <c r="BM2154" s="85"/>
      <c r="BN2154" s="85"/>
      <c r="BO2154" s="85"/>
      <c r="BP2154" s="85"/>
      <c r="BQ2154" s="85"/>
      <c r="BR2154" s="85"/>
      <c r="BS2154" s="85"/>
      <c r="BT2154" s="85"/>
      <c r="BU2154" s="85"/>
      <c r="BV2154" s="85"/>
      <c r="BW2154" s="85"/>
      <c r="BX2154" s="85"/>
      <c r="BY2154" s="85"/>
      <c r="BZ2154" s="85"/>
      <c r="CA2154" s="85"/>
      <c r="CB2154" s="85"/>
      <c r="CC2154" s="85"/>
      <c r="CD2154" s="85"/>
      <c r="CE2154" s="85"/>
      <c r="CF2154" s="85"/>
      <c r="CG2154" s="85"/>
    </row>
    <row r="2155" spans="1:85" s="9" customFormat="1" x14ac:dyDescent="0.2">
      <c r="A2155" s="85"/>
      <c r="J2155" s="85"/>
      <c r="K2155" s="85"/>
      <c r="L2155" s="85"/>
      <c r="M2155" s="85"/>
      <c r="N2155" s="85"/>
      <c r="O2155" s="85"/>
      <c r="P2155" s="85"/>
      <c r="Q2155" s="85"/>
      <c r="R2155" s="85"/>
      <c r="S2155" s="85"/>
      <c r="T2155" s="85"/>
      <c r="U2155" s="85"/>
      <c r="V2155" s="85"/>
      <c r="W2155" s="85"/>
      <c r="X2155" s="85"/>
      <c r="Y2155" s="85"/>
      <c r="Z2155" s="85"/>
      <c r="AA2155" s="85"/>
      <c r="AB2155" s="85"/>
      <c r="AC2155" s="85"/>
      <c r="AD2155" s="85"/>
      <c r="AE2155" s="85"/>
      <c r="AF2155" s="85"/>
      <c r="AG2155" s="85"/>
      <c r="AH2155" s="85"/>
      <c r="AI2155" s="85"/>
      <c r="AJ2155" s="85"/>
      <c r="AK2155" s="85"/>
      <c r="AL2155" s="85"/>
      <c r="AM2155" s="85"/>
      <c r="AN2155" s="85"/>
      <c r="AO2155" s="85"/>
      <c r="AP2155" s="85"/>
      <c r="AQ2155" s="85"/>
      <c r="AR2155" s="85"/>
      <c r="AS2155" s="85"/>
      <c r="AT2155" s="85"/>
      <c r="AU2155" s="85"/>
      <c r="AV2155" s="85"/>
      <c r="AW2155" s="85"/>
      <c r="AX2155" s="85"/>
      <c r="AY2155" s="85"/>
      <c r="AZ2155" s="85"/>
      <c r="BA2155" s="85"/>
      <c r="BB2155" s="85"/>
      <c r="BC2155" s="85"/>
      <c r="BD2155" s="85"/>
      <c r="BE2155" s="85"/>
      <c r="BF2155" s="85"/>
      <c r="BG2155" s="85"/>
      <c r="BH2155" s="85"/>
      <c r="BI2155" s="85"/>
      <c r="BJ2155" s="85"/>
      <c r="BK2155" s="85"/>
      <c r="BL2155" s="85"/>
      <c r="BM2155" s="85"/>
      <c r="BN2155" s="85"/>
      <c r="BO2155" s="85"/>
      <c r="BP2155" s="85"/>
      <c r="BQ2155" s="85"/>
      <c r="BR2155" s="85"/>
      <c r="BS2155" s="85"/>
      <c r="BT2155" s="85"/>
      <c r="BU2155" s="85"/>
      <c r="BV2155" s="85"/>
      <c r="BW2155" s="85"/>
      <c r="BX2155" s="85"/>
      <c r="BY2155" s="85"/>
      <c r="BZ2155" s="85"/>
      <c r="CA2155" s="85"/>
      <c r="CB2155" s="85"/>
      <c r="CC2155" s="85"/>
      <c r="CD2155" s="85"/>
      <c r="CE2155" s="85"/>
      <c r="CF2155" s="85"/>
      <c r="CG2155" s="85"/>
    </row>
    <row r="2156" spans="1:85" s="9" customFormat="1" x14ac:dyDescent="0.2">
      <c r="A2156" s="85"/>
      <c r="J2156" s="85"/>
      <c r="K2156" s="85"/>
      <c r="L2156" s="85"/>
      <c r="M2156" s="85"/>
      <c r="N2156" s="85"/>
      <c r="O2156" s="85"/>
      <c r="P2156" s="85"/>
      <c r="Q2156" s="85"/>
      <c r="R2156" s="85"/>
      <c r="S2156" s="85"/>
      <c r="T2156" s="85"/>
      <c r="U2156" s="85"/>
      <c r="V2156" s="85"/>
      <c r="W2156" s="85"/>
      <c r="X2156" s="85"/>
      <c r="Y2156" s="85"/>
      <c r="Z2156" s="85"/>
      <c r="AA2156" s="85"/>
      <c r="AB2156" s="85"/>
      <c r="AC2156" s="85"/>
      <c r="AD2156" s="85"/>
      <c r="AE2156" s="85"/>
      <c r="AF2156" s="85"/>
      <c r="AG2156" s="85"/>
      <c r="AH2156" s="85"/>
      <c r="AI2156" s="85"/>
      <c r="AJ2156" s="85"/>
      <c r="AK2156" s="85"/>
      <c r="AL2156" s="85"/>
      <c r="AM2156" s="85"/>
      <c r="AN2156" s="85"/>
      <c r="AO2156" s="85"/>
      <c r="AP2156" s="85"/>
      <c r="AQ2156" s="85"/>
      <c r="AR2156" s="85"/>
      <c r="AS2156" s="85"/>
      <c r="AT2156" s="85"/>
      <c r="AU2156" s="85"/>
      <c r="AV2156" s="85"/>
      <c r="AW2156" s="85"/>
      <c r="AX2156" s="85"/>
      <c r="AY2156" s="85"/>
      <c r="AZ2156" s="85"/>
      <c r="BA2156" s="85"/>
      <c r="BB2156" s="85"/>
      <c r="BC2156" s="85"/>
      <c r="BD2156" s="85"/>
      <c r="BE2156" s="85"/>
      <c r="BF2156" s="85"/>
      <c r="BG2156" s="85"/>
      <c r="BH2156" s="85"/>
      <c r="BI2156" s="85"/>
      <c r="BJ2156" s="85"/>
      <c r="BK2156" s="85"/>
      <c r="BL2156" s="85"/>
      <c r="BM2156" s="85"/>
      <c r="BN2156" s="85"/>
      <c r="BO2156" s="85"/>
      <c r="BP2156" s="85"/>
      <c r="BQ2156" s="85"/>
      <c r="BR2156" s="85"/>
      <c r="BS2156" s="85"/>
      <c r="BT2156" s="85"/>
      <c r="BU2156" s="85"/>
      <c r="BV2156" s="85"/>
      <c r="BW2156" s="85"/>
      <c r="BX2156" s="85"/>
      <c r="BY2156" s="85"/>
      <c r="BZ2156" s="85"/>
      <c r="CA2156" s="85"/>
      <c r="CB2156" s="85"/>
      <c r="CC2156" s="85"/>
      <c r="CD2156" s="85"/>
      <c r="CE2156" s="85"/>
      <c r="CF2156" s="85"/>
      <c r="CG2156" s="85"/>
    </row>
    <row r="2157" spans="1:85" s="9" customFormat="1" x14ac:dyDescent="0.2">
      <c r="A2157" s="85"/>
      <c r="J2157" s="85"/>
      <c r="K2157" s="85"/>
      <c r="L2157" s="85"/>
      <c r="M2157" s="85"/>
      <c r="N2157" s="85"/>
      <c r="O2157" s="85"/>
      <c r="P2157" s="85"/>
      <c r="Q2157" s="85"/>
      <c r="R2157" s="85"/>
      <c r="S2157" s="85"/>
      <c r="T2157" s="85"/>
      <c r="U2157" s="85"/>
      <c r="V2157" s="85"/>
      <c r="W2157" s="85"/>
      <c r="X2157" s="85"/>
      <c r="Y2157" s="85"/>
      <c r="Z2157" s="85"/>
      <c r="AA2157" s="85"/>
      <c r="AB2157" s="85"/>
      <c r="AC2157" s="85"/>
      <c r="AD2157" s="85"/>
      <c r="AE2157" s="85"/>
      <c r="AF2157" s="85"/>
      <c r="AG2157" s="85"/>
      <c r="AH2157" s="85"/>
      <c r="AI2157" s="85"/>
      <c r="AJ2157" s="85"/>
      <c r="AK2157" s="85"/>
      <c r="AL2157" s="85"/>
      <c r="AM2157" s="85"/>
      <c r="AN2157" s="85"/>
      <c r="AO2157" s="85"/>
      <c r="AP2157" s="85"/>
      <c r="AQ2157" s="85"/>
      <c r="AR2157" s="85"/>
      <c r="AS2157" s="85"/>
      <c r="AT2157" s="85"/>
      <c r="AU2157" s="85"/>
      <c r="AV2157" s="85"/>
      <c r="AW2157" s="85"/>
      <c r="AX2157" s="85"/>
      <c r="AY2157" s="85"/>
      <c r="AZ2157" s="85"/>
      <c r="BA2157" s="85"/>
      <c r="BB2157" s="85"/>
      <c r="BC2157" s="85"/>
      <c r="BD2157" s="85"/>
      <c r="BE2157" s="85"/>
      <c r="BF2157" s="85"/>
      <c r="BG2157" s="85"/>
      <c r="BH2157" s="85"/>
      <c r="BI2157" s="85"/>
      <c r="BJ2157" s="85"/>
      <c r="BK2157" s="85"/>
      <c r="BL2157" s="85"/>
      <c r="BM2157" s="85"/>
      <c r="BN2157" s="85"/>
      <c r="BO2157" s="85"/>
      <c r="BP2157" s="85"/>
      <c r="BQ2157" s="85"/>
      <c r="BR2157" s="85"/>
      <c r="BS2157" s="85"/>
      <c r="BT2157" s="85"/>
      <c r="BU2157" s="85"/>
      <c r="BV2157" s="85"/>
      <c r="BW2157" s="85"/>
      <c r="BX2157" s="85"/>
      <c r="BY2157" s="85"/>
      <c r="BZ2157" s="85"/>
      <c r="CA2157" s="85"/>
      <c r="CB2157" s="85"/>
      <c r="CC2157" s="85"/>
      <c r="CD2157" s="85"/>
      <c r="CE2157" s="85"/>
      <c r="CF2157" s="85"/>
      <c r="CG2157" s="85"/>
    </row>
    <row r="2158" spans="1:85" s="9" customFormat="1" x14ac:dyDescent="0.2">
      <c r="A2158" s="85"/>
      <c r="J2158" s="85"/>
      <c r="K2158" s="85"/>
      <c r="L2158" s="85"/>
      <c r="M2158" s="85"/>
      <c r="N2158" s="85"/>
      <c r="O2158" s="85"/>
      <c r="P2158" s="85"/>
      <c r="Q2158" s="85"/>
      <c r="R2158" s="85"/>
      <c r="S2158" s="85"/>
      <c r="T2158" s="85"/>
      <c r="U2158" s="85"/>
      <c r="V2158" s="85"/>
      <c r="W2158" s="85"/>
      <c r="X2158" s="85"/>
      <c r="Y2158" s="85"/>
      <c r="Z2158" s="85"/>
      <c r="AA2158" s="85"/>
      <c r="AB2158" s="85"/>
      <c r="AC2158" s="85"/>
      <c r="AD2158" s="85"/>
      <c r="AE2158" s="85"/>
      <c r="AF2158" s="85"/>
      <c r="AG2158" s="85"/>
      <c r="AH2158" s="85"/>
      <c r="AI2158" s="85"/>
      <c r="AJ2158" s="85"/>
      <c r="AK2158" s="85"/>
      <c r="AL2158" s="85"/>
      <c r="AM2158" s="85"/>
      <c r="AN2158" s="85"/>
      <c r="AO2158" s="85"/>
      <c r="AP2158" s="85"/>
      <c r="AQ2158" s="85"/>
      <c r="AR2158" s="85"/>
      <c r="AS2158" s="85"/>
      <c r="AT2158" s="85"/>
      <c r="AU2158" s="85"/>
      <c r="AV2158" s="85"/>
      <c r="AW2158" s="85"/>
      <c r="AX2158" s="85"/>
      <c r="AY2158" s="85"/>
      <c r="AZ2158" s="85"/>
      <c r="BA2158" s="85"/>
      <c r="BB2158" s="85"/>
      <c r="BC2158" s="85"/>
      <c r="BD2158" s="85"/>
      <c r="BE2158" s="85"/>
      <c r="BF2158" s="85"/>
      <c r="BG2158" s="85"/>
      <c r="BH2158" s="85"/>
      <c r="BI2158" s="85"/>
      <c r="BJ2158" s="85"/>
      <c r="BK2158" s="85"/>
      <c r="BL2158" s="85"/>
      <c r="BM2158" s="85"/>
      <c r="BN2158" s="85"/>
      <c r="BO2158" s="85"/>
      <c r="BP2158" s="85"/>
      <c r="BQ2158" s="85"/>
      <c r="BR2158" s="85"/>
      <c r="BS2158" s="85"/>
      <c r="BT2158" s="85"/>
      <c r="BU2158" s="85"/>
      <c r="BV2158" s="85"/>
      <c r="BW2158" s="85"/>
      <c r="BX2158" s="85"/>
      <c r="BY2158" s="85"/>
      <c r="BZ2158" s="85"/>
      <c r="CA2158" s="85"/>
      <c r="CB2158" s="85"/>
      <c r="CC2158" s="85"/>
      <c r="CD2158" s="85"/>
      <c r="CE2158" s="85"/>
      <c r="CF2158" s="85"/>
      <c r="CG2158" s="85"/>
    </row>
    <row r="2159" spans="1:85" s="9" customFormat="1" x14ac:dyDescent="0.2">
      <c r="A2159" s="85"/>
      <c r="J2159" s="85"/>
      <c r="K2159" s="85"/>
      <c r="L2159" s="85"/>
      <c r="M2159" s="85"/>
      <c r="N2159" s="85"/>
      <c r="O2159" s="85"/>
      <c r="P2159" s="85"/>
      <c r="Q2159" s="85"/>
      <c r="R2159" s="85"/>
      <c r="S2159" s="85"/>
      <c r="T2159" s="85"/>
      <c r="U2159" s="85"/>
      <c r="V2159" s="85"/>
      <c r="W2159" s="85"/>
      <c r="X2159" s="85"/>
      <c r="Y2159" s="85"/>
      <c r="Z2159" s="85"/>
      <c r="AA2159" s="85"/>
      <c r="AB2159" s="85"/>
      <c r="AC2159" s="85"/>
      <c r="AD2159" s="85"/>
      <c r="AE2159" s="85"/>
      <c r="AF2159" s="85"/>
      <c r="AG2159" s="85"/>
      <c r="AH2159" s="85"/>
      <c r="AI2159" s="85"/>
      <c r="AJ2159" s="85"/>
      <c r="AK2159" s="85"/>
      <c r="AL2159" s="85"/>
      <c r="AM2159" s="85"/>
      <c r="AN2159" s="85"/>
      <c r="AO2159" s="85"/>
      <c r="AP2159" s="85"/>
      <c r="AQ2159" s="85"/>
      <c r="AR2159" s="85"/>
      <c r="AS2159" s="85"/>
      <c r="AT2159" s="85"/>
      <c r="AU2159" s="85"/>
      <c r="AV2159" s="85"/>
      <c r="AW2159" s="85"/>
      <c r="AX2159" s="85"/>
      <c r="AY2159" s="85"/>
      <c r="AZ2159" s="85"/>
      <c r="BA2159" s="85"/>
      <c r="BB2159" s="85"/>
      <c r="BC2159" s="85"/>
      <c r="BD2159" s="85"/>
      <c r="BE2159" s="85"/>
      <c r="BF2159" s="85"/>
      <c r="BG2159" s="85"/>
      <c r="BH2159" s="85"/>
      <c r="BI2159" s="85"/>
      <c r="BJ2159" s="85"/>
      <c r="BK2159" s="85"/>
      <c r="BL2159" s="85"/>
      <c r="BM2159" s="85"/>
      <c r="BN2159" s="85"/>
      <c r="BO2159" s="85"/>
      <c r="BP2159" s="85"/>
      <c r="BQ2159" s="85"/>
      <c r="BR2159" s="85"/>
      <c r="BS2159" s="85"/>
      <c r="BT2159" s="85"/>
      <c r="BU2159" s="85"/>
      <c r="BV2159" s="85"/>
      <c r="BW2159" s="85"/>
      <c r="BX2159" s="85"/>
      <c r="BY2159" s="85"/>
      <c r="BZ2159" s="85"/>
      <c r="CA2159" s="85"/>
      <c r="CB2159" s="85"/>
      <c r="CC2159" s="85"/>
      <c r="CD2159" s="85"/>
      <c r="CE2159" s="85"/>
      <c r="CF2159" s="85"/>
      <c r="CG2159" s="85"/>
    </row>
    <row r="2160" spans="1:85" s="9" customFormat="1" x14ac:dyDescent="0.2">
      <c r="A2160" s="85"/>
      <c r="J2160" s="85"/>
      <c r="K2160" s="85"/>
      <c r="L2160" s="85"/>
      <c r="M2160" s="85"/>
      <c r="N2160" s="85"/>
      <c r="O2160" s="85"/>
      <c r="P2160" s="85"/>
      <c r="Q2160" s="85"/>
      <c r="R2160" s="85"/>
      <c r="S2160" s="85"/>
      <c r="T2160" s="85"/>
      <c r="U2160" s="85"/>
      <c r="V2160" s="85"/>
      <c r="W2160" s="85"/>
      <c r="X2160" s="85"/>
      <c r="Y2160" s="85"/>
      <c r="Z2160" s="85"/>
      <c r="AA2160" s="85"/>
      <c r="AB2160" s="85"/>
      <c r="AC2160" s="85"/>
      <c r="AD2160" s="85"/>
      <c r="AE2160" s="85"/>
      <c r="AF2160" s="85"/>
      <c r="AG2160" s="85"/>
      <c r="AH2160" s="85"/>
      <c r="AI2160" s="85"/>
      <c r="AJ2160" s="85"/>
      <c r="AK2160" s="85"/>
      <c r="AL2160" s="85"/>
      <c r="AM2160" s="85"/>
      <c r="AN2160" s="85"/>
      <c r="AO2160" s="85"/>
      <c r="AP2160" s="85"/>
      <c r="AQ2160" s="85"/>
      <c r="AR2160" s="85"/>
      <c r="AS2160" s="85"/>
      <c r="AT2160" s="85"/>
      <c r="AU2160" s="85"/>
      <c r="AV2160" s="85"/>
      <c r="AW2160" s="85"/>
      <c r="AX2160" s="85"/>
      <c r="AY2160" s="85"/>
      <c r="AZ2160" s="85"/>
      <c r="BA2160" s="85"/>
      <c r="BB2160" s="85"/>
      <c r="BC2160" s="85"/>
      <c r="BD2160" s="85"/>
      <c r="BE2160" s="85"/>
      <c r="BF2160" s="85"/>
      <c r="BG2160" s="85"/>
      <c r="BH2160" s="85"/>
      <c r="BI2160" s="85"/>
      <c r="BJ2160" s="85"/>
      <c r="BK2160" s="85"/>
      <c r="BL2160" s="85"/>
      <c r="BM2160" s="85"/>
      <c r="BN2160" s="85"/>
      <c r="BO2160" s="85"/>
      <c r="BP2160" s="85"/>
      <c r="BQ2160" s="85"/>
      <c r="BR2160" s="85"/>
      <c r="BS2160" s="85"/>
      <c r="BT2160" s="85"/>
      <c r="BU2160" s="85"/>
      <c r="BV2160" s="85"/>
      <c r="BW2160" s="85"/>
      <c r="BX2160" s="85"/>
      <c r="BY2160" s="85"/>
      <c r="BZ2160" s="85"/>
      <c r="CA2160" s="85"/>
      <c r="CB2160" s="85"/>
      <c r="CC2160" s="85"/>
      <c r="CD2160" s="85"/>
      <c r="CE2160" s="85"/>
      <c r="CF2160" s="85"/>
      <c r="CG2160" s="85"/>
    </row>
    <row r="2161" spans="1:85" s="9" customFormat="1" x14ac:dyDescent="0.2">
      <c r="A2161" s="85"/>
      <c r="J2161" s="85"/>
      <c r="K2161" s="85"/>
      <c r="L2161" s="85"/>
      <c r="M2161" s="85"/>
      <c r="N2161" s="85"/>
      <c r="O2161" s="85"/>
      <c r="P2161" s="85"/>
      <c r="Q2161" s="85"/>
      <c r="R2161" s="85"/>
      <c r="S2161" s="85"/>
      <c r="T2161" s="85"/>
      <c r="U2161" s="85"/>
      <c r="V2161" s="85"/>
      <c r="W2161" s="85"/>
      <c r="X2161" s="85"/>
      <c r="Y2161" s="85"/>
      <c r="Z2161" s="85"/>
      <c r="AA2161" s="85"/>
      <c r="AB2161" s="85"/>
      <c r="AC2161" s="85"/>
      <c r="AD2161" s="85"/>
      <c r="AE2161" s="85"/>
      <c r="AF2161" s="85"/>
      <c r="AG2161" s="85"/>
      <c r="AH2161" s="85"/>
      <c r="AI2161" s="85"/>
      <c r="AJ2161" s="85"/>
      <c r="AK2161" s="85"/>
      <c r="AL2161" s="85"/>
      <c r="AM2161" s="85"/>
      <c r="AN2161" s="85"/>
      <c r="AO2161" s="85"/>
      <c r="AP2161" s="85"/>
      <c r="AQ2161" s="85"/>
      <c r="AR2161" s="85"/>
      <c r="AS2161" s="85"/>
      <c r="AT2161" s="85"/>
      <c r="AU2161" s="85"/>
      <c r="AV2161" s="85"/>
      <c r="AW2161" s="85"/>
      <c r="AX2161" s="85"/>
      <c r="AY2161" s="85"/>
      <c r="AZ2161" s="85"/>
      <c r="BA2161" s="85"/>
      <c r="BB2161" s="85"/>
      <c r="BC2161" s="85"/>
      <c r="BD2161" s="85"/>
      <c r="BE2161" s="85"/>
      <c r="BF2161" s="85"/>
      <c r="BG2161" s="85"/>
      <c r="BH2161" s="85"/>
      <c r="BI2161" s="85"/>
      <c r="BJ2161" s="85"/>
      <c r="BK2161" s="85"/>
      <c r="BL2161" s="85"/>
      <c r="BM2161" s="85"/>
      <c r="BN2161" s="85"/>
      <c r="BO2161" s="85"/>
      <c r="BP2161" s="85"/>
      <c r="BQ2161" s="85"/>
      <c r="BR2161" s="85"/>
      <c r="BS2161" s="85"/>
      <c r="BT2161" s="85"/>
      <c r="BU2161" s="85"/>
      <c r="BV2161" s="85"/>
      <c r="BW2161" s="85"/>
      <c r="BX2161" s="85"/>
      <c r="BY2161" s="85"/>
      <c r="BZ2161" s="85"/>
      <c r="CA2161" s="85"/>
      <c r="CB2161" s="85"/>
      <c r="CC2161" s="85"/>
      <c r="CD2161" s="85"/>
      <c r="CE2161" s="85"/>
      <c r="CF2161" s="85"/>
      <c r="CG2161" s="85"/>
    </row>
    <row r="2162" spans="1:85" s="9" customFormat="1" x14ac:dyDescent="0.2">
      <c r="A2162" s="85"/>
      <c r="J2162" s="85"/>
      <c r="K2162" s="85"/>
      <c r="L2162" s="85"/>
      <c r="M2162" s="85"/>
      <c r="N2162" s="85"/>
      <c r="O2162" s="85"/>
      <c r="P2162" s="85"/>
      <c r="Q2162" s="85"/>
      <c r="R2162" s="85"/>
      <c r="S2162" s="85"/>
      <c r="T2162" s="85"/>
      <c r="U2162" s="85"/>
      <c r="V2162" s="85"/>
      <c r="W2162" s="85"/>
      <c r="X2162" s="85"/>
      <c r="Y2162" s="85"/>
      <c r="Z2162" s="85"/>
      <c r="AA2162" s="85"/>
      <c r="AB2162" s="85"/>
      <c r="AC2162" s="85"/>
      <c r="AD2162" s="85"/>
      <c r="AE2162" s="85"/>
      <c r="AF2162" s="85"/>
      <c r="AG2162" s="85"/>
      <c r="AH2162" s="85"/>
      <c r="AI2162" s="85"/>
      <c r="AJ2162" s="85"/>
      <c r="AK2162" s="85"/>
      <c r="AL2162" s="85"/>
      <c r="AM2162" s="85"/>
      <c r="AN2162" s="85"/>
      <c r="AO2162" s="85"/>
      <c r="AP2162" s="85"/>
      <c r="AQ2162" s="85"/>
      <c r="AR2162" s="85"/>
      <c r="AS2162" s="85"/>
      <c r="AT2162" s="85"/>
      <c r="AU2162" s="85"/>
      <c r="AV2162" s="85"/>
      <c r="AW2162" s="85"/>
      <c r="AX2162" s="85"/>
      <c r="AY2162" s="85"/>
      <c r="AZ2162" s="85"/>
      <c r="BA2162" s="85"/>
      <c r="BB2162" s="85"/>
      <c r="BC2162" s="85"/>
      <c r="BD2162" s="85"/>
      <c r="BE2162" s="85"/>
      <c r="BF2162" s="85"/>
      <c r="BG2162" s="85"/>
      <c r="BH2162" s="85"/>
      <c r="BI2162" s="85"/>
      <c r="BJ2162" s="85"/>
      <c r="BK2162" s="85"/>
      <c r="BL2162" s="85"/>
      <c r="BM2162" s="85"/>
      <c r="BN2162" s="85"/>
      <c r="BO2162" s="85"/>
      <c r="BP2162" s="85"/>
      <c r="BQ2162" s="85"/>
      <c r="BR2162" s="85"/>
      <c r="BS2162" s="85"/>
      <c r="BT2162" s="85"/>
      <c r="BU2162" s="85"/>
      <c r="BV2162" s="85"/>
      <c r="BW2162" s="85"/>
      <c r="BX2162" s="85"/>
      <c r="BY2162" s="85"/>
      <c r="BZ2162" s="85"/>
      <c r="CA2162" s="85"/>
      <c r="CB2162" s="85"/>
      <c r="CC2162" s="85"/>
      <c r="CD2162" s="85"/>
      <c r="CE2162" s="85"/>
      <c r="CF2162" s="85"/>
      <c r="CG2162" s="85"/>
    </row>
    <row r="2163" spans="1:85" s="9" customFormat="1" x14ac:dyDescent="0.2">
      <c r="A2163" s="85"/>
      <c r="J2163" s="85"/>
      <c r="K2163" s="85"/>
      <c r="L2163" s="85"/>
      <c r="M2163" s="85"/>
      <c r="N2163" s="85"/>
      <c r="O2163" s="85"/>
      <c r="P2163" s="85"/>
      <c r="Q2163" s="85"/>
      <c r="R2163" s="85"/>
      <c r="S2163" s="85"/>
      <c r="T2163" s="85"/>
      <c r="U2163" s="85"/>
      <c r="V2163" s="85"/>
      <c r="W2163" s="85"/>
      <c r="X2163" s="85"/>
      <c r="Y2163" s="85"/>
      <c r="Z2163" s="85"/>
      <c r="AA2163" s="85"/>
      <c r="AB2163" s="85"/>
      <c r="AC2163" s="85"/>
      <c r="AD2163" s="85"/>
      <c r="AE2163" s="85"/>
      <c r="AF2163" s="85"/>
      <c r="AG2163" s="85"/>
      <c r="AH2163" s="85"/>
      <c r="AI2163" s="85"/>
      <c r="AJ2163" s="85"/>
      <c r="AK2163" s="85"/>
      <c r="AL2163" s="85"/>
      <c r="AM2163" s="85"/>
      <c r="AN2163" s="85"/>
      <c r="AO2163" s="85"/>
      <c r="AP2163" s="85"/>
      <c r="AQ2163" s="85"/>
      <c r="AR2163" s="85"/>
      <c r="AS2163" s="85"/>
      <c r="AT2163" s="85"/>
      <c r="AU2163" s="85"/>
      <c r="AV2163" s="85"/>
      <c r="AW2163" s="85"/>
      <c r="AX2163" s="85"/>
      <c r="AY2163" s="85"/>
      <c r="AZ2163" s="85"/>
      <c r="BA2163" s="85"/>
      <c r="BB2163" s="85"/>
      <c r="BC2163" s="85"/>
      <c r="BD2163" s="85"/>
      <c r="BE2163" s="85"/>
      <c r="BF2163" s="85"/>
      <c r="BG2163" s="85"/>
      <c r="BH2163" s="85"/>
      <c r="BI2163" s="85"/>
      <c r="BJ2163" s="85"/>
      <c r="BK2163" s="85"/>
      <c r="BL2163" s="85"/>
      <c r="BM2163" s="85"/>
      <c r="BN2163" s="85"/>
      <c r="BO2163" s="85"/>
      <c r="BP2163" s="85"/>
      <c r="BQ2163" s="85"/>
      <c r="BR2163" s="85"/>
      <c r="BS2163" s="85"/>
      <c r="BT2163" s="85"/>
      <c r="BU2163" s="85"/>
      <c r="BV2163" s="85"/>
      <c r="BW2163" s="85"/>
      <c r="BX2163" s="85"/>
      <c r="BY2163" s="85"/>
      <c r="BZ2163" s="85"/>
      <c r="CA2163" s="85"/>
      <c r="CB2163" s="85"/>
      <c r="CC2163" s="85"/>
      <c r="CD2163" s="85"/>
      <c r="CE2163" s="85"/>
      <c r="CF2163" s="85"/>
      <c r="CG2163" s="85"/>
    </row>
    <row r="2164" spans="1:85" s="9" customFormat="1" x14ac:dyDescent="0.2">
      <c r="A2164" s="85"/>
      <c r="J2164" s="85"/>
      <c r="K2164" s="85"/>
      <c r="L2164" s="85"/>
      <c r="M2164" s="85"/>
      <c r="N2164" s="85"/>
      <c r="O2164" s="85"/>
      <c r="P2164" s="85"/>
      <c r="Q2164" s="85"/>
      <c r="R2164" s="85"/>
      <c r="S2164" s="85"/>
      <c r="T2164" s="85"/>
      <c r="U2164" s="85"/>
      <c r="V2164" s="85"/>
      <c r="W2164" s="85"/>
      <c r="X2164" s="85"/>
      <c r="Y2164" s="85"/>
      <c r="Z2164" s="85"/>
      <c r="AA2164" s="85"/>
      <c r="AB2164" s="85"/>
      <c r="AC2164" s="85"/>
      <c r="AD2164" s="85"/>
      <c r="AE2164" s="85"/>
      <c r="AF2164" s="85"/>
      <c r="AG2164" s="85"/>
      <c r="AH2164" s="85"/>
      <c r="AI2164" s="85"/>
      <c r="AJ2164" s="85"/>
      <c r="AK2164" s="85"/>
      <c r="AL2164" s="85"/>
      <c r="AM2164" s="85"/>
      <c r="AN2164" s="85"/>
      <c r="AO2164" s="85"/>
      <c r="AP2164" s="85"/>
      <c r="AQ2164" s="85"/>
      <c r="AR2164" s="85"/>
      <c r="AS2164" s="85"/>
      <c r="AT2164" s="85"/>
      <c r="AU2164" s="85"/>
      <c r="AV2164" s="85"/>
      <c r="AW2164" s="85"/>
      <c r="AX2164" s="85"/>
      <c r="AY2164" s="85"/>
      <c r="AZ2164" s="85"/>
      <c r="BA2164" s="85"/>
      <c r="BB2164" s="85"/>
      <c r="BC2164" s="85"/>
      <c r="BD2164" s="85"/>
      <c r="BE2164" s="85"/>
      <c r="BF2164" s="85"/>
      <c r="BG2164" s="85"/>
      <c r="BH2164" s="85"/>
      <c r="BI2164" s="85"/>
      <c r="BJ2164" s="85"/>
      <c r="BK2164" s="85"/>
      <c r="BL2164" s="85"/>
      <c r="BM2164" s="85"/>
      <c r="BN2164" s="85"/>
      <c r="BO2164" s="85"/>
      <c r="BP2164" s="85"/>
      <c r="BQ2164" s="85"/>
      <c r="BR2164" s="85"/>
      <c r="BS2164" s="85"/>
      <c r="BT2164" s="85"/>
      <c r="BU2164" s="85"/>
      <c r="BV2164" s="85"/>
      <c r="BW2164" s="85"/>
      <c r="BX2164" s="85"/>
      <c r="BY2164" s="85"/>
      <c r="BZ2164" s="85"/>
      <c r="CA2164" s="85"/>
      <c r="CB2164" s="85"/>
      <c r="CC2164" s="85"/>
      <c r="CD2164" s="85"/>
      <c r="CE2164" s="85"/>
      <c r="CF2164" s="85"/>
      <c r="CG2164" s="85"/>
    </row>
    <row r="2165" spans="1:85" s="9" customFormat="1" x14ac:dyDescent="0.2">
      <c r="A2165" s="85"/>
      <c r="J2165" s="85"/>
      <c r="K2165" s="85"/>
      <c r="L2165" s="85"/>
      <c r="M2165" s="85"/>
      <c r="N2165" s="85"/>
      <c r="O2165" s="85"/>
      <c r="P2165" s="85"/>
      <c r="Q2165" s="85"/>
      <c r="R2165" s="85"/>
      <c r="S2165" s="85"/>
      <c r="T2165" s="85"/>
      <c r="U2165" s="85"/>
      <c r="V2165" s="85"/>
      <c r="W2165" s="85"/>
      <c r="X2165" s="85"/>
      <c r="Y2165" s="85"/>
      <c r="Z2165" s="85"/>
      <c r="AA2165" s="85"/>
      <c r="AB2165" s="85"/>
      <c r="AC2165" s="85"/>
      <c r="AD2165" s="85"/>
      <c r="AE2165" s="85"/>
      <c r="AF2165" s="85"/>
      <c r="AG2165" s="85"/>
      <c r="AH2165" s="85"/>
      <c r="AI2165" s="85"/>
      <c r="AJ2165" s="85"/>
      <c r="AK2165" s="85"/>
      <c r="AL2165" s="85"/>
      <c r="AM2165" s="85"/>
      <c r="AN2165" s="85"/>
      <c r="AO2165" s="85"/>
      <c r="AP2165" s="85"/>
      <c r="AQ2165" s="85"/>
      <c r="AR2165" s="85"/>
      <c r="AS2165" s="85"/>
      <c r="AT2165" s="85"/>
      <c r="AU2165" s="85"/>
      <c r="AV2165" s="85"/>
      <c r="AW2165" s="85"/>
      <c r="AX2165" s="85"/>
      <c r="AY2165" s="85"/>
      <c r="AZ2165" s="85"/>
      <c r="BA2165" s="85"/>
      <c r="BB2165" s="85"/>
      <c r="BC2165" s="85"/>
      <c r="BD2165" s="85"/>
      <c r="BE2165" s="85"/>
      <c r="BF2165" s="85"/>
      <c r="BG2165" s="85"/>
      <c r="BH2165" s="85"/>
      <c r="BI2165" s="85"/>
      <c r="BJ2165" s="85"/>
      <c r="BK2165" s="85"/>
      <c r="BL2165" s="85"/>
      <c r="BM2165" s="85"/>
      <c r="BN2165" s="85"/>
      <c r="BO2165" s="85"/>
      <c r="BP2165" s="85"/>
      <c r="BQ2165" s="85"/>
      <c r="BR2165" s="85"/>
      <c r="BS2165" s="85"/>
      <c r="BT2165" s="85"/>
      <c r="BU2165" s="85"/>
      <c r="BV2165" s="85"/>
      <c r="BW2165" s="85"/>
      <c r="BX2165" s="85"/>
      <c r="BY2165" s="85"/>
      <c r="BZ2165" s="85"/>
      <c r="CA2165" s="85"/>
      <c r="CB2165" s="85"/>
      <c r="CC2165" s="85"/>
      <c r="CD2165" s="85"/>
      <c r="CE2165" s="85"/>
      <c r="CF2165" s="85"/>
      <c r="CG2165" s="85"/>
    </row>
    <row r="2166" spans="1:85" s="9" customFormat="1" x14ac:dyDescent="0.2">
      <c r="A2166" s="85"/>
      <c r="J2166" s="85"/>
      <c r="K2166" s="85"/>
      <c r="L2166" s="85"/>
      <c r="M2166" s="85"/>
      <c r="N2166" s="85"/>
      <c r="O2166" s="85"/>
      <c r="P2166" s="85"/>
      <c r="Q2166" s="85"/>
      <c r="R2166" s="85"/>
      <c r="S2166" s="85"/>
      <c r="T2166" s="85"/>
      <c r="U2166" s="85"/>
      <c r="V2166" s="85"/>
      <c r="W2166" s="85"/>
      <c r="X2166" s="85"/>
      <c r="Y2166" s="85"/>
      <c r="Z2166" s="85"/>
      <c r="AA2166" s="85"/>
      <c r="AB2166" s="85"/>
      <c r="AC2166" s="85"/>
      <c r="AD2166" s="85"/>
      <c r="AE2166" s="85"/>
      <c r="AF2166" s="85"/>
      <c r="AG2166" s="85"/>
      <c r="AH2166" s="85"/>
      <c r="AI2166" s="85"/>
      <c r="AJ2166" s="85"/>
      <c r="AK2166" s="85"/>
      <c r="AL2166" s="85"/>
      <c r="AM2166" s="85"/>
      <c r="AN2166" s="85"/>
      <c r="AO2166" s="85"/>
      <c r="AP2166" s="85"/>
      <c r="AQ2166" s="85"/>
      <c r="AR2166" s="85"/>
      <c r="AS2166" s="85"/>
      <c r="AT2166" s="85"/>
      <c r="AU2166" s="85"/>
      <c r="AV2166" s="85"/>
      <c r="AW2166" s="85"/>
      <c r="AX2166" s="85"/>
      <c r="AY2166" s="85"/>
      <c r="AZ2166" s="85"/>
      <c r="BA2166" s="85"/>
      <c r="BB2166" s="85"/>
      <c r="BC2166" s="85"/>
      <c r="BD2166" s="85"/>
      <c r="BE2166" s="85"/>
      <c r="BF2166" s="85"/>
      <c r="BG2166" s="85"/>
      <c r="BH2166" s="85"/>
      <c r="BI2166" s="85"/>
      <c r="BJ2166" s="85"/>
      <c r="BK2166" s="85"/>
      <c r="BL2166" s="85"/>
      <c r="BM2166" s="85"/>
      <c r="BN2166" s="85"/>
      <c r="BO2166" s="85"/>
      <c r="BP2166" s="85"/>
      <c r="BQ2166" s="85"/>
      <c r="BR2166" s="85"/>
      <c r="BS2166" s="85"/>
      <c r="BT2166" s="85"/>
      <c r="BU2166" s="85"/>
      <c r="BV2166" s="85"/>
      <c r="BW2166" s="85"/>
      <c r="BX2166" s="85"/>
      <c r="BY2166" s="85"/>
      <c r="BZ2166" s="85"/>
      <c r="CA2166" s="85"/>
      <c r="CB2166" s="85"/>
      <c r="CC2166" s="85"/>
      <c r="CD2166" s="85"/>
      <c r="CE2166" s="85"/>
      <c r="CF2166" s="85"/>
      <c r="CG2166" s="85"/>
    </row>
    <row r="2167" spans="1:85" s="9" customFormat="1" x14ac:dyDescent="0.2">
      <c r="A2167" s="85"/>
      <c r="J2167" s="85"/>
      <c r="K2167" s="85"/>
      <c r="L2167" s="85"/>
      <c r="M2167" s="85"/>
      <c r="N2167" s="85"/>
      <c r="O2167" s="85"/>
      <c r="P2167" s="85"/>
      <c r="Q2167" s="85"/>
      <c r="R2167" s="85"/>
      <c r="S2167" s="85"/>
      <c r="T2167" s="85"/>
      <c r="U2167" s="85"/>
      <c r="V2167" s="85"/>
      <c r="W2167" s="85"/>
      <c r="X2167" s="85"/>
      <c r="Y2167" s="85"/>
      <c r="Z2167" s="85"/>
      <c r="AA2167" s="85"/>
      <c r="AB2167" s="85"/>
      <c r="AC2167" s="85"/>
      <c r="AD2167" s="85"/>
      <c r="AE2167" s="85"/>
      <c r="AF2167" s="85"/>
      <c r="AG2167" s="85"/>
      <c r="AH2167" s="85"/>
      <c r="AI2167" s="85"/>
      <c r="AJ2167" s="85"/>
      <c r="AK2167" s="85"/>
      <c r="AL2167" s="85"/>
      <c r="AM2167" s="85"/>
      <c r="AN2167" s="85"/>
      <c r="AO2167" s="85"/>
      <c r="AP2167" s="85"/>
      <c r="AQ2167" s="85"/>
      <c r="AR2167" s="85"/>
      <c r="AS2167" s="85"/>
      <c r="AT2167" s="85"/>
      <c r="AU2167" s="85"/>
      <c r="AV2167" s="85"/>
      <c r="AW2167" s="85"/>
      <c r="AX2167" s="85"/>
      <c r="AY2167" s="85"/>
      <c r="AZ2167" s="85"/>
      <c r="BA2167" s="85"/>
      <c r="BB2167" s="85"/>
      <c r="BC2167" s="85"/>
      <c r="BD2167" s="85"/>
      <c r="BE2167" s="85"/>
      <c r="BF2167" s="85"/>
      <c r="BG2167" s="85"/>
      <c r="BH2167" s="85"/>
      <c r="BI2167" s="85"/>
      <c r="BJ2167" s="85"/>
      <c r="BK2167" s="85"/>
      <c r="BL2167" s="85"/>
      <c r="BM2167" s="85"/>
      <c r="BN2167" s="85"/>
      <c r="BO2167" s="85"/>
      <c r="BP2167" s="85"/>
      <c r="BQ2167" s="85"/>
      <c r="BR2167" s="85"/>
      <c r="BS2167" s="85"/>
      <c r="BT2167" s="85"/>
      <c r="BU2167" s="85"/>
      <c r="BV2167" s="85"/>
      <c r="BW2167" s="85"/>
      <c r="BX2167" s="85"/>
      <c r="BY2167" s="85"/>
      <c r="BZ2167" s="85"/>
      <c r="CA2167" s="85"/>
      <c r="CB2167" s="85"/>
      <c r="CC2167" s="85"/>
      <c r="CD2167" s="85"/>
      <c r="CE2167" s="85"/>
      <c r="CF2167" s="85"/>
      <c r="CG2167" s="85"/>
    </row>
    <row r="2168" spans="1:85" s="9" customFormat="1" x14ac:dyDescent="0.2">
      <c r="A2168" s="85"/>
      <c r="J2168" s="85"/>
      <c r="K2168" s="85"/>
      <c r="L2168" s="85"/>
      <c r="M2168" s="85"/>
      <c r="N2168" s="85"/>
      <c r="O2168" s="85"/>
      <c r="P2168" s="85"/>
      <c r="Q2168" s="85"/>
      <c r="R2168" s="85"/>
      <c r="S2168" s="85"/>
      <c r="T2168" s="85"/>
      <c r="U2168" s="85"/>
      <c r="V2168" s="85"/>
      <c r="W2168" s="85"/>
      <c r="X2168" s="85"/>
      <c r="Y2168" s="85"/>
      <c r="Z2168" s="85"/>
      <c r="AA2168" s="85"/>
      <c r="AB2168" s="85"/>
      <c r="AC2168" s="85"/>
      <c r="AD2168" s="85"/>
      <c r="AE2168" s="85"/>
      <c r="AF2168" s="85"/>
      <c r="AG2168" s="85"/>
      <c r="AH2168" s="85"/>
      <c r="AI2168" s="85"/>
      <c r="AJ2168" s="85"/>
      <c r="AK2168" s="85"/>
      <c r="AL2168" s="85"/>
      <c r="AM2168" s="85"/>
      <c r="AN2168" s="85"/>
      <c r="AO2168" s="85"/>
      <c r="AP2168" s="85"/>
      <c r="AQ2168" s="85"/>
      <c r="AR2168" s="85"/>
      <c r="AS2168" s="85"/>
      <c r="AT2168" s="85"/>
      <c r="AU2168" s="85"/>
      <c r="AV2168" s="85"/>
      <c r="AW2168" s="85"/>
      <c r="AX2168" s="85"/>
      <c r="AY2168" s="85"/>
      <c r="AZ2168" s="85"/>
      <c r="BA2168" s="85"/>
      <c r="BB2168" s="85"/>
      <c r="BC2168" s="85"/>
      <c r="BD2168" s="85"/>
      <c r="BE2168" s="85"/>
      <c r="BF2168" s="85"/>
      <c r="BG2168" s="85"/>
      <c r="BH2168" s="85"/>
      <c r="BI2168" s="85"/>
      <c r="BJ2168" s="85"/>
      <c r="BK2168" s="85"/>
      <c r="BL2168" s="85"/>
      <c r="BM2168" s="85"/>
      <c r="BN2168" s="85"/>
      <c r="BO2168" s="85"/>
      <c r="BP2168" s="85"/>
      <c r="BQ2168" s="85"/>
      <c r="BR2168" s="85"/>
      <c r="BS2168" s="85"/>
      <c r="BT2168" s="85"/>
      <c r="BU2168" s="85"/>
      <c r="BV2168" s="85"/>
      <c r="BW2168" s="85"/>
      <c r="BX2168" s="85"/>
      <c r="BY2168" s="85"/>
      <c r="BZ2168" s="85"/>
      <c r="CA2168" s="85"/>
      <c r="CB2168" s="85"/>
      <c r="CC2168" s="85"/>
      <c r="CD2168" s="85"/>
      <c r="CE2168" s="85"/>
      <c r="CF2168" s="85"/>
      <c r="CG2168" s="85"/>
    </row>
    <row r="2169" spans="1:85" s="9" customFormat="1" x14ac:dyDescent="0.2">
      <c r="A2169" s="85"/>
      <c r="J2169" s="85"/>
      <c r="K2169" s="85"/>
      <c r="L2169" s="85"/>
      <c r="M2169" s="85"/>
      <c r="N2169" s="85"/>
      <c r="O2169" s="85"/>
      <c r="P2169" s="85"/>
      <c r="Q2169" s="85"/>
      <c r="R2169" s="85"/>
      <c r="S2169" s="85"/>
      <c r="T2169" s="85"/>
      <c r="U2169" s="85"/>
      <c r="V2169" s="85"/>
      <c r="W2169" s="85"/>
      <c r="X2169" s="85"/>
      <c r="Y2169" s="85"/>
      <c r="Z2169" s="85"/>
      <c r="AA2169" s="85"/>
      <c r="AB2169" s="85"/>
      <c r="AC2169" s="85"/>
      <c r="AD2169" s="85"/>
      <c r="AE2169" s="85"/>
      <c r="AF2169" s="85"/>
      <c r="AG2169" s="85"/>
      <c r="AH2169" s="85"/>
      <c r="AI2169" s="85"/>
      <c r="AJ2169" s="85"/>
      <c r="AK2169" s="85"/>
      <c r="AL2169" s="85"/>
      <c r="AM2169" s="85"/>
      <c r="AN2169" s="85"/>
      <c r="AO2169" s="85"/>
      <c r="AP2169" s="85"/>
      <c r="AQ2169" s="85"/>
      <c r="AR2169" s="85"/>
      <c r="AS2169" s="85"/>
      <c r="AT2169" s="85"/>
      <c r="AU2169" s="85"/>
      <c r="AV2169" s="85"/>
      <c r="AW2169" s="85"/>
      <c r="AX2169" s="85"/>
      <c r="AY2169" s="85"/>
      <c r="AZ2169" s="85"/>
      <c r="BA2169" s="85"/>
      <c r="BB2169" s="85"/>
      <c r="BC2169" s="85"/>
      <c r="BD2169" s="85"/>
      <c r="BE2169" s="85"/>
      <c r="BF2169" s="85"/>
      <c r="BG2169" s="85"/>
      <c r="BH2169" s="85"/>
      <c r="BI2169" s="85"/>
      <c r="BJ2169" s="85"/>
      <c r="BK2169" s="85"/>
      <c r="BL2169" s="85"/>
      <c r="BM2169" s="85"/>
      <c r="BN2169" s="85"/>
      <c r="BO2169" s="85"/>
      <c r="BP2169" s="85"/>
      <c r="BQ2169" s="85"/>
      <c r="BR2169" s="85"/>
      <c r="BS2169" s="85"/>
      <c r="BT2169" s="85"/>
      <c r="BU2169" s="85"/>
      <c r="BV2169" s="85"/>
      <c r="BW2169" s="85"/>
      <c r="BX2169" s="85"/>
      <c r="BY2169" s="85"/>
      <c r="BZ2169" s="85"/>
      <c r="CA2169" s="85"/>
      <c r="CB2169" s="85"/>
      <c r="CC2169" s="85"/>
      <c r="CD2169" s="85"/>
      <c r="CE2169" s="85"/>
      <c r="CF2169" s="85"/>
      <c r="CG2169" s="85"/>
    </row>
    <row r="2170" spans="1:85" s="9" customFormat="1" x14ac:dyDescent="0.2">
      <c r="A2170" s="85"/>
      <c r="J2170" s="85"/>
      <c r="K2170" s="85"/>
      <c r="L2170" s="85"/>
      <c r="M2170" s="85"/>
      <c r="N2170" s="85"/>
      <c r="O2170" s="85"/>
      <c r="P2170" s="85"/>
      <c r="Q2170" s="85"/>
      <c r="R2170" s="85"/>
      <c r="S2170" s="85"/>
      <c r="T2170" s="85"/>
      <c r="U2170" s="85"/>
      <c r="V2170" s="85"/>
      <c r="W2170" s="85"/>
      <c r="X2170" s="85"/>
      <c r="Y2170" s="85"/>
      <c r="Z2170" s="85"/>
      <c r="AA2170" s="85"/>
      <c r="AB2170" s="85"/>
      <c r="AC2170" s="85"/>
      <c r="AD2170" s="85"/>
      <c r="AE2170" s="85"/>
      <c r="AF2170" s="85"/>
      <c r="AG2170" s="85"/>
      <c r="AH2170" s="85"/>
      <c r="AI2170" s="85"/>
      <c r="AJ2170" s="85"/>
      <c r="AK2170" s="85"/>
      <c r="AL2170" s="85"/>
      <c r="AM2170" s="85"/>
      <c r="AN2170" s="85"/>
      <c r="AO2170" s="85"/>
      <c r="AP2170" s="85"/>
      <c r="AQ2170" s="85"/>
      <c r="AR2170" s="85"/>
      <c r="AS2170" s="85"/>
      <c r="AT2170" s="85"/>
      <c r="AU2170" s="85"/>
      <c r="AV2170" s="85"/>
      <c r="AW2170" s="85"/>
      <c r="AX2170" s="85"/>
      <c r="AY2170" s="85"/>
      <c r="AZ2170" s="85"/>
      <c r="BA2170" s="85"/>
      <c r="BB2170" s="85"/>
      <c r="BC2170" s="85"/>
      <c r="BD2170" s="85"/>
      <c r="BE2170" s="85"/>
      <c r="BF2170" s="85"/>
      <c r="BG2170" s="85"/>
      <c r="BH2170" s="85"/>
      <c r="BI2170" s="85"/>
      <c r="BJ2170" s="85"/>
      <c r="BK2170" s="85"/>
      <c r="BL2170" s="85"/>
      <c r="BM2170" s="85"/>
      <c r="BN2170" s="85"/>
      <c r="BO2170" s="85"/>
      <c r="BP2170" s="85"/>
      <c r="BQ2170" s="85"/>
      <c r="BR2170" s="85"/>
      <c r="BS2170" s="85"/>
      <c r="BT2170" s="85"/>
      <c r="BU2170" s="85"/>
      <c r="BV2170" s="85"/>
      <c r="BW2170" s="85"/>
      <c r="BX2170" s="85"/>
      <c r="BY2170" s="85"/>
      <c r="BZ2170" s="85"/>
      <c r="CA2170" s="85"/>
      <c r="CB2170" s="85"/>
      <c r="CC2170" s="85"/>
      <c r="CD2170" s="85"/>
      <c r="CE2170" s="85"/>
      <c r="CF2170" s="85"/>
      <c r="CG2170" s="85"/>
    </row>
    <row r="2171" spans="1:85" s="9" customFormat="1" x14ac:dyDescent="0.2">
      <c r="A2171" s="85"/>
      <c r="J2171" s="85"/>
      <c r="K2171" s="85"/>
      <c r="L2171" s="85"/>
      <c r="M2171" s="85"/>
      <c r="N2171" s="85"/>
      <c r="O2171" s="85"/>
      <c r="P2171" s="85"/>
      <c r="Q2171" s="85"/>
      <c r="R2171" s="85"/>
      <c r="S2171" s="85"/>
      <c r="T2171" s="85"/>
      <c r="U2171" s="85"/>
      <c r="V2171" s="85"/>
      <c r="W2171" s="85"/>
      <c r="X2171" s="85"/>
      <c r="Y2171" s="85"/>
      <c r="Z2171" s="85"/>
      <c r="AA2171" s="85"/>
      <c r="AB2171" s="85"/>
      <c r="AC2171" s="85"/>
      <c r="AD2171" s="85"/>
      <c r="AE2171" s="85"/>
      <c r="AF2171" s="85"/>
      <c r="AG2171" s="85"/>
      <c r="AH2171" s="85"/>
      <c r="AI2171" s="85"/>
      <c r="AJ2171" s="85"/>
      <c r="AK2171" s="85"/>
      <c r="AL2171" s="85"/>
      <c r="AM2171" s="85"/>
      <c r="AN2171" s="85"/>
      <c r="AO2171" s="85"/>
      <c r="AP2171" s="85"/>
      <c r="AQ2171" s="85"/>
      <c r="AR2171" s="85"/>
      <c r="AS2171" s="85"/>
      <c r="AT2171" s="85"/>
      <c r="AU2171" s="85"/>
      <c r="AV2171" s="85"/>
      <c r="AW2171" s="85"/>
      <c r="AX2171" s="85"/>
      <c r="AY2171" s="85"/>
      <c r="AZ2171" s="85"/>
      <c r="BA2171" s="85"/>
      <c r="BB2171" s="85"/>
      <c r="BC2171" s="85"/>
      <c r="BD2171" s="85"/>
      <c r="BE2171" s="85"/>
      <c r="BF2171" s="85"/>
      <c r="BG2171" s="85"/>
      <c r="BH2171" s="85"/>
      <c r="BI2171" s="85"/>
      <c r="BJ2171" s="85"/>
      <c r="BK2171" s="85"/>
      <c r="BL2171" s="85"/>
      <c r="BM2171" s="85"/>
      <c r="BN2171" s="85"/>
      <c r="BO2171" s="85"/>
      <c r="BP2171" s="85"/>
      <c r="BQ2171" s="85"/>
      <c r="BR2171" s="85"/>
      <c r="BS2171" s="85"/>
      <c r="BT2171" s="85"/>
      <c r="BU2171" s="85"/>
      <c r="BV2171" s="85"/>
      <c r="BW2171" s="85"/>
      <c r="BX2171" s="85"/>
      <c r="BY2171" s="85"/>
      <c r="BZ2171" s="85"/>
      <c r="CA2171" s="85"/>
      <c r="CB2171" s="85"/>
      <c r="CC2171" s="85"/>
      <c r="CD2171" s="85"/>
      <c r="CE2171" s="85"/>
      <c r="CF2171" s="85"/>
      <c r="CG2171" s="85"/>
    </row>
    <row r="2172" spans="1:85" s="9" customFormat="1" x14ac:dyDescent="0.2">
      <c r="A2172" s="85"/>
      <c r="J2172" s="85"/>
      <c r="K2172" s="85"/>
      <c r="L2172" s="85"/>
      <c r="M2172" s="85"/>
      <c r="N2172" s="85"/>
      <c r="O2172" s="85"/>
      <c r="P2172" s="85"/>
      <c r="Q2172" s="85"/>
      <c r="R2172" s="85"/>
      <c r="S2172" s="85"/>
      <c r="T2172" s="85"/>
      <c r="U2172" s="85"/>
      <c r="V2172" s="85"/>
      <c r="W2172" s="85"/>
      <c r="X2172" s="85"/>
      <c r="Y2172" s="85"/>
      <c r="Z2172" s="85"/>
      <c r="AA2172" s="85"/>
      <c r="AB2172" s="85"/>
      <c r="AC2172" s="85"/>
      <c r="AD2172" s="85"/>
      <c r="AE2172" s="85"/>
      <c r="AF2172" s="85"/>
      <c r="AG2172" s="85"/>
      <c r="AH2172" s="85"/>
      <c r="AI2172" s="85"/>
      <c r="AJ2172" s="85"/>
      <c r="AK2172" s="85"/>
      <c r="AL2172" s="85"/>
      <c r="AM2172" s="85"/>
      <c r="AN2172" s="85"/>
      <c r="AO2172" s="85"/>
      <c r="AP2172" s="85"/>
      <c r="AQ2172" s="85"/>
      <c r="AR2172" s="85"/>
      <c r="AS2172" s="85"/>
      <c r="AT2172" s="85"/>
      <c r="AU2172" s="85"/>
      <c r="AV2172" s="85"/>
      <c r="AW2172" s="85"/>
      <c r="AX2172" s="85"/>
      <c r="AY2172" s="85"/>
      <c r="AZ2172" s="85"/>
      <c r="BA2172" s="85"/>
      <c r="BB2172" s="85"/>
      <c r="BC2172" s="85"/>
      <c r="BD2172" s="85"/>
      <c r="BE2172" s="85"/>
      <c r="BF2172" s="85"/>
      <c r="BG2172" s="85"/>
      <c r="BH2172" s="85"/>
      <c r="BI2172" s="85"/>
      <c r="BJ2172" s="85"/>
      <c r="BK2172" s="85"/>
      <c r="BL2172" s="85"/>
      <c r="BM2172" s="85"/>
      <c r="BN2172" s="85"/>
      <c r="BO2172" s="85"/>
      <c r="BP2172" s="85"/>
      <c r="BQ2172" s="85"/>
      <c r="BR2172" s="85"/>
      <c r="BS2172" s="85"/>
      <c r="BT2172" s="85"/>
      <c r="BU2172" s="85"/>
      <c r="BV2172" s="85"/>
      <c r="BW2172" s="85"/>
      <c r="BX2172" s="85"/>
      <c r="BY2172" s="85"/>
      <c r="BZ2172" s="85"/>
      <c r="CA2172" s="85"/>
      <c r="CB2172" s="85"/>
      <c r="CC2172" s="85"/>
      <c r="CD2172" s="85"/>
      <c r="CE2172" s="85"/>
      <c r="CF2172" s="85"/>
      <c r="CG2172" s="85"/>
    </row>
    <row r="2173" spans="1:85" s="9" customFormat="1" x14ac:dyDescent="0.2">
      <c r="A2173" s="85"/>
      <c r="J2173" s="85"/>
      <c r="K2173" s="85"/>
      <c r="L2173" s="85"/>
      <c r="M2173" s="85"/>
      <c r="N2173" s="85"/>
      <c r="O2173" s="85"/>
      <c r="P2173" s="85"/>
      <c r="Q2173" s="85"/>
      <c r="R2173" s="85"/>
      <c r="S2173" s="85"/>
      <c r="T2173" s="85"/>
      <c r="U2173" s="85"/>
      <c r="V2173" s="85"/>
      <c r="W2173" s="85"/>
      <c r="X2173" s="85"/>
      <c r="Y2173" s="85"/>
      <c r="Z2173" s="85"/>
      <c r="AA2173" s="85"/>
      <c r="AB2173" s="85"/>
      <c r="AC2173" s="85"/>
      <c r="AD2173" s="85"/>
      <c r="AE2173" s="85"/>
      <c r="AF2173" s="85"/>
      <c r="AG2173" s="85"/>
      <c r="AH2173" s="85"/>
      <c r="AI2173" s="85"/>
      <c r="AJ2173" s="85"/>
      <c r="AK2173" s="85"/>
      <c r="AL2173" s="85"/>
      <c r="AM2173" s="85"/>
      <c r="AN2173" s="85"/>
      <c r="AO2173" s="85"/>
      <c r="AP2173" s="85"/>
      <c r="AQ2173" s="85"/>
      <c r="AR2173" s="85"/>
      <c r="AS2173" s="85"/>
      <c r="AT2173" s="85"/>
      <c r="AU2173" s="85"/>
      <c r="AV2173" s="85"/>
      <c r="AW2173" s="85"/>
      <c r="AX2173" s="85"/>
      <c r="AY2173" s="85"/>
      <c r="AZ2173" s="85"/>
      <c r="BA2173" s="85"/>
      <c r="BB2173" s="85"/>
      <c r="BC2173" s="85"/>
      <c r="BD2173" s="85"/>
      <c r="BE2173" s="85"/>
      <c r="BF2173" s="85"/>
      <c r="BG2173" s="85"/>
      <c r="BH2173" s="85"/>
      <c r="BI2173" s="85"/>
      <c r="BJ2173" s="85"/>
      <c r="BK2173" s="85"/>
      <c r="BL2173" s="85"/>
      <c r="BM2173" s="85"/>
      <c r="BN2173" s="85"/>
      <c r="BO2173" s="85"/>
      <c r="BP2173" s="85"/>
      <c r="BQ2173" s="85"/>
      <c r="BR2173" s="85"/>
      <c r="BS2173" s="85"/>
      <c r="BT2173" s="85"/>
      <c r="BU2173" s="85"/>
      <c r="BV2173" s="85"/>
      <c r="BW2173" s="85"/>
      <c r="BX2173" s="85"/>
      <c r="BY2173" s="85"/>
      <c r="BZ2173" s="85"/>
      <c r="CA2173" s="85"/>
      <c r="CB2173" s="85"/>
      <c r="CC2173" s="85"/>
      <c r="CD2173" s="85"/>
      <c r="CE2173" s="85"/>
      <c r="CF2173" s="85"/>
      <c r="CG2173" s="85"/>
    </row>
    <row r="2174" spans="1:85" s="9" customFormat="1" x14ac:dyDescent="0.2">
      <c r="A2174" s="85"/>
      <c r="J2174" s="85"/>
      <c r="K2174" s="85"/>
      <c r="L2174" s="85"/>
      <c r="M2174" s="85"/>
      <c r="N2174" s="85"/>
      <c r="O2174" s="85"/>
      <c r="P2174" s="85"/>
      <c r="Q2174" s="85"/>
      <c r="R2174" s="85"/>
      <c r="S2174" s="85"/>
      <c r="T2174" s="85"/>
      <c r="U2174" s="85"/>
      <c r="V2174" s="85"/>
      <c r="W2174" s="85"/>
      <c r="X2174" s="85"/>
      <c r="Y2174" s="85"/>
      <c r="Z2174" s="85"/>
      <c r="AA2174" s="85"/>
      <c r="AB2174" s="85"/>
      <c r="AC2174" s="85"/>
      <c r="AD2174" s="85"/>
      <c r="AE2174" s="85"/>
      <c r="AF2174" s="85"/>
      <c r="AG2174" s="85"/>
      <c r="AH2174" s="85"/>
      <c r="AI2174" s="85"/>
      <c r="AJ2174" s="85"/>
      <c r="AK2174" s="85"/>
      <c r="AL2174" s="85"/>
      <c r="AM2174" s="85"/>
      <c r="AN2174" s="85"/>
      <c r="AO2174" s="85"/>
      <c r="AP2174" s="85"/>
      <c r="AQ2174" s="85"/>
      <c r="AR2174" s="85"/>
      <c r="AS2174" s="85"/>
      <c r="AT2174" s="85"/>
      <c r="AU2174" s="85"/>
      <c r="AV2174" s="85"/>
      <c r="AW2174" s="85"/>
      <c r="AX2174" s="85"/>
      <c r="AY2174" s="85"/>
      <c r="AZ2174" s="85"/>
      <c r="BA2174" s="85"/>
      <c r="BB2174" s="85"/>
      <c r="BC2174" s="85"/>
      <c r="BD2174" s="85"/>
      <c r="BE2174" s="85"/>
      <c r="BF2174" s="85"/>
      <c r="BG2174" s="85"/>
      <c r="BH2174" s="85"/>
      <c r="BI2174" s="85"/>
      <c r="BJ2174" s="85"/>
      <c r="BK2174" s="85"/>
      <c r="BL2174" s="85"/>
      <c r="BM2174" s="85"/>
      <c r="BN2174" s="85"/>
      <c r="BO2174" s="85"/>
      <c r="BP2174" s="85"/>
      <c r="BQ2174" s="85"/>
      <c r="BR2174" s="85"/>
      <c r="BS2174" s="85"/>
      <c r="BT2174" s="85"/>
      <c r="BU2174" s="85"/>
      <c r="BV2174" s="85"/>
      <c r="BW2174" s="85"/>
      <c r="BX2174" s="85"/>
      <c r="BY2174" s="85"/>
      <c r="BZ2174" s="85"/>
      <c r="CA2174" s="85"/>
      <c r="CB2174" s="85"/>
      <c r="CC2174" s="85"/>
      <c r="CD2174" s="85"/>
      <c r="CE2174" s="85"/>
      <c r="CF2174" s="85"/>
      <c r="CG2174" s="85"/>
    </row>
    <row r="2175" spans="1:85" s="9" customFormat="1" x14ac:dyDescent="0.2">
      <c r="A2175" s="85"/>
      <c r="J2175" s="85"/>
      <c r="K2175" s="85"/>
      <c r="L2175" s="85"/>
      <c r="M2175" s="85"/>
      <c r="N2175" s="85"/>
      <c r="O2175" s="85"/>
      <c r="P2175" s="85"/>
      <c r="Q2175" s="85"/>
      <c r="R2175" s="85"/>
      <c r="S2175" s="85"/>
      <c r="T2175" s="85"/>
      <c r="U2175" s="85"/>
      <c r="V2175" s="85"/>
      <c r="W2175" s="85"/>
      <c r="X2175" s="85"/>
      <c r="Y2175" s="85"/>
      <c r="Z2175" s="85"/>
      <c r="AA2175" s="85"/>
      <c r="AB2175" s="85"/>
      <c r="AC2175" s="85"/>
      <c r="AD2175" s="85"/>
      <c r="AE2175" s="85"/>
      <c r="AF2175" s="85"/>
      <c r="AG2175" s="85"/>
      <c r="AH2175" s="85"/>
      <c r="AI2175" s="85"/>
      <c r="AJ2175" s="85"/>
      <c r="AK2175" s="85"/>
      <c r="AL2175" s="85"/>
      <c r="AM2175" s="85"/>
      <c r="AN2175" s="85"/>
      <c r="AO2175" s="85"/>
      <c r="AP2175" s="85"/>
      <c r="AQ2175" s="85"/>
      <c r="AR2175" s="85"/>
      <c r="AS2175" s="85"/>
      <c r="AT2175" s="85"/>
      <c r="AU2175" s="85"/>
      <c r="AV2175" s="85"/>
      <c r="AW2175" s="85"/>
      <c r="AX2175" s="85"/>
      <c r="AY2175" s="85"/>
      <c r="AZ2175" s="85"/>
      <c r="BA2175" s="85"/>
      <c r="BB2175" s="85"/>
      <c r="BC2175" s="85"/>
      <c r="BD2175" s="85"/>
      <c r="BE2175" s="85"/>
      <c r="BF2175" s="85"/>
      <c r="BG2175" s="85"/>
      <c r="BH2175" s="85"/>
      <c r="BI2175" s="85"/>
      <c r="BJ2175" s="85"/>
      <c r="BK2175" s="85"/>
      <c r="BL2175" s="85"/>
      <c r="BM2175" s="85"/>
      <c r="BN2175" s="85"/>
      <c r="BO2175" s="85"/>
      <c r="BP2175" s="85"/>
      <c r="BQ2175" s="85"/>
      <c r="BR2175" s="85"/>
      <c r="BS2175" s="85"/>
      <c r="BT2175" s="85"/>
      <c r="BU2175" s="85"/>
      <c r="BV2175" s="85"/>
      <c r="BW2175" s="85"/>
      <c r="BX2175" s="85"/>
      <c r="BY2175" s="85"/>
      <c r="BZ2175" s="85"/>
      <c r="CA2175" s="85"/>
      <c r="CB2175" s="85"/>
      <c r="CC2175" s="85"/>
      <c r="CD2175" s="85"/>
      <c r="CE2175" s="85"/>
      <c r="CF2175" s="85"/>
      <c r="CG2175" s="85"/>
    </row>
    <row r="2176" spans="1:85" s="9" customFormat="1" x14ac:dyDescent="0.2">
      <c r="A2176" s="85"/>
      <c r="J2176" s="85"/>
      <c r="K2176" s="85"/>
      <c r="L2176" s="85"/>
      <c r="M2176" s="85"/>
      <c r="N2176" s="85"/>
      <c r="O2176" s="85"/>
      <c r="P2176" s="85"/>
      <c r="Q2176" s="85"/>
      <c r="R2176" s="85"/>
      <c r="S2176" s="85"/>
      <c r="T2176" s="85"/>
      <c r="U2176" s="85"/>
      <c r="V2176" s="85"/>
      <c r="W2176" s="85"/>
      <c r="X2176" s="85"/>
      <c r="Y2176" s="85"/>
      <c r="Z2176" s="85"/>
      <c r="AA2176" s="85"/>
      <c r="AB2176" s="85"/>
      <c r="AC2176" s="85"/>
      <c r="AD2176" s="85"/>
      <c r="AE2176" s="85"/>
      <c r="AF2176" s="85"/>
      <c r="AG2176" s="85"/>
      <c r="AH2176" s="85"/>
      <c r="AI2176" s="85"/>
      <c r="AJ2176" s="85"/>
      <c r="AK2176" s="85"/>
      <c r="AL2176" s="85"/>
      <c r="AM2176" s="85"/>
      <c r="AN2176" s="85"/>
      <c r="AO2176" s="85"/>
      <c r="AP2176" s="85"/>
      <c r="AQ2176" s="85"/>
      <c r="AR2176" s="85"/>
      <c r="AS2176" s="85"/>
      <c r="AT2176" s="85"/>
      <c r="AU2176" s="85"/>
      <c r="AV2176" s="85"/>
      <c r="AW2176" s="85"/>
      <c r="AX2176" s="85"/>
      <c r="AY2176" s="85"/>
      <c r="AZ2176" s="85"/>
      <c r="BA2176" s="85"/>
      <c r="BB2176" s="85"/>
      <c r="BC2176" s="85"/>
      <c r="BD2176" s="85"/>
      <c r="BE2176" s="85"/>
      <c r="BF2176" s="85"/>
      <c r="BG2176" s="85"/>
      <c r="BH2176" s="85"/>
      <c r="BI2176" s="85"/>
      <c r="BJ2176" s="85"/>
      <c r="BK2176" s="85"/>
      <c r="BL2176" s="85"/>
      <c r="BM2176" s="85"/>
      <c r="BN2176" s="85"/>
      <c r="BO2176" s="85"/>
      <c r="BP2176" s="85"/>
      <c r="BQ2176" s="85"/>
      <c r="BR2176" s="85"/>
      <c r="BS2176" s="85"/>
      <c r="BT2176" s="85"/>
      <c r="BU2176" s="85"/>
      <c r="BV2176" s="85"/>
      <c r="BW2176" s="85"/>
      <c r="BX2176" s="85"/>
      <c r="BY2176" s="85"/>
      <c r="BZ2176" s="85"/>
      <c r="CA2176" s="85"/>
      <c r="CB2176" s="85"/>
      <c r="CC2176" s="85"/>
      <c r="CD2176" s="85"/>
      <c r="CE2176" s="85"/>
      <c r="CF2176" s="85"/>
      <c r="CG2176" s="85"/>
    </row>
    <row r="2177" spans="1:85" s="9" customFormat="1" x14ac:dyDescent="0.2">
      <c r="A2177" s="85"/>
      <c r="J2177" s="85"/>
      <c r="K2177" s="85"/>
      <c r="L2177" s="85"/>
      <c r="M2177" s="85"/>
      <c r="N2177" s="85"/>
      <c r="O2177" s="85"/>
      <c r="P2177" s="85"/>
      <c r="Q2177" s="85"/>
      <c r="R2177" s="85"/>
      <c r="S2177" s="85"/>
      <c r="T2177" s="85"/>
      <c r="U2177" s="85"/>
      <c r="V2177" s="85"/>
      <c r="W2177" s="85"/>
      <c r="X2177" s="85"/>
      <c r="Y2177" s="85"/>
      <c r="Z2177" s="85"/>
      <c r="AA2177" s="85"/>
      <c r="AB2177" s="85"/>
      <c r="AC2177" s="85"/>
      <c r="AD2177" s="85"/>
      <c r="AE2177" s="85"/>
      <c r="AF2177" s="85"/>
      <c r="AG2177" s="85"/>
      <c r="AH2177" s="85"/>
      <c r="AI2177" s="85"/>
      <c r="AJ2177" s="85"/>
      <c r="AK2177" s="85"/>
      <c r="AL2177" s="85"/>
      <c r="AM2177" s="85"/>
      <c r="AN2177" s="85"/>
      <c r="AO2177" s="85"/>
      <c r="AP2177" s="85"/>
      <c r="AQ2177" s="85"/>
      <c r="AR2177" s="85"/>
      <c r="AS2177" s="85"/>
      <c r="AT2177" s="85"/>
      <c r="AU2177" s="85"/>
      <c r="AV2177" s="85"/>
      <c r="AW2177" s="85"/>
      <c r="AX2177" s="85"/>
      <c r="AY2177" s="85"/>
      <c r="AZ2177" s="85"/>
      <c r="BA2177" s="85"/>
      <c r="BB2177" s="85"/>
      <c r="BC2177" s="85"/>
      <c r="BD2177" s="85"/>
      <c r="BE2177" s="85"/>
      <c r="BF2177" s="85"/>
      <c r="BG2177" s="85"/>
      <c r="BH2177" s="85"/>
      <c r="BI2177" s="85"/>
      <c r="BJ2177" s="85"/>
      <c r="BK2177" s="85"/>
      <c r="BL2177" s="85"/>
      <c r="BM2177" s="85"/>
      <c r="BN2177" s="85"/>
      <c r="BO2177" s="85"/>
      <c r="BP2177" s="85"/>
      <c r="BQ2177" s="85"/>
      <c r="BR2177" s="85"/>
      <c r="BS2177" s="85"/>
      <c r="BT2177" s="85"/>
      <c r="BU2177" s="85"/>
      <c r="BV2177" s="85"/>
      <c r="BW2177" s="85"/>
      <c r="BX2177" s="85"/>
      <c r="BY2177" s="85"/>
      <c r="BZ2177" s="85"/>
      <c r="CA2177" s="85"/>
      <c r="CB2177" s="85"/>
      <c r="CC2177" s="85"/>
      <c r="CD2177" s="85"/>
      <c r="CE2177" s="85"/>
      <c r="CF2177" s="85"/>
      <c r="CG2177" s="85"/>
    </row>
    <row r="2178" spans="1:85" s="9" customFormat="1" x14ac:dyDescent="0.2">
      <c r="A2178" s="85"/>
      <c r="J2178" s="85"/>
      <c r="K2178" s="85"/>
      <c r="L2178" s="85"/>
      <c r="M2178" s="85"/>
      <c r="N2178" s="85"/>
      <c r="O2178" s="85"/>
      <c r="P2178" s="85"/>
      <c r="Q2178" s="85"/>
      <c r="R2178" s="85"/>
      <c r="S2178" s="85"/>
      <c r="T2178" s="85"/>
      <c r="U2178" s="85"/>
      <c r="V2178" s="85"/>
      <c r="W2178" s="85"/>
      <c r="X2178" s="85"/>
      <c r="Y2178" s="85"/>
      <c r="Z2178" s="85"/>
      <c r="AA2178" s="85"/>
      <c r="AB2178" s="85"/>
      <c r="AC2178" s="85"/>
      <c r="AD2178" s="85"/>
      <c r="AE2178" s="85"/>
      <c r="AF2178" s="85"/>
      <c r="AG2178" s="85"/>
      <c r="AH2178" s="85"/>
      <c r="AI2178" s="85"/>
      <c r="AJ2178" s="85"/>
      <c r="AK2178" s="85"/>
      <c r="AL2178" s="85"/>
      <c r="AM2178" s="85"/>
      <c r="AN2178" s="85"/>
      <c r="AO2178" s="85"/>
      <c r="AP2178" s="85"/>
      <c r="AQ2178" s="85"/>
      <c r="AR2178" s="85"/>
      <c r="AS2178" s="85"/>
      <c r="AT2178" s="85"/>
      <c r="AU2178" s="85"/>
      <c r="AV2178" s="85"/>
      <c r="AW2178" s="85"/>
      <c r="AX2178" s="85"/>
      <c r="AY2178" s="85"/>
      <c r="AZ2178" s="85"/>
      <c r="BA2178" s="85"/>
      <c r="BB2178" s="85"/>
      <c r="BC2178" s="85"/>
      <c r="BD2178" s="85"/>
      <c r="BE2178" s="85"/>
      <c r="BF2178" s="85"/>
      <c r="BG2178" s="85"/>
      <c r="BH2178" s="85"/>
      <c r="BI2178" s="85"/>
      <c r="BJ2178" s="85"/>
      <c r="BK2178" s="85"/>
      <c r="BL2178" s="85"/>
      <c r="BM2178" s="85"/>
      <c r="BN2178" s="85"/>
      <c r="BO2178" s="85"/>
      <c r="BP2178" s="85"/>
      <c r="BQ2178" s="85"/>
      <c r="BR2178" s="85"/>
      <c r="BS2178" s="85"/>
      <c r="BT2178" s="85"/>
      <c r="BU2178" s="85"/>
      <c r="BV2178" s="85"/>
      <c r="BW2178" s="85"/>
      <c r="BX2178" s="85"/>
      <c r="BY2178" s="85"/>
      <c r="BZ2178" s="85"/>
      <c r="CA2178" s="85"/>
      <c r="CB2178" s="85"/>
      <c r="CC2178" s="85"/>
      <c r="CD2178" s="85"/>
      <c r="CE2178" s="85"/>
      <c r="CF2178" s="85"/>
      <c r="CG2178" s="85"/>
    </row>
    <row r="2179" spans="1:85" s="9" customFormat="1" x14ac:dyDescent="0.2">
      <c r="A2179" s="85"/>
      <c r="J2179" s="85"/>
      <c r="K2179" s="85"/>
      <c r="L2179" s="85"/>
      <c r="M2179" s="85"/>
      <c r="N2179" s="85"/>
      <c r="O2179" s="85"/>
      <c r="P2179" s="85"/>
      <c r="Q2179" s="85"/>
      <c r="R2179" s="85"/>
      <c r="S2179" s="85"/>
      <c r="T2179" s="85"/>
      <c r="U2179" s="85"/>
      <c r="V2179" s="85"/>
      <c r="W2179" s="85"/>
      <c r="X2179" s="85"/>
      <c r="Y2179" s="85"/>
      <c r="Z2179" s="85"/>
      <c r="AA2179" s="85"/>
      <c r="AB2179" s="85"/>
      <c r="AC2179" s="85"/>
      <c r="AD2179" s="85"/>
      <c r="AE2179" s="85"/>
      <c r="AF2179" s="85"/>
      <c r="AG2179" s="85"/>
      <c r="AH2179" s="85"/>
      <c r="AI2179" s="85"/>
      <c r="AJ2179" s="85"/>
      <c r="AK2179" s="85"/>
      <c r="AL2179" s="85"/>
      <c r="AM2179" s="85"/>
      <c r="AN2179" s="85"/>
      <c r="AO2179" s="85"/>
      <c r="AP2179" s="85"/>
      <c r="AQ2179" s="85"/>
      <c r="AR2179" s="85"/>
      <c r="AS2179" s="85"/>
      <c r="AT2179" s="85"/>
      <c r="AU2179" s="85"/>
      <c r="AV2179" s="85"/>
      <c r="AW2179" s="85"/>
      <c r="AX2179" s="85"/>
      <c r="AY2179" s="85"/>
      <c r="AZ2179" s="85"/>
      <c r="BA2179" s="85"/>
      <c r="BB2179" s="85"/>
      <c r="BC2179" s="85"/>
      <c r="BD2179" s="85"/>
      <c r="BE2179" s="85"/>
      <c r="BF2179" s="85"/>
      <c r="BG2179" s="85"/>
      <c r="BH2179" s="85"/>
      <c r="BI2179" s="85"/>
      <c r="BJ2179" s="85"/>
      <c r="BK2179" s="85"/>
      <c r="BL2179" s="85"/>
      <c r="BM2179" s="85"/>
      <c r="BN2179" s="85"/>
      <c r="BO2179" s="85"/>
      <c r="BP2179" s="85"/>
      <c r="BQ2179" s="85"/>
      <c r="BR2179" s="85"/>
      <c r="BS2179" s="85"/>
      <c r="BT2179" s="85"/>
      <c r="BU2179" s="85"/>
      <c r="BV2179" s="85"/>
      <c r="BW2179" s="85"/>
      <c r="BX2179" s="85"/>
      <c r="BY2179" s="85"/>
      <c r="BZ2179" s="85"/>
      <c r="CA2179" s="85"/>
      <c r="CB2179" s="85"/>
      <c r="CC2179" s="85"/>
      <c r="CD2179" s="85"/>
      <c r="CE2179" s="85"/>
      <c r="CF2179" s="85"/>
      <c r="CG2179" s="85"/>
    </row>
    <row r="2180" spans="1:85" s="9" customFormat="1" x14ac:dyDescent="0.2">
      <c r="A2180" s="85"/>
      <c r="J2180" s="85"/>
      <c r="K2180" s="85"/>
      <c r="L2180" s="85"/>
      <c r="M2180" s="85"/>
      <c r="N2180" s="85"/>
      <c r="O2180" s="85"/>
      <c r="P2180" s="85"/>
      <c r="Q2180" s="85"/>
      <c r="R2180" s="85"/>
      <c r="S2180" s="85"/>
      <c r="T2180" s="85"/>
      <c r="U2180" s="85"/>
      <c r="V2180" s="85"/>
      <c r="W2180" s="85"/>
      <c r="X2180" s="85"/>
      <c r="Y2180" s="85"/>
      <c r="Z2180" s="85"/>
      <c r="AA2180" s="85"/>
      <c r="AB2180" s="85"/>
      <c r="AC2180" s="85"/>
      <c r="AD2180" s="85"/>
      <c r="AE2180" s="85"/>
      <c r="AF2180" s="85"/>
      <c r="AG2180" s="85"/>
      <c r="AH2180" s="85"/>
      <c r="AI2180" s="85"/>
      <c r="AJ2180" s="85"/>
      <c r="AK2180" s="85"/>
      <c r="AL2180" s="85"/>
      <c r="AM2180" s="85"/>
      <c r="AN2180" s="85"/>
      <c r="AO2180" s="85"/>
      <c r="AP2180" s="85"/>
      <c r="AQ2180" s="85"/>
      <c r="AR2180" s="85"/>
      <c r="AS2180" s="85"/>
      <c r="AT2180" s="85"/>
      <c r="AU2180" s="85"/>
      <c r="AV2180" s="85"/>
      <c r="AW2180" s="85"/>
      <c r="AX2180" s="85"/>
      <c r="AY2180" s="85"/>
      <c r="AZ2180" s="85"/>
      <c r="BA2180" s="85"/>
      <c r="BB2180" s="85"/>
      <c r="BC2180" s="85"/>
      <c r="BD2180" s="85"/>
      <c r="BE2180" s="85"/>
      <c r="BF2180" s="85"/>
      <c r="BG2180" s="85"/>
      <c r="BH2180" s="85"/>
      <c r="BI2180" s="85"/>
      <c r="BJ2180" s="85"/>
      <c r="BK2180" s="85"/>
      <c r="BL2180" s="85"/>
      <c r="BM2180" s="85"/>
      <c r="BN2180" s="85"/>
      <c r="BO2180" s="85"/>
      <c r="BP2180" s="85"/>
      <c r="BQ2180" s="85"/>
      <c r="BR2180" s="85"/>
      <c r="BS2180" s="85"/>
      <c r="BT2180" s="85"/>
      <c r="BU2180" s="85"/>
      <c r="BV2180" s="85"/>
      <c r="BW2180" s="85"/>
      <c r="BX2180" s="85"/>
      <c r="BY2180" s="85"/>
      <c r="BZ2180" s="85"/>
      <c r="CA2180" s="85"/>
      <c r="CB2180" s="85"/>
      <c r="CC2180" s="85"/>
      <c r="CD2180" s="85"/>
      <c r="CE2180" s="85"/>
      <c r="CF2180" s="85"/>
      <c r="CG2180" s="85"/>
    </row>
    <row r="2181" spans="1:85" s="9" customFormat="1" x14ac:dyDescent="0.2">
      <c r="A2181" s="85"/>
      <c r="J2181" s="85"/>
      <c r="K2181" s="85"/>
      <c r="L2181" s="85"/>
      <c r="M2181" s="85"/>
      <c r="N2181" s="85"/>
      <c r="O2181" s="85"/>
      <c r="P2181" s="85"/>
      <c r="Q2181" s="85"/>
      <c r="R2181" s="85"/>
      <c r="S2181" s="85"/>
      <c r="T2181" s="85"/>
      <c r="U2181" s="85"/>
      <c r="V2181" s="85"/>
      <c r="W2181" s="85"/>
      <c r="X2181" s="85"/>
      <c r="Y2181" s="85"/>
      <c r="Z2181" s="85"/>
      <c r="AA2181" s="85"/>
      <c r="AB2181" s="85"/>
      <c r="AC2181" s="85"/>
      <c r="AD2181" s="85"/>
      <c r="AE2181" s="85"/>
      <c r="AF2181" s="85"/>
      <c r="AG2181" s="85"/>
      <c r="AH2181" s="85"/>
      <c r="AI2181" s="85"/>
      <c r="AJ2181" s="85"/>
      <c r="AK2181" s="85"/>
      <c r="AL2181" s="85"/>
      <c r="AM2181" s="85"/>
      <c r="AN2181" s="85"/>
      <c r="AO2181" s="85"/>
      <c r="AP2181" s="85"/>
      <c r="AQ2181" s="85"/>
      <c r="AR2181" s="85"/>
      <c r="AS2181" s="85"/>
      <c r="AT2181" s="85"/>
      <c r="AU2181" s="85"/>
      <c r="AV2181" s="85"/>
      <c r="AW2181" s="85"/>
      <c r="AX2181" s="85"/>
      <c r="AY2181" s="85"/>
      <c r="AZ2181" s="85"/>
      <c r="BA2181" s="85"/>
      <c r="BB2181" s="85"/>
      <c r="BC2181" s="85"/>
      <c r="BD2181" s="85"/>
      <c r="BE2181" s="85"/>
      <c r="BF2181" s="85"/>
      <c r="BG2181" s="85"/>
      <c r="BH2181" s="85"/>
      <c r="BI2181" s="85"/>
      <c r="BJ2181" s="85"/>
      <c r="BK2181" s="85"/>
      <c r="BL2181" s="85"/>
      <c r="BM2181" s="85"/>
      <c r="BN2181" s="85"/>
      <c r="BO2181" s="85"/>
      <c r="BP2181" s="85"/>
      <c r="BQ2181" s="85"/>
      <c r="BR2181" s="85"/>
      <c r="BS2181" s="85"/>
      <c r="BT2181" s="85"/>
      <c r="BU2181" s="85"/>
      <c r="BV2181" s="85"/>
      <c r="BW2181" s="85"/>
      <c r="BX2181" s="85"/>
      <c r="BY2181" s="85"/>
      <c r="BZ2181" s="85"/>
      <c r="CA2181" s="85"/>
      <c r="CB2181" s="85"/>
      <c r="CC2181" s="85"/>
      <c r="CD2181" s="85"/>
      <c r="CE2181" s="85"/>
      <c r="CF2181" s="85"/>
      <c r="CG2181" s="85"/>
    </row>
    <row r="2182" spans="1:85" s="9" customFormat="1" x14ac:dyDescent="0.2">
      <c r="A2182" s="85"/>
      <c r="J2182" s="85"/>
      <c r="K2182" s="85"/>
      <c r="L2182" s="85"/>
      <c r="M2182" s="85"/>
      <c r="N2182" s="85"/>
      <c r="O2182" s="85"/>
      <c r="P2182" s="85"/>
      <c r="Q2182" s="85"/>
      <c r="R2182" s="85"/>
      <c r="S2182" s="85"/>
      <c r="T2182" s="85"/>
      <c r="U2182" s="85"/>
      <c r="V2182" s="85"/>
      <c r="W2182" s="85"/>
      <c r="X2182" s="85"/>
      <c r="Y2182" s="85"/>
      <c r="Z2182" s="85"/>
      <c r="AA2182" s="85"/>
      <c r="AB2182" s="85"/>
      <c r="AC2182" s="85"/>
      <c r="AD2182" s="85"/>
      <c r="AE2182" s="85"/>
      <c r="AF2182" s="85"/>
      <c r="AG2182" s="85"/>
      <c r="AH2182" s="85"/>
      <c r="AI2182" s="85"/>
      <c r="AJ2182" s="85"/>
      <c r="AK2182" s="85"/>
      <c r="AL2182" s="85"/>
      <c r="AM2182" s="85"/>
      <c r="AN2182" s="85"/>
      <c r="AO2182" s="85"/>
      <c r="AP2182" s="85"/>
      <c r="AQ2182" s="85"/>
      <c r="AR2182" s="85"/>
      <c r="AS2182" s="85"/>
      <c r="AT2182" s="85"/>
      <c r="AU2182" s="85"/>
      <c r="AV2182" s="85"/>
      <c r="AW2182" s="85"/>
      <c r="AX2182" s="85"/>
      <c r="AY2182" s="85"/>
      <c r="AZ2182" s="85"/>
      <c r="BA2182" s="85"/>
      <c r="BB2182" s="85"/>
      <c r="BC2182" s="85"/>
      <c r="BD2182" s="85"/>
      <c r="BE2182" s="85"/>
      <c r="BF2182" s="85"/>
      <c r="BG2182" s="85"/>
      <c r="BH2182" s="85"/>
      <c r="BI2182" s="85"/>
      <c r="BJ2182" s="85"/>
      <c r="BK2182" s="85"/>
      <c r="BL2182" s="85"/>
      <c r="BM2182" s="85"/>
      <c r="BN2182" s="85"/>
      <c r="BO2182" s="85"/>
      <c r="BP2182" s="85"/>
      <c r="BQ2182" s="85"/>
      <c r="BR2182" s="85"/>
      <c r="BS2182" s="85"/>
      <c r="BT2182" s="85"/>
      <c r="BU2182" s="85"/>
      <c r="BV2182" s="85"/>
      <c r="BW2182" s="85"/>
      <c r="BX2182" s="85"/>
      <c r="BY2182" s="85"/>
      <c r="BZ2182" s="85"/>
      <c r="CA2182" s="85"/>
      <c r="CB2182" s="85"/>
      <c r="CC2182" s="85"/>
      <c r="CD2182" s="85"/>
      <c r="CE2182" s="85"/>
      <c r="CF2182" s="85"/>
      <c r="CG2182" s="85"/>
    </row>
    <row r="2183" spans="1:85" s="9" customFormat="1" x14ac:dyDescent="0.2">
      <c r="A2183" s="85"/>
      <c r="J2183" s="85"/>
      <c r="K2183" s="85"/>
      <c r="L2183" s="85"/>
      <c r="M2183" s="85"/>
      <c r="N2183" s="85"/>
      <c r="O2183" s="85"/>
      <c r="P2183" s="85"/>
      <c r="Q2183" s="85"/>
      <c r="R2183" s="85"/>
      <c r="S2183" s="85"/>
      <c r="T2183" s="85"/>
      <c r="U2183" s="85"/>
      <c r="V2183" s="85"/>
      <c r="W2183" s="85"/>
      <c r="X2183" s="85"/>
      <c r="Y2183" s="85"/>
      <c r="Z2183" s="85"/>
      <c r="AA2183" s="85"/>
      <c r="AB2183" s="85"/>
      <c r="AC2183" s="85"/>
      <c r="AD2183" s="85"/>
      <c r="AE2183" s="85"/>
      <c r="AF2183" s="85"/>
      <c r="AG2183" s="85"/>
      <c r="AH2183" s="85"/>
      <c r="AI2183" s="85"/>
      <c r="AJ2183" s="85"/>
      <c r="AK2183" s="85"/>
      <c r="AL2183" s="85"/>
      <c r="AM2183" s="85"/>
      <c r="AN2183" s="85"/>
      <c r="AO2183" s="85"/>
      <c r="AP2183" s="85"/>
      <c r="AQ2183" s="85"/>
      <c r="AR2183" s="85"/>
      <c r="AS2183" s="85"/>
      <c r="AT2183" s="85"/>
      <c r="AU2183" s="85"/>
      <c r="AV2183" s="85"/>
      <c r="AW2183" s="85"/>
      <c r="AX2183" s="85"/>
      <c r="AY2183" s="85"/>
      <c r="AZ2183" s="85"/>
      <c r="BA2183" s="85"/>
      <c r="BB2183" s="85"/>
      <c r="BC2183" s="85"/>
      <c r="BD2183" s="85"/>
      <c r="BE2183" s="85"/>
      <c r="BF2183" s="85"/>
      <c r="BG2183" s="85"/>
      <c r="BH2183" s="85"/>
      <c r="BI2183" s="85"/>
      <c r="BJ2183" s="85"/>
      <c r="BK2183" s="85"/>
      <c r="BL2183" s="85"/>
      <c r="BM2183" s="85"/>
      <c r="BN2183" s="85"/>
      <c r="BO2183" s="85"/>
      <c r="BP2183" s="85"/>
      <c r="BQ2183" s="85"/>
      <c r="BR2183" s="85"/>
      <c r="BS2183" s="85"/>
      <c r="BT2183" s="85"/>
      <c r="BU2183" s="85"/>
      <c r="BV2183" s="85"/>
      <c r="BW2183" s="85"/>
      <c r="BX2183" s="85"/>
      <c r="BY2183" s="85"/>
      <c r="BZ2183" s="85"/>
      <c r="CA2183" s="85"/>
      <c r="CB2183" s="85"/>
      <c r="CC2183" s="85"/>
      <c r="CD2183" s="85"/>
      <c r="CE2183" s="85"/>
      <c r="CF2183" s="85"/>
      <c r="CG2183" s="85"/>
    </row>
    <row r="2184" spans="1:85" s="9" customFormat="1" x14ac:dyDescent="0.2">
      <c r="A2184" s="85"/>
      <c r="J2184" s="85"/>
      <c r="K2184" s="85"/>
      <c r="L2184" s="85"/>
      <c r="M2184" s="85"/>
      <c r="N2184" s="85"/>
      <c r="O2184" s="85"/>
      <c r="P2184" s="85"/>
      <c r="Q2184" s="85"/>
      <c r="R2184" s="85"/>
      <c r="S2184" s="85"/>
      <c r="T2184" s="85"/>
      <c r="U2184" s="85"/>
      <c r="V2184" s="85"/>
      <c r="W2184" s="85"/>
      <c r="X2184" s="85"/>
      <c r="Y2184" s="85"/>
      <c r="Z2184" s="85"/>
      <c r="AA2184" s="85"/>
      <c r="AB2184" s="85"/>
      <c r="AC2184" s="85"/>
      <c r="AD2184" s="85"/>
      <c r="AE2184" s="85"/>
      <c r="AF2184" s="85"/>
      <c r="AG2184" s="85"/>
      <c r="AH2184" s="85"/>
      <c r="AI2184" s="85"/>
      <c r="AJ2184" s="85"/>
      <c r="AK2184" s="85"/>
      <c r="AL2184" s="85"/>
      <c r="AM2184" s="85"/>
      <c r="AN2184" s="85"/>
      <c r="AO2184" s="85"/>
      <c r="AP2184" s="85"/>
      <c r="AQ2184" s="85"/>
      <c r="AR2184" s="85"/>
      <c r="AS2184" s="85"/>
      <c r="AT2184" s="85"/>
      <c r="AU2184" s="85"/>
      <c r="AV2184" s="85"/>
      <c r="AW2184" s="85"/>
      <c r="AX2184" s="85"/>
      <c r="AY2184" s="85"/>
      <c r="AZ2184" s="85"/>
      <c r="BA2184" s="85"/>
      <c r="BB2184" s="85"/>
      <c r="BC2184" s="85"/>
      <c r="BD2184" s="85"/>
      <c r="BE2184" s="85"/>
      <c r="BF2184" s="85"/>
      <c r="BG2184" s="85"/>
      <c r="BH2184" s="85"/>
      <c r="BI2184" s="85"/>
      <c r="BJ2184" s="85"/>
      <c r="BK2184" s="85"/>
      <c r="BL2184" s="85"/>
      <c r="BM2184" s="85"/>
      <c r="BN2184" s="85"/>
      <c r="BO2184" s="85"/>
      <c r="BP2184" s="85"/>
      <c r="BQ2184" s="85"/>
      <c r="BR2184" s="85"/>
      <c r="BS2184" s="85"/>
      <c r="BT2184" s="85"/>
      <c r="BU2184" s="85"/>
      <c r="BV2184" s="85"/>
      <c r="BW2184" s="85"/>
      <c r="BX2184" s="85"/>
      <c r="BY2184" s="85"/>
      <c r="BZ2184" s="85"/>
      <c r="CA2184" s="85"/>
      <c r="CB2184" s="85"/>
      <c r="CC2184" s="85"/>
      <c r="CD2184" s="85"/>
      <c r="CE2184" s="85"/>
      <c r="CF2184" s="85"/>
      <c r="CG2184" s="85"/>
    </row>
    <row r="2185" spans="1:85" s="9" customFormat="1" x14ac:dyDescent="0.2">
      <c r="A2185" s="85"/>
      <c r="J2185" s="85"/>
      <c r="K2185" s="85"/>
      <c r="L2185" s="85"/>
      <c r="M2185" s="85"/>
      <c r="N2185" s="85"/>
      <c r="O2185" s="85"/>
      <c r="P2185" s="85"/>
      <c r="Q2185" s="85"/>
      <c r="R2185" s="85"/>
      <c r="S2185" s="85"/>
      <c r="T2185" s="85"/>
      <c r="U2185" s="85"/>
      <c r="V2185" s="85"/>
      <c r="W2185" s="85"/>
      <c r="X2185" s="85"/>
      <c r="Y2185" s="85"/>
      <c r="Z2185" s="85"/>
      <c r="AA2185" s="85"/>
      <c r="AB2185" s="85"/>
      <c r="AC2185" s="85"/>
      <c r="AD2185" s="85"/>
      <c r="AE2185" s="85"/>
      <c r="AF2185" s="85"/>
      <c r="AG2185" s="85"/>
      <c r="AH2185" s="85"/>
      <c r="AI2185" s="85"/>
      <c r="AJ2185" s="85"/>
      <c r="AK2185" s="85"/>
      <c r="AL2185" s="85"/>
      <c r="AM2185" s="85"/>
      <c r="AN2185" s="85"/>
      <c r="AO2185" s="85"/>
      <c r="AP2185" s="85"/>
      <c r="AQ2185" s="85"/>
      <c r="AR2185" s="85"/>
      <c r="AS2185" s="85"/>
      <c r="AT2185" s="85"/>
      <c r="AU2185" s="85"/>
      <c r="AV2185" s="85"/>
      <c r="AW2185" s="85"/>
      <c r="AX2185" s="85"/>
      <c r="AY2185" s="85"/>
      <c r="AZ2185" s="85"/>
      <c r="BA2185" s="85"/>
      <c r="BB2185" s="85"/>
      <c r="BC2185" s="85"/>
      <c r="BD2185" s="85"/>
      <c r="BE2185" s="85"/>
      <c r="BF2185" s="85"/>
      <c r="BG2185" s="85"/>
      <c r="BH2185" s="85"/>
      <c r="BI2185" s="85"/>
      <c r="BJ2185" s="85"/>
      <c r="BK2185" s="85"/>
      <c r="BL2185" s="85"/>
      <c r="BM2185" s="85"/>
      <c r="BN2185" s="85"/>
      <c r="BO2185" s="85"/>
      <c r="BP2185" s="85"/>
      <c r="BQ2185" s="85"/>
      <c r="BR2185" s="85"/>
      <c r="BS2185" s="85"/>
      <c r="BT2185" s="85"/>
      <c r="BU2185" s="85"/>
      <c r="BV2185" s="85"/>
      <c r="BW2185" s="85"/>
      <c r="BX2185" s="85"/>
      <c r="BY2185" s="85"/>
      <c r="BZ2185" s="85"/>
      <c r="CA2185" s="85"/>
      <c r="CB2185" s="85"/>
      <c r="CC2185" s="85"/>
      <c r="CD2185" s="85"/>
      <c r="CE2185" s="85"/>
      <c r="CF2185" s="85"/>
      <c r="CG2185" s="85"/>
    </row>
    <row r="2186" spans="1:85" s="9" customFormat="1" x14ac:dyDescent="0.2">
      <c r="A2186" s="85"/>
      <c r="J2186" s="85"/>
      <c r="K2186" s="85"/>
      <c r="L2186" s="85"/>
      <c r="M2186" s="85"/>
      <c r="N2186" s="85"/>
      <c r="O2186" s="85"/>
      <c r="P2186" s="85"/>
      <c r="Q2186" s="85"/>
      <c r="R2186" s="85"/>
      <c r="S2186" s="85"/>
      <c r="T2186" s="85"/>
      <c r="U2186" s="85"/>
      <c r="V2186" s="85"/>
      <c r="W2186" s="85"/>
      <c r="X2186" s="85"/>
      <c r="Y2186" s="85"/>
      <c r="Z2186" s="85"/>
      <c r="AA2186" s="85"/>
      <c r="AB2186" s="85"/>
      <c r="AC2186" s="85"/>
      <c r="AD2186" s="85"/>
      <c r="AE2186" s="85"/>
      <c r="AF2186" s="85"/>
      <c r="AG2186" s="85"/>
      <c r="AH2186" s="85"/>
      <c r="AI2186" s="85"/>
      <c r="AJ2186" s="85"/>
      <c r="AK2186" s="85"/>
      <c r="AL2186" s="85"/>
      <c r="AM2186" s="85"/>
      <c r="AN2186" s="85"/>
      <c r="AO2186" s="85"/>
      <c r="AP2186" s="85"/>
      <c r="AQ2186" s="85"/>
      <c r="AR2186" s="85"/>
      <c r="AS2186" s="85"/>
      <c r="AT2186" s="85"/>
      <c r="AU2186" s="85"/>
      <c r="AV2186" s="85"/>
      <c r="AW2186" s="85"/>
      <c r="AX2186" s="85"/>
      <c r="AY2186" s="85"/>
      <c r="AZ2186" s="85"/>
      <c r="BA2186" s="85"/>
      <c r="BB2186" s="85"/>
      <c r="BC2186" s="85"/>
      <c r="BD2186" s="85"/>
      <c r="BE2186" s="85"/>
      <c r="BF2186" s="85"/>
      <c r="BG2186" s="85"/>
      <c r="BH2186" s="85"/>
      <c r="BI2186" s="85"/>
      <c r="BJ2186" s="85"/>
      <c r="BK2186" s="85"/>
      <c r="BL2186" s="85"/>
      <c r="BM2186" s="85"/>
      <c r="BN2186" s="85"/>
      <c r="BO2186" s="85"/>
      <c r="BP2186" s="85"/>
      <c r="BQ2186" s="85"/>
      <c r="BR2186" s="85"/>
      <c r="BS2186" s="85"/>
      <c r="BT2186" s="85"/>
      <c r="BU2186" s="85"/>
      <c r="BV2186" s="85"/>
      <c r="BW2186" s="85"/>
      <c r="BX2186" s="85"/>
      <c r="BY2186" s="85"/>
      <c r="BZ2186" s="85"/>
      <c r="CA2186" s="85"/>
      <c r="CB2186" s="85"/>
      <c r="CC2186" s="85"/>
      <c r="CD2186" s="85"/>
      <c r="CE2186" s="85"/>
      <c r="CF2186" s="85"/>
      <c r="CG2186" s="85"/>
    </row>
    <row r="2187" spans="1:85" s="9" customFormat="1" x14ac:dyDescent="0.2">
      <c r="A2187" s="85"/>
      <c r="J2187" s="85"/>
      <c r="K2187" s="85"/>
      <c r="L2187" s="85"/>
      <c r="M2187" s="85"/>
      <c r="N2187" s="85"/>
      <c r="O2187" s="85"/>
      <c r="P2187" s="85"/>
      <c r="Q2187" s="85"/>
      <c r="R2187" s="85"/>
      <c r="S2187" s="85"/>
      <c r="T2187" s="85"/>
      <c r="U2187" s="85"/>
      <c r="V2187" s="85"/>
      <c r="W2187" s="85"/>
      <c r="X2187" s="85"/>
      <c r="Y2187" s="85"/>
      <c r="Z2187" s="85"/>
      <c r="AA2187" s="85"/>
      <c r="AB2187" s="85"/>
      <c r="AC2187" s="85"/>
      <c r="AD2187" s="85"/>
      <c r="AE2187" s="85"/>
      <c r="AF2187" s="85"/>
      <c r="AG2187" s="85"/>
      <c r="AH2187" s="85"/>
      <c r="AI2187" s="85"/>
      <c r="AJ2187" s="85"/>
      <c r="AK2187" s="85"/>
      <c r="AL2187" s="85"/>
      <c r="AM2187" s="85"/>
      <c r="AN2187" s="85"/>
      <c r="AO2187" s="85"/>
      <c r="AP2187" s="85"/>
      <c r="AQ2187" s="85"/>
      <c r="AR2187" s="85"/>
      <c r="AS2187" s="85"/>
      <c r="AT2187" s="85"/>
      <c r="AU2187" s="85"/>
      <c r="AV2187" s="85"/>
      <c r="AW2187" s="85"/>
      <c r="AX2187" s="85"/>
      <c r="AY2187" s="85"/>
      <c r="AZ2187" s="85"/>
      <c r="BA2187" s="85"/>
      <c r="BB2187" s="85"/>
      <c r="BC2187" s="85"/>
      <c r="BD2187" s="85"/>
      <c r="BE2187" s="85"/>
      <c r="BF2187" s="85"/>
      <c r="BG2187" s="85"/>
      <c r="BH2187" s="85"/>
      <c r="BI2187" s="85"/>
      <c r="BJ2187" s="85"/>
      <c r="BK2187" s="85"/>
      <c r="BL2187" s="85"/>
      <c r="BM2187" s="85"/>
      <c r="BN2187" s="85"/>
      <c r="BO2187" s="85"/>
      <c r="BP2187" s="85"/>
      <c r="BQ2187" s="85"/>
      <c r="BR2187" s="85"/>
      <c r="BS2187" s="85"/>
      <c r="BT2187" s="85"/>
      <c r="BU2187" s="85"/>
      <c r="BV2187" s="85"/>
      <c r="BW2187" s="85"/>
      <c r="BX2187" s="85"/>
      <c r="BY2187" s="85"/>
      <c r="BZ2187" s="85"/>
      <c r="CA2187" s="85"/>
      <c r="CB2187" s="85"/>
      <c r="CC2187" s="85"/>
      <c r="CD2187" s="85"/>
      <c r="CE2187" s="85"/>
      <c r="CF2187" s="85"/>
      <c r="CG2187" s="85"/>
    </row>
    <row r="2188" spans="1:85" s="9" customFormat="1" x14ac:dyDescent="0.2">
      <c r="A2188" s="85"/>
      <c r="J2188" s="85"/>
      <c r="K2188" s="85"/>
      <c r="L2188" s="85"/>
      <c r="M2188" s="85"/>
      <c r="N2188" s="85"/>
      <c r="O2188" s="85"/>
      <c r="P2188" s="85"/>
      <c r="Q2188" s="85"/>
      <c r="R2188" s="85"/>
      <c r="S2188" s="85"/>
      <c r="T2188" s="85"/>
      <c r="U2188" s="85"/>
      <c r="V2188" s="85"/>
      <c r="W2188" s="85"/>
      <c r="X2188" s="85"/>
      <c r="Y2188" s="85"/>
      <c r="Z2188" s="85"/>
      <c r="AA2188" s="85"/>
      <c r="AB2188" s="85"/>
      <c r="AC2188" s="85"/>
      <c r="AD2188" s="85"/>
      <c r="AE2188" s="85"/>
      <c r="AF2188" s="85"/>
      <c r="AG2188" s="85"/>
      <c r="AH2188" s="85"/>
      <c r="AI2188" s="85"/>
      <c r="AJ2188" s="85"/>
      <c r="AK2188" s="85"/>
      <c r="AL2188" s="85"/>
      <c r="AM2188" s="85"/>
      <c r="AN2188" s="85"/>
      <c r="AO2188" s="85"/>
      <c r="AP2188" s="85"/>
      <c r="AQ2188" s="85"/>
      <c r="AR2188" s="85"/>
      <c r="AS2188" s="85"/>
      <c r="AT2188" s="85"/>
      <c r="AU2188" s="85"/>
      <c r="AV2188" s="85"/>
      <c r="AW2188" s="85"/>
      <c r="AX2188" s="85"/>
      <c r="AY2188" s="85"/>
      <c r="AZ2188" s="85"/>
      <c r="BA2188" s="85"/>
      <c r="BB2188" s="85"/>
      <c r="BC2188" s="85"/>
      <c r="BD2188" s="85"/>
      <c r="BE2188" s="85"/>
      <c r="BF2188" s="85"/>
      <c r="BG2188" s="85"/>
      <c r="BH2188" s="85"/>
      <c r="BI2188" s="85"/>
      <c r="BJ2188" s="85"/>
      <c r="BK2188" s="85"/>
      <c r="BL2188" s="85"/>
      <c r="BM2188" s="85"/>
      <c r="BN2188" s="85"/>
      <c r="BO2188" s="85"/>
      <c r="BP2188" s="85"/>
      <c r="BQ2188" s="85"/>
      <c r="BR2188" s="85"/>
      <c r="BS2188" s="85"/>
      <c r="BT2188" s="85"/>
      <c r="BU2188" s="85"/>
      <c r="BV2188" s="85"/>
      <c r="BW2188" s="85"/>
      <c r="BX2188" s="85"/>
      <c r="BY2188" s="85"/>
      <c r="BZ2188" s="85"/>
      <c r="CA2188" s="85"/>
      <c r="CB2188" s="85"/>
      <c r="CC2188" s="85"/>
      <c r="CD2188" s="85"/>
      <c r="CE2188" s="85"/>
      <c r="CF2188" s="85"/>
      <c r="CG2188" s="85"/>
    </row>
    <row r="2189" spans="1:85" s="9" customFormat="1" x14ac:dyDescent="0.2">
      <c r="A2189" s="85"/>
      <c r="J2189" s="85"/>
      <c r="K2189" s="85"/>
      <c r="L2189" s="85"/>
      <c r="M2189" s="85"/>
      <c r="N2189" s="85"/>
      <c r="O2189" s="85"/>
      <c r="P2189" s="85"/>
      <c r="Q2189" s="85"/>
      <c r="R2189" s="85"/>
      <c r="S2189" s="85"/>
      <c r="T2189" s="85"/>
      <c r="U2189" s="85"/>
      <c r="V2189" s="85"/>
      <c r="W2189" s="85"/>
      <c r="X2189" s="85"/>
      <c r="Y2189" s="85"/>
      <c r="Z2189" s="85"/>
      <c r="AA2189" s="85"/>
      <c r="AB2189" s="85"/>
      <c r="AC2189" s="85"/>
      <c r="AD2189" s="85"/>
      <c r="AE2189" s="85"/>
      <c r="AF2189" s="85"/>
      <c r="AG2189" s="85"/>
      <c r="AH2189" s="85"/>
      <c r="AI2189" s="85"/>
      <c r="AJ2189" s="85"/>
      <c r="AK2189" s="85"/>
      <c r="AL2189" s="85"/>
      <c r="AM2189" s="85"/>
      <c r="AN2189" s="85"/>
      <c r="AO2189" s="85"/>
      <c r="AP2189" s="85"/>
      <c r="AQ2189" s="85"/>
      <c r="AR2189" s="85"/>
      <c r="AS2189" s="85"/>
      <c r="AT2189" s="85"/>
      <c r="AU2189" s="85"/>
      <c r="AV2189" s="85"/>
      <c r="AW2189" s="85"/>
      <c r="AX2189" s="85"/>
      <c r="AY2189" s="85"/>
      <c r="AZ2189" s="85"/>
      <c r="BA2189" s="85"/>
      <c r="BB2189" s="85"/>
      <c r="BC2189" s="85"/>
      <c r="BD2189" s="85"/>
      <c r="BE2189" s="85"/>
      <c r="BF2189" s="85"/>
      <c r="BG2189" s="85"/>
      <c r="BH2189" s="85"/>
      <c r="BI2189" s="85"/>
      <c r="BJ2189" s="85"/>
      <c r="BK2189" s="85"/>
      <c r="BL2189" s="85"/>
      <c r="BM2189" s="85"/>
      <c r="BN2189" s="85"/>
      <c r="BO2189" s="85"/>
      <c r="BP2189" s="85"/>
      <c r="BQ2189" s="85"/>
      <c r="BR2189" s="85"/>
      <c r="BS2189" s="85"/>
      <c r="BT2189" s="85"/>
      <c r="BU2189" s="85"/>
      <c r="BV2189" s="85"/>
      <c r="BW2189" s="85"/>
      <c r="BX2189" s="85"/>
      <c r="BY2189" s="85"/>
      <c r="BZ2189" s="85"/>
      <c r="CA2189" s="85"/>
      <c r="CB2189" s="85"/>
      <c r="CC2189" s="85"/>
      <c r="CD2189" s="85"/>
      <c r="CE2189" s="85"/>
      <c r="CF2189" s="85"/>
      <c r="CG2189" s="85"/>
    </row>
    <row r="2190" spans="1:85" s="9" customFormat="1" x14ac:dyDescent="0.2">
      <c r="A2190" s="85"/>
      <c r="J2190" s="85"/>
      <c r="K2190" s="85"/>
      <c r="L2190" s="85"/>
      <c r="M2190" s="85"/>
      <c r="N2190" s="85"/>
      <c r="O2190" s="85"/>
      <c r="P2190" s="85"/>
      <c r="Q2190" s="85"/>
      <c r="R2190" s="85"/>
      <c r="S2190" s="85"/>
      <c r="T2190" s="85"/>
      <c r="U2190" s="85"/>
      <c r="V2190" s="85"/>
      <c r="W2190" s="85"/>
      <c r="X2190" s="85"/>
      <c r="Y2190" s="85"/>
      <c r="Z2190" s="85"/>
      <c r="AA2190" s="85"/>
      <c r="AB2190" s="85"/>
      <c r="AC2190" s="85"/>
      <c r="AD2190" s="85"/>
      <c r="AE2190" s="85"/>
      <c r="AF2190" s="85"/>
      <c r="AG2190" s="85"/>
      <c r="AH2190" s="85"/>
      <c r="AI2190" s="85"/>
      <c r="AJ2190" s="85"/>
      <c r="AK2190" s="85"/>
      <c r="AL2190" s="85"/>
      <c r="AM2190" s="85"/>
      <c r="AN2190" s="85"/>
      <c r="AO2190" s="85"/>
      <c r="AP2190" s="85"/>
      <c r="AQ2190" s="85"/>
      <c r="AR2190" s="85"/>
      <c r="AS2190" s="85"/>
      <c r="AT2190" s="85"/>
      <c r="AU2190" s="85"/>
      <c r="AV2190" s="85"/>
      <c r="AW2190" s="85"/>
      <c r="AX2190" s="85"/>
      <c r="AY2190" s="85"/>
      <c r="AZ2190" s="85"/>
      <c r="BA2190" s="85"/>
      <c r="BB2190" s="85"/>
      <c r="BC2190" s="85"/>
      <c r="BD2190" s="85"/>
      <c r="BE2190" s="85"/>
      <c r="BF2190" s="85"/>
      <c r="BG2190" s="85"/>
      <c r="BH2190" s="85"/>
      <c r="BI2190" s="85"/>
      <c r="BJ2190" s="85"/>
      <c r="BK2190" s="85"/>
      <c r="BL2190" s="85"/>
      <c r="BM2190" s="85"/>
      <c r="BN2190" s="85"/>
      <c r="BO2190" s="85"/>
      <c r="BP2190" s="85"/>
      <c r="BQ2190" s="85"/>
      <c r="BR2190" s="85"/>
      <c r="BS2190" s="85"/>
      <c r="BT2190" s="85"/>
      <c r="BU2190" s="85"/>
      <c r="BV2190" s="85"/>
      <c r="BW2190" s="85"/>
      <c r="BX2190" s="85"/>
      <c r="BY2190" s="85"/>
      <c r="BZ2190" s="85"/>
      <c r="CA2190" s="85"/>
      <c r="CB2190" s="85"/>
      <c r="CC2190" s="85"/>
      <c r="CD2190" s="85"/>
      <c r="CE2190" s="85"/>
      <c r="CF2190" s="85"/>
      <c r="CG2190" s="85"/>
    </row>
    <row r="2191" spans="1:85" s="9" customFormat="1" x14ac:dyDescent="0.2">
      <c r="A2191" s="85"/>
      <c r="J2191" s="85"/>
      <c r="K2191" s="85"/>
      <c r="L2191" s="85"/>
      <c r="M2191" s="85"/>
      <c r="N2191" s="85"/>
      <c r="O2191" s="85"/>
      <c r="P2191" s="85"/>
      <c r="Q2191" s="85"/>
      <c r="R2191" s="85"/>
      <c r="S2191" s="85"/>
      <c r="T2191" s="85"/>
      <c r="U2191" s="85"/>
      <c r="V2191" s="85"/>
      <c r="W2191" s="85"/>
      <c r="X2191" s="85"/>
      <c r="Y2191" s="85"/>
      <c r="Z2191" s="85"/>
      <c r="AA2191" s="85"/>
      <c r="AB2191" s="85"/>
      <c r="AC2191" s="85"/>
      <c r="AD2191" s="85"/>
      <c r="AE2191" s="85"/>
      <c r="AF2191" s="85"/>
      <c r="AG2191" s="85"/>
      <c r="AH2191" s="85"/>
      <c r="AI2191" s="85"/>
      <c r="AJ2191" s="85"/>
      <c r="AK2191" s="85"/>
      <c r="AL2191" s="85"/>
      <c r="AM2191" s="85"/>
      <c r="AN2191" s="85"/>
      <c r="AO2191" s="85"/>
      <c r="AP2191" s="85"/>
      <c r="AQ2191" s="85"/>
      <c r="AR2191" s="85"/>
      <c r="AS2191" s="85"/>
      <c r="AT2191" s="85"/>
      <c r="AU2191" s="85"/>
      <c r="AV2191" s="85"/>
      <c r="AW2191" s="85"/>
      <c r="AX2191" s="85"/>
      <c r="AY2191" s="85"/>
      <c r="AZ2191" s="85"/>
      <c r="BA2191" s="85"/>
      <c r="BB2191" s="85"/>
      <c r="BC2191" s="85"/>
      <c r="BD2191" s="85"/>
      <c r="BE2191" s="85"/>
      <c r="BF2191" s="85"/>
      <c r="BG2191" s="85"/>
      <c r="BH2191" s="85"/>
      <c r="BI2191" s="85"/>
      <c r="BJ2191" s="85"/>
      <c r="BK2191" s="85"/>
      <c r="BL2191" s="85"/>
      <c r="BM2191" s="85"/>
      <c r="BN2191" s="85"/>
      <c r="BO2191" s="85"/>
      <c r="BP2191" s="85"/>
      <c r="BQ2191" s="85"/>
      <c r="BR2191" s="85"/>
      <c r="BS2191" s="85"/>
      <c r="BT2191" s="85"/>
      <c r="BU2191" s="85"/>
      <c r="BV2191" s="85"/>
      <c r="BW2191" s="85"/>
      <c r="BX2191" s="85"/>
      <c r="BY2191" s="85"/>
      <c r="BZ2191" s="85"/>
      <c r="CA2191" s="85"/>
      <c r="CB2191" s="85"/>
      <c r="CC2191" s="85"/>
      <c r="CD2191" s="85"/>
      <c r="CE2191" s="85"/>
      <c r="CF2191" s="85"/>
      <c r="CG2191" s="85"/>
    </row>
    <row r="2192" spans="1:85" s="9" customFormat="1" x14ac:dyDescent="0.2">
      <c r="A2192" s="85"/>
      <c r="J2192" s="85"/>
      <c r="K2192" s="85"/>
      <c r="L2192" s="85"/>
      <c r="M2192" s="85"/>
      <c r="N2192" s="85"/>
      <c r="O2192" s="85"/>
      <c r="P2192" s="85"/>
      <c r="Q2192" s="85"/>
      <c r="R2192" s="85"/>
      <c r="S2192" s="85"/>
      <c r="T2192" s="85"/>
      <c r="U2192" s="85"/>
      <c r="V2192" s="85"/>
      <c r="W2192" s="85"/>
      <c r="X2192" s="85"/>
      <c r="Y2192" s="85"/>
      <c r="Z2192" s="85"/>
      <c r="AA2192" s="85"/>
      <c r="AB2192" s="85"/>
      <c r="AC2192" s="85"/>
      <c r="AD2192" s="85"/>
      <c r="AE2192" s="85"/>
      <c r="AF2192" s="85"/>
      <c r="AG2192" s="85"/>
      <c r="AH2192" s="85"/>
      <c r="AI2192" s="85"/>
      <c r="AJ2192" s="85"/>
      <c r="AK2192" s="85"/>
      <c r="AL2192" s="85"/>
      <c r="AM2192" s="85"/>
      <c r="AN2192" s="85"/>
      <c r="AO2192" s="85"/>
      <c r="AP2192" s="85"/>
      <c r="AQ2192" s="85"/>
      <c r="AR2192" s="85"/>
      <c r="AS2192" s="85"/>
      <c r="AT2192" s="85"/>
      <c r="AU2192" s="85"/>
      <c r="AV2192" s="85"/>
      <c r="AW2192" s="85"/>
      <c r="AX2192" s="85"/>
      <c r="AY2192" s="85"/>
      <c r="AZ2192" s="85"/>
      <c r="BA2192" s="85"/>
      <c r="BB2192" s="85"/>
      <c r="BC2192" s="85"/>
      <c r="BD2192" s="85"/>
      <c r="BE2192" s="85"/>
      <c r="BF2192" s="85"/>
      <c r="BG2192" s="85"/>
      <c r="BH2192" s="85"/>
      <c r="BI2192" s="85"/>
      <c r="BJ2192" s="85"/>
      <c r="BK2192" s="85"/>
      <c r="BL2192" s="85"/>
      <c r="BM2192" s="85"/>
      <c r="BN2192" s="85"/>
      <c r="BO2192" s="85"/>
      <c r="BP2192" s="85"/>
      <c r="BQ2192" s="85"/>
      <c r="BR2192" s="85"/>
      <c r="BS2192" s="85"/>
      <c r="BT2192" s="85"/>
      <c r="BU2192" s="85"/>
      <c r="BV2192" s="85"/>
      <c r="BW2192" s="85"/>
      <c r="BX2192" s="85"/>
      <c r="BY2192" s="85"/>
      <c r="BZ2192" s="85"/>
      <c r="CA2192" s="85"/>
      <c r="CB2192" s="85"/>
      <c r="CC2192" s="85"/>
      <c r="CD2192" s="85"/>
      <c r="CE2192" s="85"/>
      <c r="CF2192" s="85"/>
      <c r="CG2192" s="85"/>
    </row>
    <row r="2193" spans="1:85" s="9" customFormat="1" x14ac:dyDescent="0.2">
      <c r="A2193" s="85"/>
      <c r="J2193" s="85"/>
      <c r="K2193" s="85"/>
      <c r="L2193" s="85"/>
      <c r="M2193" s="85"/>
      <c r="N2193" s="85"/>
      <c r="O2193" s="85"/>
      <c r="P2193" s="85"/>
      <c r="Q2193" s="85"/>
      <c r="R2193" s="85"/>
      <c r="S2193" s="85"/>
      <c r="T2193" s="85"/>
      <c r="U2193" s="85"/>
      <c r="V2193" s="85"/>
      <c r="W2193" s="85"/>
      <c r="X2193" s="85"/>
      <c r="Y2193" s="85"/>
      <c r="Z2193" s="85"/>
      <c r="AA2193" s="85"/>
      <c r="AB2193" s="85"/>
      <c r="AC2193" s="85"/>
      <c r="AD2193" s="85"/>
      <c r="AE2193" s="85"/>
      <c r="AF2193" s="85"/>
      <c r="AG2193" s="85"/>
      <c r="AH2193" s="85"/>
      <c r="AI2193" s="85"/>
      <c r="AJ2193" s="85"/>
      <c r="AK2193" s="85"/>
      <c r="AL2193" s="85"/>
      <c r="AM2193" s="85"/>
      <c r="AN2193" s="85"/>
      <c r="AO2193" s="85"/>
      <c r="AP2193" s="85"/>
      <c r="AQ2193" s="85"/>
      <c r="AR2193" s="85"/>
      <c r="AS2193" s="85"/>
      <c r="AT2193" s="85"/>
      <c r="AU2193" s="85"/>
      <c r="AV2193" s="85"/>
      <c r="AW2193" s="85"/>
      <c r="AX2193" s="85"/>
      <c r="AY2193" s="85"/>
      <c r="AZ2193" s="85"/>
      <c r="BA2193" s="85"/>
      <c r="BB2193" s="85"/>
      <c r="BC2193" s="85"/>
      <c r="BD2193" s="85"/>
      <c r="BE2193" s="85"/>
      <c r="BF2193" s="85"/>
      <c r="BG2193" s="85"/>
      <c r="BH2193" s="85"/>
      <c r="BI2193" s="85"/>
      <c r="BJ2193" s="85"/>
      <c r="BK2193" s="85"/>
      <c r="BL2193" s="85"/>
      <c r="BM2193" s="85"/>
      <c r="BN2193" s="85"/>
      <c r="BO2193" s="85"/>
      <c r="BP2193" s="85"/>
      <c r="BQ2193" s="85"/>
      <c r="BR2193" s="85"/>
      <c r="BS2193" s="85"/>
      <c r="BT2193" s="85"/>
      <c r="BU2193" s="85"/>
      <c r="BV2193" s="85"/>
      <c r="BW2193" s="85"/>
      <c r="BX2193" s="85"/>
      <c r="BY2193" s="85"/>
      <c r="BZ2193" s="85"/>
      <c r="CA2193" s="85"/>
      <c r="CB2193" s="85"/>
      <c r="CC2193" s="85"/>
      <c r="CD2193" s="85"/>
      <c r="CE2193" s="85"/>
      <c r="CF2193" s="85"/>
      <c r="CG2193" s="85"/>
    </row>
    <row r="2194" spans="1:85" s="9" customFormat="1" x14ac:dyDescent="0.2">
      <c r="A2194" s="85"/>
      <c r="J2194" s="85"/>
      <c r="K2194" s="85"/>
      <c r="L2194" s="85"/>
      <c r="M2194" s="85"/>
      <c r="N2194" s="85"/>
      <c r="O2194" s="85"/>
      <c r="P2194" s="85"/>
      <c r="Q2194" s="85"/>
      <c r="R2194" s="85"/>
      <c r="S2194" s="85"/>
      <c r="T2194" s="85"/>
      <c r="U2194" s="85"/>
      <c r="V2194" s="85"/>
      <c r="W2194" s="85"/>
      <c r="X2194" s="85"/>
      <c r="Y2194" s="85"/>
      <c r="Z2194" s="85"/>
      <c r="AA2194" s="85"/>
      <c r="AB2194" s="85"/>
      <c r="AC2194" s="85"/>
      <c r="AD2194" s="85"/>
      <c r="AE2194" s="85"/>
      <c r="AF2194" s="85"/>
      <c r="AG2194" s="85"/>
      <c r="AH2194" s="85"/>
      <c r="AI2194" s="85"/>
      <c r="AJ2194" s="85"/>
      <c r="AK2194" s="85"/>
      <c r="AL2194" s="85"/>
      <c r="AM2194" s="85"/>
      <c r="AN2194" s="85"/>
      <c r="AO2194" s="85"/>
      <c r="AP2194" s="85"/>
      <c r="AQ2194" s="85"/>
      <c r="AR2194" s="85"/>
      <c r="AS2194" s="85"/>
      <c r="AT2194" s="85"/>
      <c r="AU2194" s="85"/>
      <c r="AV2194" s="85"/>
      <c r="AW2194" s="85"/>
      <c r="AX2194" s="85"/>
      <c r="AY2194" s="85"/>
      <c r="AZ2194" s="85"/>
      <c r="BA2194" s="85"/>
      <c r="BB2194" s="85"/>
      <c r="BC2194" s="85"/>
      <c r="BD2194" s="85"/>
      <c r="BE2194" s="85"/>
      <c r="BF2194" s="85"/>
      <c r="BG2194" s="85"/>
      <c r="BH2194" s="85"/>
      <c r="BI2194" s="85"/>
      <c r="BJ2194" s="85"/>
      <c r="BK2194" s="85"/>
      <c r="BL2194" s="85"/>
      <c r="BM2194" s="85"/>
      <c r="BN2194" s="85"/>
      <c r="BO2194" s="85"/>
      <c r="BP2194" s="85"/>
      <c r="BQ2194" s="85"/>
      <c r="BR2194" s="85"/>
      <c r="BS2194" s="85"/>
      <c r="BT2194" s="85"/>
      <c r="BU2194" s="85"/>
      <c r="BV2194" s="85"/>
      <c r="BW2194" s="85"/>
      <c r="BX2194" s="85"/>
      <c r="BY2194" s="85"/>
      <c r="BZ2194" s="85"/>
      <c r="CA2194" s="85"/>
      <c r="CB2194" s="85"/>
      <c r="CC2194" s="85"/>
      <c r="CD2194" s="85"/>
      <c r="CE2194" s="85"/>
      <c r="CF2194" s="85"/>
      <c r="CG2194" s="85"/>
    </row>
    <row r="2195" spans="1:85" s="9" customFormat="1" x14ac:dyDescent="0.2">
      <c r="A2195" s="85"/>
      <c r="J2195" s="85"/>
      <c r="K2195" s="85"/>
      <c r="L2195" s="85"/>
      <c r="M2195" s="85"/>
      <c r="N2195" s="85"/>
      <c r="O2195" s="85"/>
      <c r="P2195" s="85"/>
      <c r="Q2195" s="85"/>
      <c r="R2195" s="85"/>
      <c r="S2195" s="85"/>
      <c r="T2195" s="85"/>
      <c r="U2195" s="85"/>
      <c r="V2195" s="85"/>
      <c r="W2195" s="85"/>
      <c r="X2195" s="85"/>
      <c r="Y2195" s="85"/>
      <c r="Z2195" s="85"/>
      <c r="AA2195" s="85"/>
      <c r="AB2195" s="85"/>
      <c r="AC2195" s="85"/>
      <c r="AD2195" s="85"/>
      <c r="AE2195" s="85"/>
      <c r="AF2195" s="85"/>
      <c r="AG2195" s="85"/>
      <c r="AH2195" s="85"/>
      <c r="AI2195" s="85"/>
      <c r="AJ2195" s="85"/>
      <c r="AK2195" s="85"/>
      <c r="AL2195" s="85"/>
      <c r="AM2195" s="85"/>
      <c r="AN2195" s="85"/>
      <c r="AO2195" s="85"/>
      <c r="AP2195" s="85"/>
      <c r="AQ2195" s="85"/>
      <c r="AR2195" s="85"/>
      <c r="AS2195" s="85"/>
      <c r="AT2195" s="85"/>
      <c r="AU2195" s="85"/>
      <c r="AV2195" s="85"/>
      <c r="AW2195" s="85"/>
      <c r="AX2195" s="85"/>
      <c r="AY2195" s="85"/>
      <c r="AZ2195" s="85"/>
      <c r="BA2195" s="85"/>
      <c r="BB2195" s="85"/>
      <c r="BC2195" s="85"/>
      <c r="BD2195" s="85"/>
      <c r="BE2195" s="85"/>
      <c r="BF2195" s="85"/>
      <c r="BG2195" s="85"/>
      <c r="BH2195" s="85"/>
      <c r="BI2195" s="85"/>
      <c r="BJ2195" s="85"/>
      <c r="BK2195" s="85"/>
      <c r="BL2195" s="85"/>
      <c r="BM2195" s="85"/>
      <c r="BN2195" s="85"/>
      <c r="BO2195" s="85"/>
      <c r="BP2195" s="85"/>
      <c r="BQ2195" s="85"/>
      <c r="BR2195" s="85"/>
      <c r="BS2195" s="85"/>
      <c r="BT2195" s="85"/>
      <c r="BU2195" s="85"/>
      <c r="BV2195" s="85"/>
      <c r="BW2195" s="85"/>
      <c r="BX2195" s="85"/>
      <c r="BY2195" s="85"/>
      <c r="BZ2195" s="85"/>
      <c r="CA2195" s="85"/>
      <c r="CB2195" s="85"/>
      <c r="CC2195" s="85"/>
      <c r="CD2195" s="85"/>
      <c r="CE2195" s="85"/>
      <c r="CF2195" s="85"/>
      <c r="CG2195" s="85"/>
    </row>
    <row r="2196" spans="1:85" s="9" customFormat="1" x14ac:dyDescent="0.2">
      <c r="A2196" s="85"/>
      <c r="J2196" s="85"/>
      <c r="K2196" s="85"/>
      <c r="L2196" s="85"/>
      <c r="M2196" s="85"/>
      <c r="N2196" s="85"/>
      <c r="O2196" s="85"/>
      <c r="P2196" s="85"/>
      <c r="Q2196" s="85"/>
      <c r="R2196" s="85"/>
      <c r="S2196" s="85"/>
      <c r="T2196" s="85"/>
      <c r="U2196" s="85"/>
      <c r="V2196" s="85"/>
      <c r="W2196" s="85"/>
      <c r="X2196" s="85"/>
      <c r="Y2196" s="85"/>
      <c r="Z2196" s="85"/>
      <c r="AA2196" s="85"/>
      <c r="AB2196" s="85"/>
      <c r="AC2196" s="85"/>
      <c r="AD2196" s="85"/>
      <c r="AE2196" s="85"/>
      <c r="AF2196" s="85"/>
      <c r="AG2196" s="85"/>
      <c r="AH2196" s="85"/>
      <c r="AI2196" s="85"/>
      <c r="AJ2196" s="85"/>
      <c r="AK2196" s="85"/>
      <c r="AL2196" s="85"/>
      <c r="AM2196" s="85"/>
      <c r="AN2196" s="85"/>
      <c r="AO2196" s="85"/>
      <c r="AP2196" s="85"/>
      <c r="AQ2196" s="85"/>
      <c r="AR2196" s="85"/>
      <c r="AS2196" s="85"/>
      <c r="AT2196" s="85"/>
      <c r="AU2196" s="85"/>
      <c r="AV2196" s="85"/>
      <c r="AW2196" s="85"/>
      <c r="AX2196" s="85"/>
      <c r="AY2196" s="85"/>
      <c r="AZ2196" s="85"/>
      <c r="BA2196" s="85"/>
      <c r="BB2196" s="85"/>
      <c r="BC2196" s="85"/>
      <c r="BD2196" s="85"/>
      <c r="BE2196" s="85"/>
      <c r="BF2196" s="85"/>
      <c r="BG2196" s="85"/>
      <c r="BH2196" s="85"/>
      <c r="BI2196" s="85"/>
      <c r="BJ2196" s="85"/>
      <c r="BK2196" s="85"/>
      <c r="BL2196" s="85"/>
      <c r="BM2196" s="85"/>
      <c r="BN2196" s="85"/>
      <c r="BO2196" s="85"/>
      <c r="BP2196" s="85"/>
      <c r="BQ2196" s="85"/>
      <c r="BR2196" s="85"/>
      <c r="BS2196" s="85"/>
      <c r="BT2196" s="85"/>
      <c r="BU2196" s="85"/>
      <c r="BV2196" s="85"/>
      <c r="BW2196" s="85"/>
      <c r="BX2196" s="85"/>
      <c r="BY2196" s="85"/>
      <c r="BZ2196" s="85"/>
      <c r="CA2196" s="85"/>
      <c r="CB2196" s="85"/>
      <c r="CC2196" s="85"/>
      <c r="CD2196" s="85"/>
      <c r="CE2196" s="85"/>
      <c r="CF2196" s="85"/>
      <c r="CG2196" s="85"/>
    </row>
    <row r="2197" spans="1:85" s="9" customFormat="1" x14ac:dyDescent="0.2">
      <c r="A2197" s="85"/>
      <c r="J2197" s="85"/>
      <c r="K2197" s="85"/>
      <c r="L2197" s="85"/>
      <c r="M2197" s="85"/>
      <c r="N2197" s="85"/>
      <c r="O2197" s="85"/>
      <c r="P2197" s="85"/>
      <c r="Q2197" s="85"/>
      <c r="R2197" s="85"/>
      <c r="S2197" s="85"/>
      <c r="T2197" s="85"/>
      <c r="U2197" s="85"/>
      <c r="V2197" s="85"/>
      <c r="W2197" s="85"/>
      <c r="X2197" s="85"/>
      <c r="Y2197" s="85"/>
      <c r="Z2197" s="85"/>
      <c r="AA2197" s="85"/>
      <c r="AB2197" s="85"/>
      <c r="AC2197" s="85"/>
      <c r="AD2197" s="85"/>
      <c r="AE2197" s="85"/>
      <c r="AF2197" s="85"/>
      <c r="AG2197" s="85"/>
      <c r="AH2197" s="85"/>
      <c r="AI2197" s="85"/>
      <c r="AJ2197" s="85"/>
      <c r="AK2197" s="85"/>
      <c r="AL2197" s="85"/>
      <c r="AM2197" s="85"/>
      <c r="AN2197" s="85"/>
      <c r="AO2197" s="85"/>
      <c r="AP2197" s="85"/>
      <c r="AQ2197" s="85"/>
      <c r="AR2197" s="85"/>
      <c r="AS2197" s="85"/>
      <c r="AT2197" s="85"/>
      <c r="AU2197" s="85"/>
      <c r="AV2197" s="85"/>
      <c r="AW2197" s="85"/>
      <c r="AX2197" s="85"/>
      <c r="AY2197" s="85"/>
      <c r="AZ2197" s="85"/>
      <c r="BA2197" s="85"/>
      <c r="BB2197" s="85"/>
      <c r="BC2197" s="85"/>
      <c r="BD2197" s="85"/>
      <c r="BE2197" s="85"/>
      <c r="BF2197" s="85"/>
      <c r="BG2197" s="85"/>
      <c r="BH2197" s="85"/>
      <c r="BI2197" s="85"/>
      <c r="BJ2197" s="85"/>
      <c r="BK2197" s="85"/>
      <c r="BL2197" s="85"/>
      <c r="BM2197" s="85"/>
      <c r="BN2197" s="85"/>
      <c r="BO2197" s="85"/>
      <c r="BP2197" s="85"/>
      <c r="BQ2197" s="85"/>
      <c r="BR2197" s="85"/>
      <c r="BS2197" s="85"/>
      <c r="BT2197" s="85"/>
      <c r="BU2197" s="85"/>
      <c r="BV2197" s="85"/>
      <c r="BW2197" s="85"/>
      <c r="BX2197" s="85"/>
      <c r="BY2197" s="85"/>
      <c r="BZ2197" s="85"/>
      <c r="CA2197" s="85"/>
      <c r="CB2197" s="85"/>
      <c r="CC2197" s="85"/>
      <c r="CD2197" s="85"/>
      <c r="CE2197" s="85"/>
      <c r="CF2197" s="85"/>
      <c r="CG2197" s="85"/>
    </row>
    <row r="2198" spans="1:85" s="9" customFormat="1" x14ac:dyDescent="0.2">
      <c r="A2198" s="85"/>
      <c r="J2198" s="85"/>
      <c r="K2198" s="85"/>
      <c r="L2198" s="85"/>
      <c r="M2198" s="85"/>
      <c r="N2198" s="85"/>
      <c r="O2198" s="85"/>
      <c r="P2198" s="85"/>
      <c r="Q2198" s="85"/>
      <c r="R2198" s="85"/>
      <c r="S2198" s="85"/>
      <c r="T2198" s="85"/>
      <c r="U2198" s="85"/>
      <c r="V2198" s="85"/>
      <c r="W2198" s="85"/>
      <c r="X2198" s="85"/>
      <c r="Y2198" s="85"/>
      <c r="Z2198" s="85"/>
      <c r="AA2198" s="85"/>
      <c r="AB2198" s="85"/>
      <c r="AC2198" s="85"/>
      <c r="AD2198" s="85"/>
      <c r="AE2198" s="85"/>
      <c r="AF2198" s="85"/>
      <c r="AG2198" s="85"/>
      <c r="AH2198" s="85"/>
      <c r="AI2198" s="85"/>
      <c r="AJ2198" s="85"/>
      <c r="AK2198" s="85"/>
      <c r="AL2198" s="85"/>
      <c r="AM2198" s="85"/>
      <c r="AN2198" s="85"/>
      <c r="AO2198" s="85"/>
      <c r="AP2198" s="85"/>
      <c r="AQ2198" s="85"/>
      <c r="AR2198" s="85"/>
      <c r="AS2198" s="85"/>
      <c r="AT2198" s="85"/>
      <c r="AU2198" s="85"/>
      <c r="AV2198" s="85"/>
      <c r="AW2198" s="85"/>
      <c r="AX2198" s="85"/>
      <c r="AY2198" s="85"/>
      <c r="AZ2198" s="85"/>
      <c r="BA2198" s="85"/>
      <c r="BB2198" s="85"/>
      <c r="BC2198" s="85"/>
      <c r="BD2198" s="85"/>
      <c r="BE2198" s="85"/>
      <c r="BF2198" s="85"/>
      <c r="BG2198" s="85"/>
      <c r="BH2198" s="85"/>
      <c r="BI2198" s="85"/>
      <c r="BJ2198" s="85"/>
      <c r="BK2198" s="85"/>
      <c r="BL2198" s="85"/>
      <c r="BM2198" s="85"/>
      <c r="BN2198" s="85"/>
      <c r="BO2198" s="85"/>
      <c r="BP2198" s="85"/>
      <c r="BQ2198" s="85"/>
      <c r="BR2198" s="85"/>
      <c r="BS2198" s="85"/>
      <c r="BT2198" s="85"/>
      <c r="BU2198" s="85"/>
      <c r="BV2198" s="85"/>
      <c r="BW2198" s="85"/>
      <c r="BX2198" s="85"/>
      <c r="BY2198" s="85"/>
      <c r="BZ2198" s="85"/>
      <c r="CA2198" s="85"/>
      <c r="CB2198" s="85"/>
      <c r="CC2198" s="85"/>
      <c r="CD2198" s="85"/>
      <c r="CE2198" s="85"/>
      <c r="CF2198" s="85"/>
      <c r="CG2198" s="85"/>
    </row>
    <row r="2199" spans="1:85" s="9" customFormat="1" x14ac:dyDescent="0.2">
      <c r="A2199" s="85"/>
      <c r="J2199" s="85"/>
      <c r="K2199" s="85"/>
      <c r="L2199" s="85"/>
      <c r="M2199" s="85"/>
      <c r="N2199" s="85"/>
      <c r="O2199" s="85"/>
      <c r="P2199" s="85"/>
      <c r="Q2199" s="85"/>
      <c r="R2199" s="85"/>
      <c r="S2199" s="85"/>
      <c r="T2199" s="85"/>
      <c r="U2199" s="85"/>
      <c r="V2199" s="85"/>
      <c r="W2199" s="85"/>
      <c r="X2199" s="85"/>
      <c r="Y2199" s="85"/>
      <c r="Z2199" s="85"/>
      <c r="AA2199" s="85"/>
      <c r="AB2199" s="85"/>
      <c r="AC2199" s="85"/>
      <c r="AD2199" s="85"/>
      <c r="AE2199" s="85"/>
      <c r="AF2199" s="85"/>
      <c r="AG2199" s="85"/>
      <c r="AH2199" s="85"/>
      <c r="AI2199" s="85"/>
      <c r="AJ2199" s="85"/>
      <c r="AK2199" s="85"/>
      <c r="AL2199" s="85"/>
      <c r="AM2199" s="85"/>
      <c r="AN2199" s="85"/>
      <c r="AO2199" s="85"/>
      <c r="AP2199" s="85"/>
      <c r="AQ2199" s="85"/>
      <c r="AR2199" s="85"/>
      <c r="AS2199" s="85"/>
      <c r="AT2199" s="85"/>
      <c r="AU2199" s="85"/>
      <c r="AV2199" s="85"/>
      <c r="AW2199" s="85"/>
      <c r="AX2199" s="85"/>
      <c r="AY2199" s="85"/>
      <c r="AZ2199" s="85"/>
      <c r="BA2199" s="85"/>
      <c r="BB2199" s="85"/>
      <c r="BC2199" s="85"/>
      <c r="BD2199" s="85"/>
      <c r="BE2199" s="85"/>
      <c r="BF2199" s="85"/>
      <c r="BG2199" s="85"/>
      <c r="BH2199" s="85"/>
      <c r="BI2199" s="85"/>
      <c r="BJ2199" s="85"/>
      <c r="BK2199" s="85"/>
      <c r="BL2199" s="85"/>
      <c r="BM2199" s="85"/>
      <c r="BN2199" s="85"/>
      <c r="BO2199" s="85"/>
      <c r="BP2199" s="85"/>
      <c r="BQ2199" s="85"/>
      <c r="BR2199" s="85"/>
      <c r="BS2199" s="85"/>
      <c r="BT2199" s="85"/>
      <c r="BU2199" s="85"/>
      <c r="BV2199" s="85"/>
      <c r="BW2199" s="85"/>
      <c r="BX2199" s="85"/>
      <c r="BY2199" s="85"/>
      <c r="BZ2199" s="85"/>
      <c r="CA2199" s="85"/>
      <c r="CB2199" s="85"/>
      <c r="CC2199" s="85"/>
      <c r="CD2199" s="85"/>
      <c r="CE2199" s="85"/>
      <c r="CF2199" s="85"/>
      <c r="CG2199" s="85"/>
    </row>
    <row r="2200" spans="1:85" s="9" customFormat="1" x14ac:dyDescent="0.2">
      <c r="A2200" s="85"/>
      <c r="J2200" s="85"/>
      <c r="K2200" s="85"/>
      <c r="L2200" s="85"/>
      <c r="M2200" s="85"/>
      <c r="N2200" s="85"/>
      <c r="O2200" s="85"/>
      <c r="P2200" s="85"/>
      <c r="Q2200" s="85"/>
      <c r="R2200" s="85"/>
      <c r="S2200" s="85"/>
      <c r="T2200" s="85"/>
      <c r="U2200" s="85"/>
      <c r="V2200" s="85"/>
      <c r="W2200" s="85"/>
      <c r="X2200" s="85"/>
      <c r="Y2200" s="85"/>
      <c r="Z2200" s="85"/>
      <c r="AA2200" s="85"/>
      <c r="AB2200" s="85"/>
      <c r="AC2200" s="85"/>
      <c r="AD2200" s="85"/>
      <c r="AE2200" s="85"/>
      <c r="AF2200" s="85"/>
      <c r="AG2200" s="85"/>
      <c r="AH2200" s="85"/>
      <c r="AI2200" s="85"/>
      <c r="AJ2200" s="85"/>
      <c r="AK2200" s="85"/>
      <c r="AL2200" s="85"/>
      <c r="AM2200" s="85"/>
      <c r="AN2200" s="85"/>
      <c r="AO2200" s="85"/>
      <c r="AP2200" s="85"/>
      <c r="AQ2200" s="85"/>
      <c r="AR2200" s="85"/>
      <c r="AS2200" s="85"/>
      <c r="AT2200" s="85"/>
      <c r="AU2200" s="85"/>
      <c r="AV2200" s="85"/>
      <c r="AW2200" s="85"/>
      <c r="AX2200" s="85"/>
      <c r="AY2200" s="85"/>
      <c r="AZ2200" s="85"/>
      <c r="BA2200" s="85"/>
      <c r="BB2200" s="85"/>
      <c r="BC2200" s="85"/>
      <c r="BD2200" s="85"/>
      <c r="BE2200" s="85"/>
      <c r="BF2200" s="85"/>
      <c r="BG2200" s="85"/>
      <c r="BH2200" s="85"/>
      <c r="BI2200" s="85"/>
      <c r="BJ2200" s="85"/>
      <c r="BK2200" s="85"/>
      <c r="BL2200" s="85"/>
      <c r="BM2200" s="85"/>
      <c r="BN2200" s="85"/>
      <c r="BO2200" s="85"/>
      <c r="BP2200" s="85"/>
      <c r="BQ2200" s="85"/>
      <c r="BR2200" s="85"/>
      <c r="BS2200" s="85"/>
      <c r="BT2200" s="85"/>
      <c r="BU2200" s="85"/>
      <c r="BV2200" s="85"/>
      <c r="BW2200" s="85"/>
      <c r="BX2200" s="85"/>
      <c r="BY2200" s="85"/>
      <c r="BZ2200" s="85"/>
      <c r="CA2200" s="85"/>
      <c r="CB2200" s="85"/>
      <c r="CC2200" s="85"/>
      <c r="CD2200" s="85"/>
      <c r="CE2200" s="85"/>
      <c r="CF2200" s="85"/>
      <c r="CG2200" s="85"/>
    </row>
    <row r="2201" spans="1:85" s="9" customFormat="1" x14ac:dyDescent="0.2">
      <c r="A2201" s="85"/>
      <c r="J2201" s="85"/>
      <c r="K2201" s="85"/>
      <c r="L2201" s="85"/>
      <c r="M2201" s="85"/>
      <c r="N2201" s="85"/>
      <c r="O2201" s="85"/>
      <c r="P2201" s="85"/>
      <c r="Q2201" s="85"/>
      <c r="R2201" s="85"/>
      <c r="S2201" s="85"/>
      <c r="T2201" s="85"/>
      <c r="U2201" s="85"/>
      <c r="V2201" s="85"/>
      <c r="W2201" s="85"/>
      <c r="X2201" s="85"/>
      <c r="Y2201" s="85"/>
      <c r="Z2201" s="85"/>
      <c r="AA2201" s="85"/>
      <c r="AB2201" s="85"/>
      <c r="AC2201" s="85"/>
      <c r="AD2201" s="85"/>
      <c r="AE2201" s="85"/>
      <c r="AF2201" s="85"/>
      <c r="AG2201" s="85"/>
      <c r="AH2201" s="85"/>
      <c r="AI2201" s="85"/>
      <c r="AJ2201" s="85"/>
      <c r="AK2201" s="85"/>
      <c r="AL2201" s="85"/>
      <c r="AM2201" s="85"/>
      <c r="AN2201" s="85"/>
      <c r="AO2201" s="85"/>
      <c r="AP2201" s="85"/>
      <c r="AQ2201" s="85"/>
      <c r="AR2201" s="85"/>
      <c r="AS2201" s="85"/>
      <c r="AT2201" s="85"/>
      <c r="AU2201" s="85"/>
      <c r="AV2201" s="85"/>
      <c r="AW2201" s="85"/>
      <c r="AX2201" s="85"/>
      <c r="AY2201" s="85"/>
      <c r="AZ2201" s="85"/>
      <c r="BA2201" s="85"/>
      <c r="BB2201" s="85"/>
      <c r="BC2201" s="85"/>
      <c r="BD2201" s="85"/>
      <c r="BE2201" s="85"/>
      <c r="BF2201" s="85"/>
      <c r="BG2201" s="85"/>
      <c r="BH2201" s="85"/>
      <c r="BI2201" s="85"/>
      <c r="BJ2201" s="85"/>
      <c r="BK2201" s="85"/>
      <c r="BL2201" s="85"/>
      <c r="BM2201" s="85"/>
      <c r="BN2201" s="85"/>
      <c r="BO2201" s="85"/>
      <c r="BP2201" s="85"/>
      <c r="BQ2201" s="85"/>
      <c r="BR2201" s="85"/>
      <c r="BS2201" s="85"/>
      <c r="BT2201" s="85"/>
      <c r="BU2201" s="85"/>
      <c r="BV2201" s="85"/>
      <c r="BW2201" s="85"/>
      <c r="BX2201" s="85"/>
      <c r="BY2201" s="85"/>
      <c r="BZ2201" s="85"/>
      <c r="CA2201" s="85"/>
      <c r="CB2201" s="85"/>
      <c r="CC2201" s="85"/>
      <c r="CD2201" s="85"/>
      <c r="CE2201" s="85"/>
      <c r="CF2201" s="85"/>
      <c r="CG2201" s="85"/>
    </row>
    <row r="2202" spans="1:85" s="9" customFormat="1" x14ac:dyDescent="0.2">
      <c r="A2202" s="85"/>
      <c r="J2202" s="85"/>
      <c r="K2202" s="85"/>
      <c r="L2202" s="85"/>
      <c r="M2202" s="85"/>
      <c r="N2202" s="85"/>
      <c r="O2202" s="85"/>
      <c r="P2202" s="85"/>
      <c r="Q2202" s="85"/>
      <c r="R2202" s="85"/>
      <c r="S2202" s="85"/>
      <c r="T2202" s="85"/>
      <c r="U2202" s="85"/>
      <c r="V2202" s="85"/>
      <c r="W2202" s="85"/>
      <c r="X2202" s="85"/>
      <c r="Y2202" s="85"/>
      <c r="Z2202" s="85"/>
      <c r="AA2202" s="85"/>
      <c r="AB2202" s="85"/>
      <c r="AC2202" s="85"/>
      <c r="AD2202" s="85"/>
      <c r="AE2202" s="85"/>
      <c r="AF2202" s="85"/>
      <c r="AG2202" s="85"/>
      <c r="AH2202" s="85"/>
      <c r="AI2202" s="85"/>
      <c r="AJ2202" s="85"/>
      <c r="AK2202" s="85"/>
      <c r="AL2202" s="85"/>
      <c r="AM2202" s="85"/>
      <c r="AN2202" s="85"/>
      <c r="AO2202" s="85"/>
      <c r="AP2202" s="85"/>
      <c r="AQ2202" s="85"/>
      <c r="AR2202" s="85"/>
      <c r="AS2202" s="85"/>
      <c r="AT2202" s="85"/>
      <c r="AU2202" s="85"/>
      <c r="AV2202" s="85"/>
      <c r="AW2202" s="85"/>
      <c r="AX2202" s="85"/>
      <c r="AY2202" s="85"/>
      <c r="AZ2202" s="85"/>
      <c r="BA2202" s="85"/>
      <c r="BB2202" s="85"/>
      <c r="BC2202" s="85"/>
      <c r="BD2202" s="85"/>
      <c r="BE2202" s="85"/>
      <c r="BF2202" s="85"/>
      <c r="BG2202" s="85"/>
      <c r="BH2202" s="85"/>
      <c r="BI2202" s="85"/>
      <c r="BJ2202" s="85"/>
      <c r="BK2202" s="85"/>
      <c r="BL2202" s="85"/>
      <c r="BM2202" s="85"/>
      <c r="BN2202" s="85"/>
      <c r="BO2202" s="85"/>
      <c r="BP2202" s="85"/>
      <c r="BQ2202" s="85"/>
      <c r="BR2202" s="85"/>
      <c r="BS2202" s="85"/>
      <c r="BT2202" s="85"/>
      <c r="BU2202" s="85"/>
      <c r="BV2202" s="85"/>
      <c r="BW2202" s="85"/>
      <c r="BX2202" s="85"/>
      <c r="BY2202" s="85"/>
      <c r="BZ2202" s="85"/>
      <c r="CA2202" s="85"/>
      <c r="CB2202" s="85"/>
      <c r="CC2202" s="85"/>
      <c r="CD2202" s="85"/>
      <c r="CE2202" s="85"/>
      <c r="CF2202" s="85"/>
      <c r="CG2202" s="85"/>
    </row>
    <row r="2203" spans="1:85" s="9" customFormat="1" x14ac:dyDescent="0.2">
      <c r="A2203" s="85"/>
      <c r="J2203" s="85"/>
      <c r="K2203" s="85"/>
      <c r="L2203" s="85"/>
      <c r="M2203" s="85"/>
      <c r="N2203" s="85"/>
      <c r="O2203" s="85"/>
      <c r="P2203" s="85"/>
      <c r="Q2203" s="85"/>
      <c r="R2203" s="85"/>
      <c r="S2203" s="85"/>
      <c r="T2203" s="85"/>
      <c r="U2203" s="85"/>
      <c r="V2203" s="85"/>
      <c r="W2203" s="85"/>
      <c r="X2203" s="85"/>
      <c r="Y2203" s="85"/>
      <c r="Z2203" s="85"/>
      <c r="AA2203" s="85"/>
      <c r="AB2203" s="85"/>
      <c r="AC2203" s="85"/>
      <c r="AD2203" s="85"/>
      <c r="AE2203" s="85"/>
      <c r="AF2203" s="85"/>
      <c r="AG2203" s="85"/>
      <c r="AH2203" s="85"/>
      <c r="AI2203" s="85"/>
      <c r="AJ2203" s="85"/>
      <c r="AK2203" s="85"/>
      <c r="AL2203" s="85"/>
      <c r="AM2203" s="85"/>
      <c r="AN2203" s="85"/>
      <c r="AO2203" s="85"/>
      <c r="AP2203" s="85"/>
      <c r="AQ2203" s="85"/>
      <c r="AR2203" s="85"/>
      <c r="AS2203" s="85"/>
      <c r="AT2203" s="85"/>
      <c r="AU2203" s="85"/>
      <c r="AV2203" s="85"/>
      <c r="AW2203" s="85"/>
      <c r="AX2203" s="85"/>
      <c r="AY2203" s="85"/>
      <c r="AZ2203" s="85"/>
      <c r="BA2203" s="85"/>
      <c r="BB2203" s="85"/>
      <c r="BC2203" s="85"/>
      <c r="BD2203" s="85"/>
      <c r="BE2203" s="85"/>
      <c r="BF2203" s="85"/>
      <c r="BG2203" s="85"/>
      <c r="BH2203" s="85"/>
      <c r="BI2203" s="85"/>
      <c r="BJ2203" s="85"/>
      <c r="BK2203" s="85"/>
      <c r="BL2203" s="85"/>
      <c r="BM2203" s="85"/>
      <c r="BN2203" s="85"/>
      <c r="BO2203" s="85"/>
      <c r="BP2203" s="85"/>
      <c r="BQ2203" s="85"/>
      <c r="BR2203" s="85"/>
      <c r="BS2203" s="85"/>
      <c r="BT2203" s="85"/>
      <c r="BU2203" s="85"/>
      <c r="BV2203" s="85"/>
      <c r="BW2203" s="85"/>
      <c r="BX2203" s="85"/>
      <c r="BY2203" s="85"/>
      <c r="BZ2203" s="85"/>
      <c r="CA2203" s="85"/>
      <c r="CB2203" s="85"/>
      <c r="CC2203" s="85"/>
      <c r="CD2203" s="85"/>
      <c r="CE2203" s="85"/>
      <c r="CF2203" s="85"/>
      <c r="CG2203" s="85"/>
    </row>
    <row r="2204" spans="1:85" s="9" customFormat="1" x14ac:dyDescent="0.2">
      <c r="A2204" s="85"/>
      <c r="J2204" s="85"/>
      <c r="K2204" s="85"/>
      <c r="L2204" s="85"/>
      <c r="M2204" s="85"/>
      <c r="N2204" s="85"/>
      <c r="O2204" s="85"/>
      <c r="P2204" s="85"/>
      <c r="Q2204" s="85"/>
      <c r="R2204" s="85"/>
      <c r="S2204" s="85"/>
      <c r="T2204" s="85"/>
      <c r="U2204" s="85"/>
      <c r="V2204" s="85"/>
      <c r="W2204" s="85"/>
      <c r="X2204" s="85"/>
      <c r="Y2204" s="85"/>
      <c r="Z2204" s="85"/>
      <c r="AA2204" s="85"/>
      <c r="AB2204" s="85"/>
      <c r="AC2204" s="85"/>
      <c r="AD2204" s="85"/>
      <c r="AE2204" s="85"/>
      <c r="AF2204" s="85"/>
      <c r="AG2204" s="85"/>
      <c r="AH2204" s="85"/>
      <c r="AI2204" s="85"/>
      <c r="AJ2204" s="85"/>
      <c r="AK2204" s="85"/>
      <c r="AL2204" s="85"/>
      <c r="AM2204" s="85"/>
      <c r="AN2204" s="85"/>
      <c r="AO2204" s="85"/>
      <c r="AP2204" s="85"/>
      <c r="AQ2204" s="85"/>
      <c r="AR2204" s="85"/>
      <c r="AS2204" s="85"/>
      <c r="AT2204" s="85"/>
      <c r="AU2204" s="85"/>
      <c r="AV2204" s="85"/>
      <c r="AW2204" s="85"/>
      <c r="AX2204" s="85"/>
      <c r="AY2204" s="85"/>
      <c r="AZ2204" s="85"/>
      <c r="BA2204" s="85"/>
      <c r="BB2204" s="85"/>
      <c r="BC2204" s="85"/>
      <c r="BD2204" s="85"/>
      <c r="BE2204" s="85"/>
      <c r="BF2204" s="85"/>
      <c r="BG2204" s="85"/>
      <c r="BH2204" s="85"/>
      <c r="BI2204" s="85"/>
      <c r="BJ2204" s="85"/>
      <c r="BK2204" s="85"/>
      <c r="BL2204" s="85"/>
      <c r="BM2204" s="85"/>
      <c r="BN2204" s="85"/>
      <c r="BO2204" s="85"/>
      <c r="BP2204" s="85"/>
      <c r="BQ2204" s="85"/>
      <c r="BR2204" s="85"/>
      <c r="BS2204" s="85"/>
      <c r="BT2204" s="85"/>
      <c r="BU2204" s="85"/>
      <c r="BV2204" s="85"/>
      <c r="BW2204" s="85"/>
      <c r="BX2204" s="85"/>
      <c r="BY2204" s="85"/>
      <c r="BZ2204" s="85"/>
      <c r="CA2204" s="85"/>
      <c r="CB2204" s="85"/>
      <c r="CC2204" s="85"/>
      <c r="CD2204" s="85"/>
      <c r="CE2204" s="85"/>
      <c r="CF2204" s="85"/>
      <c r="CG2204" s="85"/>
    </row>
    <row r="2205" spans="1:85" s="9" customFormat="1" x14ac:dyDescent="0.2">
      <c r="A2205" s="85"/>
      <c r="J2205" s="85"/>
      <c r="K2205" s="85"/>
      <c r="L2205" s="85"/>
      <c r="M2205" s="85"/>
      <c r="N2205" s="85"/>
      <c r="O2205" s="85"/>
      <c r="P2205" s="85"/>
      <c r="Q2205" s="85"/>
      <c r="R2205" s="85"/>
      <c r="S2205" s="85"/>
      <c r="T2205" s="85"/>
      <c r="U2205" s="85"/>
      <c r="V2205" s="85"/>
      <c r="W2205" s="85"/>
      <c r="X2205" s="85"/>
      <c r="Y2205" s="85"/>
      <c r="Z2205" s="85"/>
      <c r="AA2205" s="85"/>
      <c r="AB2205" s="85"/>
      <c r="AC2205" s="85"/>
      <c r="AD2205" s="85"/>
      <c r="AE2205" s="85"/>
      <c r="AF2205" s="85"/>
      <c r="AG2205" s="85"/>
      <c r="AH2205" s="85"/>
      <c r="AI2205" s="85"/>
      <c r="AJ2205" s="85"/>
      <c r="AK2205" s="85"/>
      <c r="AL2205" s="85"/>
      <c r="AM2205" s="85"/>
      <c r="AN2205" s="85"/>
      <c r="AO2205" s="85"/>
      <c r="AP2205" s="85"/>
      <c r="AQ2205" s="85"/>
      <c r="AR2205" s="85"/>
      <c r="AS2205" s="85"/>
      <c r="AT2205" s="85"/>
      <c r="AU2205" s="85"/>
      <c r="AV2205" s="85"/>
      <c r="AW2205" s="85"/>
      <c r="AX2205" s="85"/>
      <c r="AY2205" s="85"/>
      <c r="AZ2205" s="85"/>
      <c r="BA2205" s="85"/>
      <c r="BB2205" s="85"/>
      <c r="BC2205" s="85"/>
      <c r="BD2205" s="85"/>
      <c r="BE2205" s="85"/>
      <c r="BF2205" s="85"/>
      <c r="BG2205" s="85"/>
      <c r="BH2205" s="85"/>
      <c r="BI2205" s="85"/>
      <c r="BJ2205" s="85"/>
      <c r="BK2205" s="85"/>
      <c r="BL2205" s="85"/>
      <c r="BM2205" s="85"/>
      <c r="BN2205" s="85"/>
      <c r="BO2205" s="85"/>
      <c r="BP2205" s="85"/>
      <c r="BQ2205" s="85"/>
      <c r="BR2205" s="85"/>
      <c r="BS2205" s="85"/>
      <c r="BT2205" s="85"/>
      <c r="BU2205" s="85"/>
      <c r="BV2205" s="85"/>
      <c r="BW2205" s="85"/>
      <c r="BX2205" s="85"/>
      <c r="BY2205" s="85"/>
      <c r="BZ2205" s="85"/>
      <c r="CA2205" s="85"/>
      <c r="CB2205" s="85"/>
      <c r="CC2205" s="85"/>
      <c r="CD2205" s="85"/>
      <c r="CE2205" s="85"/>
      <c r="CF2205" s="85"/>
      <c r="CG2205" s="85"/>
    </row>
    <row r="2206" spans="1:85" s="9" customFormat="1" x14ac:dyDescent="0.2">
      <c r="A2206" s="85"/>
      <c r="J2206" s="85"/>
      <c r="K2206" s="85"/>
      <c r="L2206" s="85"/>
      <c r="M2206" s="85"/>
      <c r="N2206" s="85"/>
      <c r="O2206" s="85"/>
      <c r="P2206" s="85"/>
      <c r="Q2206" s="85"/>
      <c r="R2206" s="85"/>
      <c r="S2206" s="85"/>
      <c r="T2206" s="85"/>
      <c r="U2206" s="85"/>
      <c r="V2206" s="85"/>
      <c r="W2206" s="85"/>
      <c r="X2206" s="85"/>
      <c r="Y2206" s="85"/>
      <c r="Z2206" s="85"/>
      <c r="AA2206" s="85"/>
      <c r="AB2206" s="85"/>
      <c r="AC2206" s="85"/>
      <c r="AD2206" s="85"/>
      <c r="AE2206" s="85"/>
      <c r="AF2206" s="85"/>
      <c r="AG2206" s="85"/>
      <c r="AH2206" s="85"/>
      <c r="AI2206" s="85"/>
      <c r="AJ2206" s="85"/>
      <c r="AK2206" s="85"/>
      <c r="AL2206" s="85"/>
      <c r="AM2206" s="85"/>
      <c r="AN2206" s="85"/>
      <c r="AO2206" s="85"/>
      <c r="AP2206" s="85"/>
      <c r="AQ2206" s="85"/>
      <c r="AR2206" s="85"/>
      <c r="AS2206" s="85"/>
      <c r="AT2206" s="85"/>
      <c r="AU2206" s="85"/>
      <c r="AV2206" s="85"/>
      <c r="AW2206" s="85"/>
      <c r="AX2206" s="85"/>
      <c r="AY2206" s="85"/>
      <c r="AZ2206" s="85"/>
      <c r="BA2206" s="85"/>
      <c r="BB2206" s="85"/>
      <c r="BC2206" s="85"/>
      <c r="BD2206" s="85"/>
      <c r="BE2206" s="85"/>
      <c r="BF2206" s="85"/>
      <c r="BG2206" s="85"/>
      <c r="BH2206" s="85"/>
      <c r="BI2206" s="85"/>
      <c r="BJ2206" s="85"/>
      <c r="BK2206" s="85"/>
      <c r="BL2206" s="85"/>
      <c r="BM2206" s="85"/>
      <c r="BN2206" s="85"/>
      <c r="BO2206" s="85"/>
      <c r="BP2206" s="85"/>
      <c r="BQ2206" s="85"/>
      <c r="BR2206" s="85"/>
      <c r="BS2206" s="85"/>
      <c r="BT2206" s="85"/>
      <c r="BU2206" s="85"/>
      <c r="BV2206" s="85"/>
      <c r="BW2206" s="85"/>
      <c r="BX2206" s="85"/>
      <c r="BY2206" s="85"/>
      <c r="BZ2206" s="85"/>
      <c r="CA2206" s="85"/>
      <c r="CB2206" s="85"/>
      <c r="CC2206" s="85"/>
      <c r="CD2206" s="85"/>
      <c r="CE2206" s="85"/>
      <c r="CF2206" s="85"/>
      <c r="CG2206" s="85"/>
    </row>
    <row r="2207" spans="1:85" s="9" customFormat="1" x14ac:dyDescent="0.2">
      <c r="A2207" s="85"/>
      <c r="J2207" s="85"/>
      <c r="K2207" s="85"/>
      <c r="L2207" s="85"/>
      <c r="M2207" s="85"/>
      <c r="N2207" s="85"/>
      <c r="O2207" s="85"/>
      <c r="P2207" s="85"/>
      <c r="Q2207" s="85"/>
      <c r="R2207" s="85"/>
      <c r="S2207" s="85"/>
      <c r="T2207" s="85"/>
      <c r="U2207" s="85"/>
      <c r="V2207" s="85"/>
      <c r="W2207" s="85"/>
      <c r="X2207" s="85"/>
      <c r="Y2207" s="85"/>
      <c r="Z2207" s="85"/>
      <c r="AA2207" s="85"/>
      <c r="AB2207" s="85"/>
      <c r="AC2207" s="85"/>
      <c r="AD2207" s="85"/>
      <c r="AE2207" s="85"/>
      <c r="AF2207" s="85"/>
      <c r="AG2207" s="85"/>
      <c r="AH2207" s="85"/>
      <c r="AI2207" s="85"/>
      <c r="AJ2207" s="85"/>
      <c r="AK2207" s="85"/>
      <c r="AL2207" s="85"/>
      <c r="AM2207" s="85"/>
      <c r="AN2207" s="85"/>
      <c r="AO2207" s="85"/>
      <c r="AP2207" s="85"/>
      <c r="AQ2207" s="85"/>
      <c r="AR2207" s="85"/>
      <c r="AS2207" s="85"/>
      <c r="AT2207" s="85"/>
      <c r="AU2207" s="85"/>
      <c r="AV2207" s="85"/>
      <c r="AW2207" s="85"/>
      <c r="AX2207" s="85"/>
      <c r="AY2207" s="85"/>
      <c r="AZ2207" s="85"/>
      <c r="BA2207" s="85"/>
      <c r="BB2207" s="85"/>
      <c r="BC2207" s="85"/>
      <c r="BD2207" s="85"/>
      <c r="BE2207" s="85"/>
      <c r="BF2207" s="85"/>
      <c r="BG2207" s="85"/>
      <c r="BH2207" s="85"/>
      <c r="BI2207" s="85"/>
      <c r="BJ2207" s="85"/>
      <c r="BK2207" s="85"/>
      <c r="BL2207" s="85"/>
      <c r="BM2207" s="85"/>
      <c r="BN2207" s="85"/>
      <c r="BO2207" s="85"/>
      <c r="BP2207" s="85"/>
      <c r="BQ2207" s="85"/>
      <c r="BR2207" s="85"/>
      <c r="BS2207" s="85"/>
      <c r="BT2207" s="85"/>
      <c r="BU2207" s="85"/>
      <c r="BV2207" s="85"/>
      <c r="BW2207" s="85"/>
      <c r="BX2207" s="85"/>
      <c r="BY2207" s="85"/>
      <c r="BZ2207" s="85"/>
      <c r="CA2207" s="85"/>
      <c r="CB2207" s="85"/>
      <c r="CC2207" s="85"/>
      <c r="CD2207" s="85"/>
      <c r="CE2207" s="85"/>
      <c r="CF2207" s="85"/>
      <c r="CG2207" s="85"/>
    </row>
    <row r="2208" spans="1:85" s="9" customFormat="1" x14ac:dyDescent="0.2">
      <c r="A2208" s="85"/>
      <c r="J2208" s="85"/>
      <c r="K2208" s="85"/>
      <c r="L2208" s="85"/>
      <c r="M2208" s="85"/>
      <c r="N2208" s="85"/>
      <c r="O2208" s="85"/>
      <c r="P2208" s="85"/>
      <c r="Q2208" s="85"/>
      <c r="R2208" s="85"/>
      <c r="S2208" s="85"/>
      <c r="T2208" s="85"/>
      <c r="U2208" s="85"/>
      <c r="V2208" s="85"/>
      <c r="W2208" s="85"/>
      <c r="X2208" s="85"/>
      <c r="Y2208" s="85"/>
      <c r="Z2208" s="85"/>
      <c r="AA2208" s="85"/>
      <c r="AB2208" s="85"/>
      <c r="AC2208" s="85"/>
      <c r="AD2208" s="85"/>
      <c r="AE2208" s="85"/>
      <c r="AF2208" s="85"/>
      <c r="AG2208" s="85"/>
      <c r="AH2208" s="85"/>
      <c r="AI2208" s="85"/>
      <c r="AJ2208" s="85"/>
      <c r="AK2208" s="85"/>
      <c r="AL2208" s="85"/>
      <c r="AM2208" s="85"/>
      <c r="AN2208" s="85"/>
      <c r="AO2208" s="85"/>
      <c r="AP2208" s="85"/>
      <c r="AQ2208" s="85"/>
      <c r="AR2208" s="85"/>
      <c r="AS2208" s="85"/>
      <c r="AT2208" s="85"/>
      <c r="AU2208" s="85"/>
      <c r="AV2208" s="85"/>
      <c r="AW2208" s="85"/>
      <c r="AX2208" s="85"/>
      <c r="AY2208" s="85"/>
      <c r="AZ2208" s="85"/>
      <c r="BA2208" s="85"/>
      <c r="BB2208" s="85"/>
      <c r="BC2208" s="85"/>
      <c r="BD2208" s="85"/>
      <c r="BE2208" s="85"/>
      <c r="BF2208" s="85"/>
      <c r="BG2208" s="85"/>
      <c r="BH2208" s="85"/>
      <c r="BI2208" s="85"/>
      <c r="BJ2208" s="85"/>
      <c r="BK2208" s="85"/>
      <c r="BL2208" s="85"/>
      <c r="BM2208" s="85"/>
      <c r="BN2208" s="85"/>
      <c r="BO2208" s="85"/>
      <c r="BP2208" s="85"/>
      <c r="BQ2208" s="85"/>
      <c r="BR2208" s="85"/>
      <c r="BS2208" s="85"/>
      <c r="BT2208" s="85"/>
      <c r="BU2208" s="85"/>
      <c r="BV2208" s="85"/>
      <c r="BW2208" s="85"/>
      <c r="BX2208" s="85"/>
      <c r="BY2208" s="85"/>
      <c r="BZ2208" s="85"/>
      <c r="CA2208" s="85"/>
      <c r="CB2208" s="85"/>
      <c r="CC2208" s="85"/>
      <c r="CD2208" s="85"/>
      <c r="CE2208" s="85"/>
      <c r="CF2208" s="85"/>
      <c r="CG2208" s="85"/>
    </row>
    <row r="2209" spans="1:85" s="9" customFormat="1" x14ac:dyDescent="0.2">
      <c r="A2209" s="85"/>
      <c r="J2209" s="85"/>
      <c r="K2209" s="85"/>
      <c r="L2209" s="85"/>
      <c r="M2209" s="85"/>
      <c r="N2209" s="85"/>
      <c r="O2209" s="85"/>
      <c r="P2209" s="85"/>
      <c r="Q2209" s="85"/>
      <c r="R2209" s="85"/>
      <c r="S2209" s="85"/>
      <c r="T2209" s="85"/>
      <c r="U2209" s="85"/>
      <c r="V2209" s="85"/>
      <c r="W2209" s="85"/>
      <c r="X2209" s="85"/>
      <c r="Y2209" s="85"/>
      <c r="Z2209" s="85"/>
      <c r="AA2209" s="85"/>
      <c r="AB2209" s="85"/>
      <c r="AC2209" s="85"/>
      <c r="AD2209" s="85"/>
      <c r="AE2209" s="85"/>
      <c r="AF2209" s="85"/>
      <c r="AG2209" s="85"/>
      <c r="AH2209" s="85"/>
      <c r="AI2209" s="85"/>
      <c r="AJ2209" s="85"/>
      <c r="AK2209" s="85"/>
      <c r="AL2209" s="85"/>
      <c r="AM2209" s="85"/>
      <c r="AN2209" s="85"/>
      <c r="AO2209" s="85"/>
      <c r="AP2209" s="85"/>
      <c r="AQ2209" s="85"/>
      <c r="AR2209" s="85"/>
      <c r="AS2209" s="85"/>
      <c r="AT2209" s="85"/>
      <c r="AU2209" s="85"/>
      <c r="AV2209" s="85"/>
      <c r="AW2209" s="85"/>
      <c r="AX2209" s="85"/>
      <c r="AY2209" s="85"/>
      <c r="AZ2209" s="85"/>
      <c r="BA2209" s="85"/>
      <c r="BB2209" s="85"/>
      <c r="BC2209" s="85"/>
      <c r="BD2209" s="85"/>
      <c r="BE2209" s="85"/>
      <c r="BF2209" s="85"/>
      <c r="BG2209" s="85"/>
      <c r="BH2209" s="85"/>
      <c r="BI2209" s="85"/>
      <c r="BJ2209" s="85"/>
      <c r="BK2209" s="85"/>
      <c r="BL2209" s="85"/>
      <c r="BM2209" s="85"/>
      <c r="BN2209" s="85"/>
      <c r="BO2209" s="85"/>
      <c r="BP2209" s="85"/>
      <c r="BQ2209" s="85"/>
      <c r="BR2209" s="85"/>
      <c r="BS2209" s="85"/>
      <c r="BT2209" s="85"/>
      <c r="BU2209" s="85"/>
      <c r="BV2209" s="85"/>
      <c r="BW2209" s="85"/>
      <c r="BX2209" s="85"/>
      <c r="BY2209" s="85"/>
      <c r="BZ2209" s="85"/>
      <c r="CA2209" s="85"/>
      <c r="CB2209" s="85"/>
      <c r="CC2209" s="85"/>
      <c r="CD2209" s="85"/>
      <c r="CE2209" s="85"/>
      <c r="CF2209" s="85"/>
      <c r="CG2209" s="85"/>
    </row>
    <row r="2210" spans="1:85" s="9" customFormat="1" x14ac:dyDescent="0.2">
      <c r="A2210" s="85"/>
      <c r="J2210" s="85"/>
      <c r="K2210" s="85"/>
      <c r="L2210" s="85"/>
      <c r="M2210" s="85"/>
      <c r="N2210" s="85"/>
      <c r="O2210" s="85"/>
      <c r="P2210" s="85"/>
      <c r="Q2210" s="85"/>
      <c r="R2210" s="85"/>
      <c r="S2210" s="85"/>
      <c r="T2210" s="85"/>
      <c r="U2210" s="85"/>
      <c r="V2210" s="85"/>
      <c r="W2210" s="85"/>
      <c r="X2210" s="85"/>
      <c r="Y2210" s="85"/>
      <c r="Z2210" s="85"/>
      <c r="AA2210" s="85"/>
      <c r="AB2210" s="85"/>
      <c r="AC2210" s="85"/>
      <c r="AD2210" s="85"/>
      <c r="AE2210" s="85"/>
      <c r="AF2210" s="85"/>
      <c r="AG2210" s="85"/>
      <c r="AH2210" s="85"/>
      <c r="AI2210" s="85"/>
      <c r="AJ2210" s="85"/>
      <c r="AK2210" s="85"/>
      <c r="AL2210" s="85"/>
      <c r="AM2210" s="85"/>
      <c r="AN2210" s="85"/>
      <c r="AO2210" s="85"/>
      <c r="AP2210" s="85"/>
      <c r="AQ2210" s="85"/>
      <c r="AR2210" s="85"/>
      <c r="AS2210" s="85"/>
      <c r="AT2210" s="85"/>
      <c r="AU2210" s="85"/>
      <c r="AV2210" s="85"/>
      <c r="AW2210" s="85"/>
      <c r="AX2210" s="85"/>
      <c r="AY2210" s="85"/>
      <c r="AZ2210" s="85"/>
      <c r="BA2210" s="85"/>
      <c r="BB2210" s="85"/>
      <c r="BC2210" s="85"/>
      <c r="BD2210" s="85"/>
      <c r="BE2210" s="85"/>
      <c r="BF2210" s="85"/>
      <c r="BG2210" s="85"/>
      <c r="BH2210" s="85"/>
      <c r="BI2210" s="85"/>
      <c r="BJ2210" s="85"/>
      <c r="BK2210" s="85"/>
      <c r="BL2210" s="85"/>
      <c r="BM2210" s="85"/>
      <c r="BN2210" s="85"/>
      <c r="BO2210" s="85"/>
      <c r="BP2210" s="85"/>
      <c r="BQ2210" s="85"/>
      <c r="BR2210" s="85"/>
      <c r="BS2210" s="85"/>
      <c r="BT2210" s="85"/>
      <c r="BU2210" s="85"/>
      <c r="BV2210" s="85"/>
      <c r="BW2210" s="85"/>
      <c r="BX2210" s="85"/>
      <c r="BY2210" s="85"/>
      <c r="BZ2210" s="85"/>
      <c r="CA2210" s="85"/>
      <c r="CB2210" s="85"/>
      <c r="CC2210" s="85"/>
      <c r="CD2210" s="85"/>
      <c r="CE2210" s="85"/>
      <c r="CF2210" s="85"/>
      <c r="CG2210" s="85"/>
    </row>
    <row r="2211" spans="1:85" s="9" customFormat="1" x14ac:dyDescent="0.2">
      <c r="A2211" s="85"/>
      <c r="J2211" s="85"/>
      <c r="K2211" s="85"/>
      <c r="L2211" s="85"/>
      <c r="M2211" s="85"/>
      <c r="N2211" s="85"/>
      <c r="O2211" s="85"/>
      <c r="P2211" s="85"/>
      <c r="Q2211" s="85"/>
      <c r="R2211" s="85"/>
      <c r="S2211" s="85"/>
      <c r="T2211" s="85"/>
      <c r="U2211" s="85"/>
      <c r="V2211" s="85"/>
      <c r="W2211" s="85"/>
      <c r="X2211" s="85"/>
      <c r="Y2211" s="85"/>
      <c r="Z2211" s="85"/>
      <c r="AA2211" s="85"/>
      <c r="AB2211" s="85"/>
      <c r="AC2211" s="85"/>
      <c r="AD2211" s="85"/>
      <c r="AE2211" s="85"/>
      <c r="AF2211" s="85"/>
      <c r="AG2211" s="85"/>
      <c r="AH2211" s="85"/>
      <c r="AI2211" s="85"/>
      <c r="AJ2211" s="85"/>
      <c r="AK2211" s="85"/>
      <c r="AL2211" s="85"/>
      <c r="AM2211" s="85"/>
      <c r="AN2211" s="85"/>
      <c r="AO2211" s="85"/>
      <c r="AP2211" s="85"/>
      <c r="AQ2211" s="85"/>
      <c r="AR2211" s="85"/>
      <c r="AS2211" s="85"/>
      <c r="AT2211" s="85"/>
      <c r="AU2211" s="85"/>
      <c r="AV2211" s="85"/>
      <c r="AW2211" s="85"/>
      <c r="AX2211" s="85"/>
      <c r="AY2211" s="85"/>
      <c r="AZ2211" s="85"/>
      <c r="BA2211" s="85"/>
      <c r="BB2211" s="85"/>
      <c r="BC2211" s="85"/>
      <c r="BD2211" s="85"/>
      <c r="BE2211" s="85"/>
      <c r="BF2211" s="85"/>
      <c r="BG2211" s="85"/>
      <c r="BH2211" s="85"/>
      <c r="BI2211" s="85"/>
      <c r="BJ2211" s="85"/>
      <c r="BK2211" s="85"/>
      <c r="BL2211" s="85"/>
      <c r="BM2211" s="85"/>
      <c r="BN2211" s="85"/>
      <c r="BO2211" s="85"/>
      <c r="BP2211" s="85"/>
      <c r="BQ2211" s="85"/>
      <c r="BR2211" s="85"/>
      <c r="BS2211" s="85"/>
      <c r="BT2211" s="85"/>
      <c r="BU2211" s="85"/>
      <c r="BV2211" s="85"/>
      <c r="BW2211" s="85"/>
      <c r="BX2211" s="85"/>
      <c r="BY2211" s="85"/>
      <c r="BZ2211" s="85"/>
      <c r="CA2211" s="85"/>
      <c r="CB2211" s="85"/>
      <c r="CC2211" s="85"/>
      <c r="CD2211" s="85"/>
      <c r="CE2211" s="85"/>
      <c r="CF2211" s="85"/>
      <c r="CG2211" s="85"/>
    </row>
    <row r="2212" spans="1:85" s="9" customFormat="1" x14ac:dyDescent="0.2">
      <c r="A2212" s="85"/>
      <c r="J2212" s="85"/>
      <c r="K2212" s="85"/>
      <c r="L2212" s="85"/>
      <c r="M2212" s="85"/>
      <c r="N2212" s="85"/>
      <c r="O2212" s="85"/>
      <c r="P2212" s="85"/>
      <c r="Q2212" s="85"/>
      <c r="R2212" s="85"/>
      <c r="S2212" s="85"/>
      <c r="T2212" s="85"/>
      <c r="U2212" s="85"/>
      <c r="V2212" s="85"/>
      <c r="W2212" s="85"/>
      <c r="X2212" s="85"/>
      <c r="Y2212" s="85"/>
      <c r="Z2212" s="85"/>
      <c r="AA2212" s="85"/>
      <c r="AB2212" s="85"/>
      <c r="AC2212" s="85"/>
      <c r="AD2212" s="85"/>
      <c r="AE2212" s="85"/>
      <c r="AF2212" s="85"/>
      <c r="AG2212" s="85"/>
      <c r="AH2212" s="85"/>
      <c r="AI2212" s="85"/>
      <c r="AJ2212" s="85"/>
      <c r="AK2212" s="85"/>
      <c r="AL2212" s="85"/>
      <c r="AM2212" s="85"/>
      <c r="AN2212" s="85"/>
      <c r="AO2212" s="85"/>
      <c r="AP2212" s="85"/>
      <c r="AQ2212" s="85"/>
      <c r="AR2212" s="85"/>
      <c r="AS2212" s="85"/>
      <c r="AT2212" s="85"/>
      <c r="AU2212" s="85"/>
      <c r="AV2212" s="85"/>
      <c r="AW2212" s="85"/>
      <c r="AX2212" s="85"/>
      <c r="AY2212" s="85"/>
      <c r="AZ2212" s="85"/>
      <c r="BA2212" s="85"/>
      <c r="BB2212" s="85"/>
      <c r="BC2212" s="85"/>
      <c r="BD2212" s="85"/>
      <c r="BE2212" s="85"/>
      <c r="BF2212" s="85"/>
      <c r="BG2212" s="85"/>
      <c r="BH2212" s="85"/>
      <c r="BI2212" s="85"/>
      <c r="BJ2212" s="85"/>
      <c r="BK2212" s="85"/>
      <c r="BL2212" s="85"/>
      <c r="BM2212" s="85"/>
      <c r="BN2212" s="85"/>
      <c r="BO2212" s="85"/>
      <c r="BP2212" s="85"/>
      <c r="BQ2212" s="85"/>
      <c r="BR2212" s="85"/>
      <c r="BS2212" s="85"/>
      <c r="BT2212" s="85"/>
      <c r="BU2212" s="85"/>
      <c r="BV2212" s="85"/>
      <c r="BW2212" s="85"/>
      <c r="BX2212" s="85"/>
      <c r="BY2212" s="85"/>
      <c r="BZ2212" s="85"/>
      <c r="CA2212" s="85"/>
      <c r="CB2212" s="85"/>
      <c r="CC2212" s="85"/>
      <c r="CD2212" s="85"/>
      <c r="CE2212" s="85"/>
      <c r="CF2212" s="85"/>
      <c r="CG2212" s="85"/>
    </row>
    <row r="2213" spans="1:85" s="9" customFormat="1" x14ac:dyDescent="0.2">
      <c r="A2213" s="85"/>
      <c r="J2213" s="85"/>
      <c r="K2213" s="85"/>
      <c r="L2213" s="85"/>
      <c r="M2213" s="85"/>
      <c r="N2213" s="85"/>
      <c r="O2213" s="85"/>
      <c r="P2213" s="85"/>
      <c r="Q2213" s="85"/>
      <c r="R2213" s="85"/>
      <c r="S2213" s="85"/>
      <c r="T2213" s="85"/>
      <c r="U2213" s="85"/>
      <c r="V2213" s="85"/>
      <c r="W2213" s="85"/>
      <c r="X2213" s="85"/>
      <c r="Y2213" s="85"/>
      <c r="Z2213" s="85"/>
      <c r="AA2213" s="85"/>
      <c r="AB2213" s="85"/>
      <c r="AC2213" s="85"/>
      <c r="AD2213" s="85"/>
      <c r="AE2213" s="85"/>
      <c r="AF2213" s="85"/>
      <c r="AG2213" s="85"/>
      <c r="AH2213" s="85"/>
      <c r="AI2213" s="85"/>
      <c r="AJ2213" s="85"/>
      <c r="AK2213" s="85"/>
      <c r="AL2213" s="85"/>
      <c r="AM2213" s="85"/>
      <c r="AN2213" s="85"/>
      <c r="AO2213" s="85"/>
      <c r="AP2213" s="85"/>
      <c r="AQ2213" s="85"/>
      <c r="AR2213" s="85"/>
      <c r="AS2213" s="85"/>
      <c r="AT2213" s="85"/>
      <c r="AU2213" s="85"/>
      <c r="AV2213" s="85"/>
      <c r="AW2213" s="85"/>
      <c r="AX2213" s="85"/>
      <c r="AY2213" s="85"/>
      <c r="AZ2213" s="85"/>
      <c r="BA2213" s="85"/>
      <c r="BB2213" s="85"/>
      <c r="BC2213" s="85"/>
      <c r="BD2213" s="85"/>
      <c r="BE2213" s="85"/>
      <c r="BF2213" s="85"/>
      <c r="BG2213" s="85"/>
      <c r="BH2213" s="85"/>
      <c r="BI2213" s="85"/>
      <c r="BJ2213" s="85"/>
      <c r="BK2213" s="85"/>
      <c r="BL2213" s="85"/>
      <c r="BM2213" s="85"/>
      <c r="BN2213" s="85"/>
      <c r="BO2213" s="85"/>
      <c r="BP2213" s="85"/>
      <c r="BQ2213" s="85"/>
      <c r="BR2213" s="85"/>
      <c r="BS2213" s="85"/>
      <c r="BT2213" s="85"/>
      <c r="BU2213" s="85"/>
      <c r="BV2213" s="85"/>
      <c r="BW2213" s="85"/>
      <c r="BX2213" s="85"/>
      <c r="BY2213" s="85"/>
      <c r="BZ2213" s="85"/>
      <c r="CA2213" s="85"/>
      <c r="CB2213" s="85"/>
      <c r="CC2213" s="85"/>
      <c r="CD2213" s="85"/>
      <c r="CE2213" s="85"/>
      <c r="CF2213" s="85"/>
      <c r="CG2213" s="85"/>
    </row>
    <row r="2214" spans="1:85" s="9" customFormat="1" x14ac:dyDescent="0.2">
      <c r="A2214" s="85"/>
      <c r="J2214" s="85"/>
      <c r="K2214" s="85"/>
      <c r="L2214" s="85"/>
      <c r="M2214" s="85"/>
      <c r="N2214" s="85"/>
      <c r="O2214" s="85"/>
      <c r="P2214" s="85"/>
      <c r="Q2214" s="85"/>
      <c r="R2214" s="85"/>
      <c r="S2214" s="85"/>
      <c r="T2214" s="85"/>
      <c r="U2214" s="85"/>
      <c r="V2214" s="85"/>
      <c r="W2214" s="85"/>
      <c r="X2214" s="85"/>
      <c r="Y2214" s="85"/>
      <c r="Z2214" s="85"/>
      <c r="AA2214" s="85"/>
      <c r="AB2214" s="85"/>
      <c r="AC2214" s="85"/>
      <c r="AD2214" s="85"/>
      <c r="AE2214" s="85"/>
      <c r="AF2214" s="85"/>
      <c r="AG2214" s="85"/>
      <c r="AH2214" s="85"/>
      <c r="AI2214" s="85"/>
      <c r="AJ2214" s="85"/>
      <c r="AK2214" s="85"/>
      <c r="AL2214" s="85"/>
      <c r="AM2214" s="85"/>
      <c r="AN2214" s="85"/>
      <c r="AO2214" s="85"/>
      <c r="AP2214" s="85"/>
      <c r="AQ2214" s="85"/>
      <c r="AR2214" s="85"/>
      <c r="AS2214" s="85"/>
      <c r="AT2214" s="85"/>
      <c r="AU2214" s="85"/>
      <c r="AV2214" s="85"/>
      <c r="AW2214" s="85"/>
      <c r="AX2214" s="85"/>
      <c r="AY2214" s="85"/>
      <c r="AZ2214" s="85"/>
      <c r="BA2214" s="85"/>
      <c r="BB2214" s="85"/>
      <c r="BC2214" s="85"/>
      <c r="BD2214" s="85"/>
      <c r="BE2214" s="85"/>
      <c r="BF2214" s="85"/>
      <c r="BG2214" s="85"/>
      <c r="BH2214" s="85"/>
      <c r="BI2214" s="85"/>
      <c r="BJ2214" s="85"/>
      <c r="BK2214" s="85"/>
      <c r="BL2214" s="85"/>
      <c r="BM2214" s="85"/>
      <c r="BN2214" s="85"/>
      <c r="BO2214" s="85"/>
      <c r="BP2214" s="85"/>
      <c r="BQ2214" s="85"/>
      <c r="BR2214" s="85"/>
      <c r="BS2214" s="85"/>
      <c r="BT2214" s="85"/>
      <c r="BU2214" s="85"/>
      <c r="BV2214" s="85"/>
      <c r="BW2214" s="85"/>
      <c r="BX2214" s="85"/>
      <c r="BY2214" s="85"/>
      <c r="BZ2214" s="85"/>
      <c r="CA2214" s="85"/>
      <c r="CB2214" s="85"/>
      <c r="CC2214" s="85"/>
      <c r="CD2214" s="85"/>
      <c r="CE2214" s="85"/>
      <c r="CF2214" s="85"/>
      <c r="CG2214" s="85"/>
    </row>
    <row r="2215" spans="1:85" s="9" customFormat="1" x14ac:dyDescent="0.2">
      <c r="A2215" s="85"/>
      <c r="J2215" s="85"/>
      <c r="K2215" s="85"/>
      <c r="L2215" s="85"/>
      <c r="M2215" s="85"/>
      <c r="N2215" s="85"/>
      <c r="O2215" s="85"/>
      <c r="P2215" s="85"/>
      <c r="Q2215" s="85"/>
      <c r="R2215" s="85"/>
      <c r="S2215" s="85"/>
      <c r="T2215" s="85"/>
      <c r="U2215" s="85"/>
      <c r="V2215" s="85"/>
      <c r="W2215" s="85"/>
      <c r="X2215" s="85"/>
      <c r="Y2215" s="85"/>
      <c r="Z2215" s="85"/>
      <c r="AA2215" s="85"/>
      <c r="AB2215" s="85"/>
      <c r="AC2215" s="85"/>
      <c r="AD2215" s="85"/>
      <c r="AE2215" s="85"/>
      <c r="AF2215" s="85"/>
      <c r="AG2215" s="85"/>
      <c r="AH2215" s="85"/>
      <c r="AI2215" s="85"/>
      <c r="AJ2215" s="85"/>
      <c r="AK2215" s="85"/>
      <c r="AL2215" s="85"/>
      <c r="AM2215" s="85"/>
      <c r="AN2215" s="85"/>
      <c r="AO2215" s="85"/>
      <c r="AP2215" s="85"/>
      <c r="AQ2215" s="85"/>
      <c r="AR2215" s="85"/>
      <c r="AS2215" s="85"/>
      <c r="AT2215" s="85"/>
      <c r="AU2215" s="85"/>
      <c r="AV2215" s="85"/>
      <c r="AW2215" s="85"/>
      <c r="AX2215" s="85"/>
      <c r="AY2215" s="85"/>
      <c r="AZ2215" s="85"/>
      <c r="BA2215" s="85"/>
      <c r="BB2215" s="85"/>
      <c r="BC2215" s="85"/>
      <c r="BD2215" s="85"/>
      <c r="BE2215" s="85"/>
      <c r="BF2215" s="85"/>
      <c r="BG2215" s="85"/>
      <c r="BH2215" s="85"/>
      <c r="BI2215" s="85"/>
      <c r="BJ2215" s="85"/>
      <c r="BK2215" s="85"/>
      <c r="BL2215" s="85"/>
      <c r="BM2215" s="85"/>
      <c r="BN2215" s="85"/>
      <c r="BO2215" s="85"/>
      <c r="BP2215" s="85"/>
      <c r="BQ2215" s="85"/>
      <c r="BR2215" s="85"/>
      <c r="BS2215" s="85"/>
      <c r="BT2215" s="85"/>
      <c r="BU2215" s="85"/>
      <c r="BV2215" s="85"/>
      <c r="BW2215" s="85"/>
      <c r="BX2215" s="85"/>
      <c r="BY2215" s="85"/>
      <c r="BZ2215" s="85"/>
      <c r="CA2215" s="85"/>
      <c r="CB2215" s="85"/>
      <c r="CC2215" s="85"/>
      <c r="CD2215" s="85"/>
      <c r="CE2215" s="85"/>
      <c r="CF2215" s="85"/>
      <c r="CG2215" s="85"/>
    </row>
    <row r="2216" spans="1:85" s="9" customFormat="1" x14ac:dyDescent="0.2">
      <c r="A2216" s="85"/>
      <c r="J2216" s="85"/>
      <c r="K2216" s="85"/>
      <c r="L2216" s="85"/>
      <c r="M2216" s="85"/>
      <c r="N2216" s="85"/>
      <c r="O2216" s="85"/>
      <c r="P2216" s="85"/>
      <c r="Q2216" s="85"/>
      <c r="R2216" s="85"/>
      <c r="S2216" s="85"/>
      <c r="T2216" s="85"/>
      <c r="U2216" s="85"/>
      <c r="V2216" s="85"/>
      <c r="W2216" s="85"/>
      <c r="X2216" s="85"/>
      <c r="Y2216" s="85"/>
      <c r="Z2216" s="85"/>
      <c r="AA2216" s="85"/>
      <c r="AB2216" s="85"/>
      <c r="AC2216" s="85"/>
      <c r="AD2216" s="85"/>
      <c r="AE2216" s="85"/>
      <c r="AF2216" s="85"/>
      <c r="AG2216" s="85"/>
      <c r="AH2216" s="85"/>
      <c r="AI2216" s="85"/>
      <c r="AJ2216" s="85"/>
      <c r="AK2216" s="85"/>
      <c r="AL2216" s="85"/>
      <c r="AM2216" s="85"/>
      <c r="AN2216" s="85"/>
      <c r="AO2216" s="85"/>
      <c r="AP2216" s="85"/>
      <c r="AQ2216" s="85"/>
      <c r="AR2216" s="85"/>
      <c r="AS2216" s="85"/>
      <c r="AT2216" s="85"/>
      <c r="AU2216" s="85"/>
      <c r="AV2216" s="85"/>
      <c r="AW2216" s="85"/>
      <c r="AX2216" s="85"/>
      <c r="AY2216" s="85"/>
      <c r="AZ2216" s="85"/>
      <c r="BA2216" s="85"/>
      <c r="BB2216" s="85"/>
      <c r="BC2216" s="85"/>
      <c r="BD2216" s="85"/>
      <c r="BE2216" s="85"/>
      <c r="BF2216" s="85"/>
      <c r="BG2216" s="85"/>
      <c r="BH2216" s="85"/>
      <c r="BI2216" s="85"/>
      <c r="BJ2216" s="85"/>
      <c r="BK2216" s="85"/>
      <c r="BL2216" s="85"/>
      <c r="BM2216" s="85"/>
      <c r="BN2216" s="85"/>
      <c r="BO2216" s="85"/>
      <c r="BP2216" s="85"/>
      <c r="BQ2216" s="85"/>
      <c r="BR2216" s="85"/>
      <c r="BS2216" s="85"/>
      <c r="BT2216" s="85"/>
      <c r="BU2216" s="85"/>
      <c r="BV2216" s="85"/>
      <c r="BW2216" s="85"/>
      <c r="BX2216" s="85"/>
      <c r="BY2216" s="85"/>
      <c r="BZ2216" s="85"/>
      <c r="CA2216" s="85"/>
      <c r="CB2216" s="85"/>
      <c r="CC2216" s="85"/>
      <c r="CD2216" s="85"/>
      <c r="CE2216" s="85"/>
      <c r="CF2216" s="85"/>
      <c r="CG2216" s="85"/>
    </row>
    <row r="2217" spans="1:85" s="9" customFormat="1" x14ac:dyDescent="0.2">
      <c r="A2217" s="85"/>
      <c r="J2217" s="85"/>
      <c r="K2217" s="85"/>
      <c r="L2217" s="85"/>
      <c r="M2217" s="85"/>
      <c r="N2217" s="85"/>
      <c r="O2217" s="85"/>
      <c r="P2217" s="85"/>
      <c r="Q2217" s="85"/>
      <c r="R2217" s="85"/>
      <c r="S2217" s="85"/>
      <c r="T2217" s="85"/>
      <c r="U2217" s="85"/>
      <c r="V2217" s="85"/>
      <c r="W2217" s="85"/>
      <c r="X2217" s="85"/>
      <c r="Y2217" s="85"/>
      <c r="Z2217" s="85"/>
      <c r="AA2217" s="85"/>
      <c r="AB2217" s="85"/>
      <c r="AC2217" s="85"/>
      <c r="AD2217" s="85"/>
      <c r="AE2217" s="85"/>
      <c r="AF2217" s="85"/>
      <c r="AG2217" s="85"/>
      <c r="AH2217" s="85"/>
      <c r="AI2217" s="85"/>
      <c r="AJ2217" s="85"/>
      <c r="AK2217" s="85"/>
      <c r="AL2217" s="85"/>
      <c r="AM2217" s="85"/>
      <c r="AN2217" s="85"/>
      <c r="AO2217" s="85"/>
      <c r="AP2217" s="85"/>
      <c r="AQ2217" s="85"/>
      <c r="AR2217" s="85"/>
      <c r="AS2217" s="85"/>
      <c r="AT2217" s="85"/>
      <c r="AU2217" s="85"/>
      <c r="AV2217" s="85"/>
      <c r="AW2217" s="85"/>
      <c r="AX2217" s="85"/>
      <c r="AY2217" s="85"/>
      <c r="AZ2217" s="85"/>
      <c r="BA2217" s="85"/>
      <c r="BB2217" s="85"/>
      <c r="BC2217" s="85"/>
      <c r="BD2217" s="85"/>
      <c r="BE2217" s="85"/>
      <c r="BF2217" s="85"/>
      <c r="BG2217" s="85"/>
      <c r="BH2217" s="85"/>
      <c r="BI2217" s="85"/>
      <c r="BJ2217" s="85"/>
      <c r="BK2217" s="85"/>
      <c r="BL2217" s="85"/>
      <c r="BM2217" s="85"/>
      <c r="BN2217" s="85"/>
      <c r="BO2217" s="85"/>
      <c r="BP2217" s="85"/>
      <c r="BQ2217" s="85"/>
      <c r="BR2217" s="85"/>
      <c r="BS2217" s="85"/>
      <c r="BT2217" s="85"/>
      <c r="BU2217" s="85"/>
      <c r="BV2217" s="85"/>
      <c r="BW2217" s="85"/>
      <c r="BX2217" s="85"/>
      <c r="BY2217" s="85"/>
      <c r="BZ2217" s="85"/>
      <c r="CA2217" s="85"/>
      <c r="CB2217" s="85"/>
      <c r="CC2217" s="85"/>
      <c r="CD2217" s="85"/>
      <c r="CE2217" s="85"/>
      <c r="CF2217" s="85"/>
      <c r="CG2217" s="85"/>
    </row>
    <row r="2218" spans="1:85" s="9" customFormat="1" x14ac:dyDescent="0.2">
      <c r="A2218" s="85"/>
      <c r="J2218" s="85"/>
      <c r="K2218" s="85"/>
      <c r="L2218" s="85"/>
      <c r="M2218" s="85"/>
      <c r="N2218" s="85"/>
      <c r="O2218" s="85"/>
      <c r="P2218" s="85"/>
      <c r="Q2218" s="85"/>
      <c r="R2218" s="85"/>
      <c r="S2218" s="85"/>
      <c r="T2218" s="85"/>
      <c r="U2218" s="85"/>
      <c r="V2218" s="85"/>
      <c r="W2218" s="85"/>
      <c r="X2218" s="85"/>
      <c r="Y2218" s="85"/>
      <c r="Z2218" s="85"/>
      <c r="AA2218" s="85"/>
      <c r="AB2218" s="85"/>
      <c r="AC2218" s="85"/>
      <c r="AD2218" s="85"/>
      <c r="AE2218" s="85"/>
      <c r="AF2218" s="85"/>
      <c r="AG2218" s="85"/>
      <c r="AH2218" s="85"/>
      <c r="AI2218" s="85"/>
      <c r="AJ2218" s="85"/>
      <c r="AK2218" s="85"/>
      <c r="AL2218" s="85"/>
      <c r="AM2218" s="85"/>
      <c r="AN2218" s="85"/>
      <c r="AO2218" s="85"/>
      <c r="AP2218" s="85"/>
      <c r="AQ2218" s="85"/>
      <c r="AR2218" s="85"/>
      <c r="AS2218" s="85"/>
      <c r="AT2218" s="85"/>
      <c r="AU2218" s="85"/>
      <c r="AV2218" s="85"/>
      <c r="AW2218" s="85"/>
      <c r="AX2218" s="85"/>
      <c r="AY2218" s="85"/>
      <c r="AZ2218" s="85"/>
      <c r="BA2218" s="85"/>
      <c r="BB2218" s="85"/>
      <c r="BC2218" s="85"/>
      <c r="BD2218" s="85"/>
      <c r="BE2218" s="85"/>
      <c r="BF2218" s="85"/>
      <c r="BG2218" s="85"/>
      <c r="BH2218" s="85"/>
      <c r="BI2218" s="85"/>
      <c r="BJ2218" s="85"/>
      <c r="BK2218" s="85"/>
      <c r="BL2218" s="85"/>
      <c r="BM2218" s="85"/>
      <c r="BN2218" s="85"/>
      <c r="BO2218" s="85"/>
      <c r="BP2218" s="85"/>
      <c r="BQ2218" s="85"/>
      <c r="BR2218" s="85"/>
      <c r="BS2218" s="85"/>
      <c r="BT2218" s="85"/>
      <c r="BU2218" s="85"/>
      <c r="BV2218" s="85"/>
      <c r="BW2218" s="85"/>
      <c r="BX2218" s="85"/>
      <c r="BY2218" s="85"/>
      <c r="BZ2218" s="85"/>
      <c r="CA2218" s="85"/>
      <c r="CB2218" s="85"/>
      <c r="CC2218" s="85"/>
      <c r="CD2218" s="85"/>
      <c r="CE2218" s="85"/>
      <c r="CF2218" s="85"/>
      <c r="CG2218" s="85"/>
    </row>
    <row r="2219" spans="1:85" s="9" customFormat="1" x14ac:dyDescent="0.2">
      <c r="A2219" s="85"/>
      <c r="J2219" s="85"/>
      <c r="K2219" s="85"/>
      <c r="L2219" s="85"/>
      <c r="M2219" s="85"/>
      <c r="N2219" s="85"/>
      <c r="O2219" s="85"/>
      <c r="P2219" s="85"/>
      <c r="Q2219" s="85"/>
      <c r="R2219" s="85"/>
      <c r="S2219" s="85"/>
      <c r="T2219" s="85"/>
      <c r="U2219" s="85"/>
      <c r="V2219" s="85"/>
      <c r="W2219" s="85"/>
      <c r="X2219" s="85"/>
      <c r="Y2219" s="85"/>
      <c r="Z2219" s="85"/>
      <c r="AA2219" s="85"/>
      <c r="AB2219" s="85"/>
      <c r="AC2219" s="85"/>
      <c r="AD2219" s="85"/>
      <c r="AE2219" s="85"/>
      <c r="AF2219" s="85"/>
      <c r="AG2219" s="85"/>
      <c r="AH2219" s="85"/>
      <c r="AI2219" s="85"/>
      <c r="AJ2219" s="85"/>
      <c r="AK2219" s="85"/>
      <c r="AL2219" s="85"/>
      <c r="AM2219" s="85"/>
      <c r="AN2219" s="85"/>
      <c r="AO2219" s="85"/>
      <c r="AP2219" s="85"/>
      <c r="AQ2219" s="85"/>
      <c r="AR2219" s="85"/>
      <c r="AS2219" s="85"/>
      <c r="AT2219" s="85"/>
      <c r="AU2219" s="85"/>
      <c r="AV2219" s="85"/>
      <c r="AW2219" s="85"/>
      <c r="AX2219" s="85"/>
      <c r="AY2219" s="85"/>
      <c r="AZ2219" s="85"/>
      <c r="BA2219" s="85"/>
      <c r="BB2219" s="85"/>
      <c r="BC2219" s="85"/>
      <c r="BD2219" s="85"/>
      <c r="BE2219" s="85"/>
      <c r="BF2219" s="85"/>
      <c r="BG2219" s="85"/>
      <c r="BH2219" s="85"/>
      <c r="BI2219" s="85"/>
      <c r="BJ2219" s="85"/>
      <c r="BK2219" s="85"/>
      <c r="BL2219" s="85"/>
      <c r="BM2219" s="85"/>
      <c r="BN2219" s="85"/>
      <c r="BO2219" s="85"/>
      <c r="BP2219" s="85"/>
      <c r="BQ2219" s="85"/>
      <c r="BR2219" s="85"/>
      <c r="BS2219" s="85"/>
      <c r="BT2219" s="85"/>
      <c r="BU2219" s="85"/>
      <c r="BV2219" s="85"/>
      <c r="BW2219" s="85"/>
      <c r="BX2219" s="85"/>
      <c r="BY2219" s="85"/>
      <c r="BZ2219" s="85"/>
      <c r="CA2219" s="85"/>
      <c r="CB2219" s="85"/>
      <c r="CC2219" s="85"/>
      <c r="CD2219" s="85"/>
      <c r="CE2219" s="85"/>
      <c r="CF2219" s="85"/>
      <c r="CG2219" s="85"/>
    </row>
    <row r="2220" spans="1:85" s="9" customFormat="1" x14ac:dyDescent="0.2">
      <c r="A2220" s="85"/>
      <c r="J2220" s="85"/>
      <c r="K2220" s="85"/>
      <c r="L2220" s="85"/>
      <c r="M2220" s="85"/>
      <c r="N2220" s="85"/>
      <c r="O2220" s="85"/>
      <c r="P2220" s="85"/>
      <c r="Q2220" s="85"/>
      <c r="R2220" s="85"/>
      <c r="S2220" s="85"/>
      <c r="T2220" s="85"/>
      <c r="U2220" s="85"/>
      <c r="V2220" s="85"/>
      <c r="W2220" s="85"/>
      <c r="X2220" s="85"/>
      <c r="Y2220" s="85"/>
      <c r="Z2220" s="85"/>
      <c r="AA2220" s="85"/>
      <c r="AB2220" s="85"/>
      <c r="AC2220" s="85"/>
      <c r="AD2220" s="85"/>
      <c r="AE2220" s="85"/>
      <c r="AF2220" s="85"/>
      <c r="AG2220" s="85"/>
      <c r="AH2220" s="85"/>
      <c r="AI2220" s="85"/>
      <c r="AJ2220" s="85"/>
      <c r="AK2220" s="85"/>
      <c r="AL2220" s="85"/>
      <c r="AM2220" s="85"/>
      <c r="AN2220" s="85"/>
      <c r="AO2220" s="85"/>
      <c r="AP2220" s="85"/>
      <c r="AQ2220" s="85"/>
      <c r="AR2220" s="85"/>
      <c r="AS2220" s="85"/>
      <c r="AT2220" s="85"/>
      <c r="AU2220" s="85"/>
      <c r="AV2220" s="85"/>
      <c r="AW2220" s="85"/>
      <c r="AX2220" s="85"/>
      <c r="AY2220" s="85"/>
      <c r="AZ2220" s="85"/>
      <c r="BA2220" s="85"/>
      <c r="BB2220" s="85"/>
      <c r="BC2220" s="85"/>
      <c r="BD2220" s="85"/>
      <c r="BE2220" s="85"/>
      <c r="BF2220" s="85"/>
      <c r="BG2220" s="85"/>
      <c r="BH2220" s="85"/>
      <c r="BI2220" s="85"/>
      <c r="BJ2220" s="85"/>
      <c r="BK2220" s="85"/>
      <c r="BL2220" s="85"/>
      <c r="BM2220" s="85"/>
      <c r="BN2220" s="85"/>
      <c r="BO2220" s="85"/>
      <c r="BP2220" s="85"/>
      <c r="BQ2220" s="85"/>
      <c r="BR2220" s="85"/>
      <c r="BS2220" s="85"/>
      <c r="BT2220" s="85"/>
      <c r="BU2220" s="85"/>
      <c r="BV2220" s="85"/>
      <c r="BW2220" s="85"/>
      <c r="BX2220" s="85"/>
      <c r="BY2220" s="85"/>
      <c r="BZ2220" s="85"/>
      <c r="CA2220" s="85"/>
      <c r="CB2220" s="85"/>
      <c r="CC2220" s="85"/>
      <c r="CD2220" s="85"/>
      <c r="CE2220" s="85"/>
      <c r="CF2220" s="85"/>
      <c r="CG2220" s="85"/>
    </row>
    <row r="2221" spans="1:85" s="9" customFormat="1" x14ac:dyDescent="0.2">
      <c r="A2221" s="85"/>
      <c r="J2221" s="85"/>
      <c r="K2221" s="85"/>
      <c r="L2221" s="85"/>
      <c r="M2221" s="85"/>
      <c r="N2221" s="85"/>
      <c r="O2221" s="85"/>
      <c r="P2221" s="85"/>
      <c r="Q2221" s="85"/>
      <c r="R2221" s="85"/>
      <c r="S2221" s="85"/>
      <c r="T2221" s="85"/>
      <c r="U2221" s="85"/>
      <c r="V2221" s="85"/>
      <c r="W2221" s="85"/>
      <c r="X2221" s="85"/>
      <c r="Y2221" s="85"/>
      <c r="Z2221" s="85"/>
      <c r="AA2221" s="85"/>
      <c r="AB2221" s="85"/>
      <c r="AC2221" s="85"/>
      <c r="AD2221" s="85"/>
      <c r="AE2221" s="85"/>
      <c r="AF2221" s="85"/>
      <c r="AG2221" s="85"/>
      <c r="AH2221" s="85"/>
      <c r="AI2221" s="85"/>
      <c r="AJ2221" s="85"/>
      <c r="AK2221" s="85"/>
      <c r="AL2221" s="85"/>
      <c r="AM2221" s="85"/>
      <c r="AN2221" s="85"/>
      <c r="AO2221" s="85"/>
      <c r="AP2221" s="85"/>
      <c r="AQ2221" s="85"/>
      <c r="AR2221" s="85"/>
      <c r="AS2221" s="85"/>
      <c r="AT2221" s="85"/>
      <c r="AU2221" s="85"/>
      <c r="AV2221" s="85"/>
      <c r="AW2221" s="85"/>
      <c r="AX2221" s="85"/>
      <c r="AY2221" s="85"/>
      <c r="AZ2221" s="85"/>
      <c r="BA2221" s="85"/>
      <c r="BB2221" s="85"/>
      <c r="BC2221" s="85"/>
      <c r="BD2221" s="85"/>
      <c r="BE2221" s="85"/>
      <c r="BF2221" s="85"/>
      <c r="BG2221" s="85"/>
      <c r="BH2221" s="85"/>
      <c r="BI2221" s="85"/>
      <c r="BJ2221" s="85"/>
      <c r="BK2221" s="85"/>
      <c r="BL2221" s="85"/>
      <c r="BM2221" s="85"/>
      <c r="BN2221" s="85"/>
      <c r="BO2221" s="85"/>
      <c r="BP2221" s="85"/>
      <c r="BQ2221" s="85"/>
      <c r="BR2221" s="85"/>
      <c r="BS2221" s="85"/>
      <c r="BT2221" s="85"/>
      <c r="BU2221" s="85"/>
      <c r="BV2221" s="85"/>
      <c r="BW2221" s="85"/>
      <c r="BX2221" s="85"/>
      <c r="BY2221" s="85"/>
      <c r="BZ2221" s="85"/>
      <c r="CA2221" s="85"/>
      <c r="CB2221" s="85"/>
      <c r="CC2221" s="85"/>
      <c r="CD2221" s="85"/>
      <c r="CE2221" s="85"/>
      <c r="CF2221" s="85"/>
      <c r="CG2221" s="85"/>
    </row>
    <row r="2222" spans="1:85" s="9" customFormat="1" x14ac:dyDescent="0.2">
      <c r="A2222" s="85"/>
      <c r="J2222" s="85"/>
      <c r="K2222" s="85"/>
      <c r="L2222" s="85"/>
      <c r="M2222" s="85"/>
      <c r="N2222" s="85"/>
      <c r="O2222" s="85"/>
      <c r="P2222" s="85"/>
      <c r="Q2222" s="85"/>
      <c r="R2222" s="85"/>
      <c r="S2222" s="85"/>
      <c r="T2222" s="85"/>
      <c r="U2222" s="85"/>
      <c r="V2222" s="85"/>
      <c r="W2222" s="85"/>
      <c r="X2222" s="85"/>
      <c r="Y2222" s="85"/>
      <c r="Z2222" s="85"/>
      <c r="AA2222" s="85"/>
      <c r="AB2222" s="85"/>
      <c r="AC2222" s="85"/>
      <c r="AD2222" s="85"/>
      <c r="AE2222" s="85"/>
      <c r="AF2222" s="85"/>
      <c r="AG2222" s="85"/>
      <c r="AH2222" s="85"/>
      <c r="AI2222" s="85"/>
      <c r="AJ2222" s="85"/>
      <c r="AK2222" s="85"/>
      <c r="AL2222" s="85"/>
      <c r="AM2222" s="85"/>
      <c r="AN2222" s="85"/>
      <c r="AO2222" s="85"/>
      <c r="AP2222" s="85"/>
      <c r="AQ2222" s="85"/>
      <c r="AR2222" s="85"/>
      <c r="AS2222" s="85"/>
      <c r="AT2222" s="85"/>
      <c r="AU2222" s="85"/>
      <c r="AV2222" s="85"/>
      <c r="AW2222" s="85"/>
      <c r="AX2222" s="85"/>
      <c r="AY2222" s="85"/>
      <c r="AZ2222" s="85"/>
      <c r="BA2222" s="85"/>
      <c r="BB2222" s="85"/>
      <c r="BC2222" s="85"/>
      <c r="BD2222" s="85"/>
      <c r="BE2222" s="85"/>
      <c r="BF2222" s="85"/>
      <c r="BG2222" s="85"/>
      <c r="BH2222" s="85"/>
      <c r="BI2222" s="85"/>
      <c r="BJ2222" s="85"/>
      <c r="BK2222" s="85"/>
      <c r="BL2222" s="85"/>
      <c r="BM2222" s="85"/>
      <c r="BN2222" s="85"/>
      <c r="BO2222" s="85"/>
      <c r="BP2222" s="85"/>
      <c r="BQ2222" s="85"/>
      <c r="BR2222" s="85"/>
      <c r="BS2222" s="85"/>
      <c r="BT2222" s="85"/>
      <c r="BU2222" s="85"/>
      <c r="BV2222" s="85"/>
      <c r="BW2222" s="85"/>
      <c r="BX2222" s="85"/>
      <c r="BY2222" s="85"/>
      <c r="BZ2222" s="85"/>
      <c r="CA2222" s="85"/>
      <c r="CB2222" s="85"/>
      <c r="CC2222" s="85"/>
      <c r="CD2222" s="85"/>
      <c r="CE2222" s="85"/>
      <c r="CF2222" s="85"/>
      <c r="CG2222" s="85"/>
    </row>
    <row r="2223" spans="1:85" s="9" customFormat="1" x14ac:dyDescent="0.2">
      <c r="A2223" s="85"/>
      <c r="J2223" s="85"/>
      <c r="K2223" s="85"/>
      <c r="L2223" s="85"/>
      <c r="M2223" s="85"/>
      <c r="N2223" s="85"/>
      <c r="O2223" s="85"/>
      <c r="P2223" s="85"/>
      <c r="Q2223" s="85"/>
      <c r="R2223" s="85"/>
      <c r="S2223" s="85"/>
      <c r="T2223" s="85"/>
      <c r="U2223" s="85"/>
      <c r="V2223" s="85"/>
      <c r="W2223" s="85"/>
      <c r="X2223" s="85"/>
      <c r="Y2223" s="85"/>
      <c r="Z2223" s="85"/>
      <c r="AA2223" s="85"/>
      <c r="AB2223" s="85"/>
      <c r="AC2223" s="85"/>
      <c r="AD2223" s="85"/>
      <c r="AE2223" s="85"/>
      <c r="AF2223" s="85"/>
      <c r="AG2223" s="85"/>
      <c r="AH2223" s="85"/>
      <c r="AI2223" s="85"/>
      <c r="AJ2223" s="85"/>
      <c r="AK2223" s="85"/>
      <c r="AL2223" s="85"/>
      <c r="AM2223" s="85"/>
      <c r="AN2223" s="85"/>
      <c r="AO2223" s="85"/>
      <c r="AP2223" s="85"/>
      <c r="AQ2223" s="85"/>
      <c r="AR2223" s="85"/>
      <c r="AS2223" s="85"/>
      <c r="AT2223" s="85"/>
      <c r="AU2223" s="85"/>
      <c r="AV2223" s="85"/>
      <c r="AW2223" s="85"/>
      <c r="AX2223" s="85"/>
      <c r="AY2223" s="85"/>
      <c r="AZ2223" s="85"/>
      <c r="BA2223" s="85"/>
      <c r="BB2223" s="85"/>
      <c r="BC2223" s="85"/>
      <c r="BD2223" s="85"/>
      <c r="BE2223" s="85"/>
      <c r="BF2223" s="85"/>
      <c r="BG2223" s="85"/>
      <c r="BH2223" s="85"/>
      <c r="BI2223" s="85"/>
      <c r="BJ2223" s="85"/>
      <c r="BK2223" s="85"/>
      <c r="BL2223" s="85"/>
      <c r="BM2223" s="85"/>
      <c r="BN2223" s="85"/>
      <c r="BO2223" s="85"/>
      <c r="BP2223" s="85"/>
      <c r="BQ2223" s="85"/>
      <c r="BR2223" s="85"/>
      <c r="BS2223" s="85"/>
      <c r="BT2223" s="85"/>
      <c r="BU2223" s="85"/>
      <c r="BV2223" s="85"/>
      <c r="BW2223" s="85"/>
      <c r="BX2223" s="85"/>
      <c r="BY2223" s="85"/>
      <c r="BZ2223" s="85"/>
      <c r="CA2223" s="85"/>
      <c r="CB2223" s="85"/>
      <c r="CC2223" s="85"/>
      <c r="CD2223" s="85"/>
      <c r="CE2223" s="85"/>
      <c r="CF2223" s="85"/>
      <c r="CG2223" s="85"/>
    </row>
    <row r="2224" spans="1:85" s="9" customFormat="1" x14ac:dyDescent="0.2">
      <c r="A2224" s="85"/>
      <c r="J2224" s="85"/>
      <c r="K2224" s="85"/>
      <c r="L2224" s="85"/>
      <c r="M2224" s="85"/>
      <c r="N2224" s="85"/>
      <c r="O2224" s="85"/>
      <c r="P2224" s="85"/>
      <c r="Q2224" s="85"/>
      <c r="R2224" s="85"/>
      <c r="S2224" s="85"/>
      <c r="T2224" s="85"/>
      <c r="U2224" s="85"/>
      <c r="V2224" s="85"/>
      <c r="W2224" s="85"/>
      <c r="X2224" s="85"/>
      <c r="Y2224" s="85"/>
      <c r="Z2224" s="85"/>
      <c r="AA2224" s="85"/>
      <c r="AB2224" s="85"/>
      <c r="AC2224" s="85"/>
      <c r="AD2224" s="85"/>
      <c r="AE2224" s="85"/>
      <c r="AF2224" s="85"/>
      <c r="AG2224" s="85"/>
      <c r="AH2224" s="85"/>
      <c r="AI2224" s="85"/>
      <c r="AJ2224" s="85"/>
      <c r="AK2224" s="85"/>
      <c r="AL2224" s="85"/>
      <c r="AM2224" s="85"/>
      <c r="AN2224" s="85"/>
      <c r="AO2224" s="85"/>
      <c r="AP2224" s="85"/>
      <c r="AQ2224" s="85"/>
      <c r="AR2224" s="85"/>
      <c r="AS2224" s="85"/>
      <c r="AT2224" s="85"/>
      <c r="AU2224" s="85"/>
      <c r="AV2224" s="85"/>
      <c r="AW2224" s="85"/>
      <c r="AX2224" s="85"/>
      <c r="AY2224" s="85"/>
      <c r="AZ2224" s="85"/>
      <c r="BA2224" s="85"/>
      <c r="BB2224" s="85"/>
      <c r="BC2224" s="85"/>
      <c r="BD2224" s="85"/>
      <c r="BE2224" s="85"/>
      <c r="BF2224" s="85"/>
      <c r="BG2224" s="85"/>
      <c r="BH2224" s="85"/>
      <c r="BI2224" s="85"/>
      <c r="BJ2224" s="85"/>
      <c r="BK2224" s="85"/>
      <c r="BL2224" s="85"/>
      <c r="BM2224" s="85"/>
      <c r="BN2224" s="85"/>
      <c r="BO2224" s="85"/>
      <c r="BP2224" s="85"/>
      <c r="BQ2224" s="85"/>
      <c r="BR2224" s="85"/>
      <c r="BS2224" s="85"/>
      <c r="BT2224" s="85"/>
      <c r="BU2224" s="85"/>
      <c r="BV2224" s="85"/>
      <c r="BW2224" s="85"/>
      <c r="BX2224" s="85"/>
      <c r="BY2224" s="85"/>
      <c r="BZ2224" s="85"/>
      <c r="CA2224" s="85"/>
      <c r="CB2224" s="85"/>
      <c r="CC2224" s="85"/>
      <c r="CD2224" s="85"/>
      <c r="CE2224" s="85"/>
      <c r="CF2224" s="85"/>
      <c r="CG2224" s="85"/>
    </row>
    <row r="2225" spans="1:85" s="9" customFormat="1" x14ac:dyDescent="0.2">
      <c r="A2225" s="85"/>
      <c r="J2225" s="85"/>
      <c r="K2225" s="85"/>
      <c r="L2225" s="85"/>
      <c r="M2225" s="85"/>
      <c r="N2225" s="85"/>
      <c r="O2225" s="85"/>
      <c r="P2225" s="85"/>
      <c r="Q2225" s="85"/>
      <c r="R2225" s="85"/>
      <c r="S2225" s="85"/>
      <c r="T2225" s="85"/>
      <c r="U2225" s="85"/>
      <c r="V2225" s="85"/>
      <c r="W2225" s="85"/>
      <c r="X2225" s="85"/>
      <c r="Y2225" s="85"/>
      <c r="Z2225" s="85"/>
      <c r="AA2225" s="85"/>
      <c r="AB2225" s="85"/>
      <c r="AC2225" s="85"/>
      <c r="AD2225" s="85"/>
      <c r="AE2225" s="85"/>
      <c r="AF2225" s="85"/>
      <c r="AG2225" s="85"/>
      <c r="AH2225" s="85"/>
      <c r="AI2225" s="85"/>
      <c r="AJ2225" s="85"/>
      <c r="AK2225" s="85"/>
      <c r="AL2225" s="85"/>
      <c r="AM2225" s="85"/>
      <c r="AN2225" s="85"/>
      <c r="AO2225" s="85"/>
      <c r="AP2225" s="85"/>
      <c r="AQ2225" s="85"/>
      <c r="AR2225" s="85"/>
      <c r="AS2225" s="85"/>
      <c r="AT2225" s="85"/>
      <c r="AU2225" s="85"/>
      <c r="AV2225" s="85"/>
      <c r="AW2225" s="85"/>
      <c r="AX2225" s="85"/>
      <c r="AY2225" s="85"/>
      <c r="AZ2225" s="85"/>
      <c r="BA2225" s="85"/>
      <c r="BB2225" s="85"/>
      <c r="BC2225" s="85"/>
      <c r="BD2225" s="85"/>
      <c r="BE2225" s="85"/>
      <c r="BF2225" s="85"/>
      <c r="BG2225" s="85"/>
      <c r="BH2225" s="85"/>
      <c r="BI2225" s="85"/>
      <c r="BJ2225" s="85"/>
      <c r="BK2225" s="85"/>
      <c r="BL2225" s="85"/>
      <c r="BM2225" s="85"/>
      <c r="BN2225" s="85"/>
      <c r="BO2225" s="85"/>
      <c r="BP2225" s="85"/>
      <c r="BQ2225" s="85"/>
      <c r="BR2225" s="85"/>
      <c r="BS2225" s="85"/>
      <c r="BT2225" s="85"/>
      <c r="BU2225" s="85"/>
      <c r="BV2225" s="85"/>
      <c r="BW2225" s="85"/>
      <c r="BX2225" s="85"/>
      <c r="BY2225" s="85"/>
      <c r="BZ2225" s="85"/>
      <c r="CA2225" s="85"/>
      <c r="CB2225" s="85"/>
      <c r="CC2225" s="85"/>
      <c r="CD2225" s="85"/>
      <c r="CE2225" s="85"/>
      <c r="CF2225" s="85"/>
      <c r="CG2225" s="85"/>
    </row>
    <row r="2226" spans="1:85" s="9" customFormat="1" x14ac:dyDescent="0.2">
      <c r="A2226" s="85"/>
      <c r="J2226" s="85"/>
      <c r="K2226" s="85"/>
      <c r="L2226" s="85"/>
      <c r="M2226" s="85"/>
      <c r="N2226" s="85"/>
      <c r="O2226" s="85"/>
      <c r="P2226" s="85"/>
      <c r="Q2226" s="85"/>
      <c r="R2226" s="85"/>
      <c r="S2226" s="85"/>
      <c r="T2226" s="85"/>
      <c r="U2226" s="85"/>
      <c r="V2226" s="85"/>
      <c r="W2226" s="85"/>
      <c r="X2226" s="85"/>
      <c r="Y2226" s="85"/>
      <c r="Z2226" s="85"/>
      <c r="AA2226" s="85"/>
      <c r="AB2226" s="85"/>
      <c r="AC2226" s="85"/>
      <c r="AD2226" s="85"/>
      <c r="AE2226" s="85"/>
      <c r="AF2226" s="85"/>
      <c r="AG2226" s="85"/>
      <c r="AH2226" s="85"/>
      <c r="AI2226" s="85"/>
      <c r="AJ2226" s="85"/>
      <c r="AK2226" s="85"/>
      <c r="AL2226" s="85"/>
      <c r="AM2226" s="85"/>
      <c r="AN2226" s="85"/>
      <c r="AO2226" s="85"/>
      <c r="AP2226" s="85"/>
      <c r="AQ2226" s="85"/>
      <c r="AR2226" s="85"/>
      <c r="AS2226" s="85"/>
      <c r="AT2226" s="85"/>
      <c r="AU2226" s="85"/>
      <c r="AV2226" s="85"/>
      <c r="AW2226" s="85"/>
      <c r="AX2226" s="85"/>
      <c r="AY2226" s="85"/>
      <c r="AZ2226" s="85"/>
      <c r="BA2226" s="85"/>
      <c r="BB2226" s="85"/>
      <c r="BC2226" s="85"/>
      <c r="BD2226" s="85"/>
      <c r="BE2226" s="85"/>
      <c r="BF2226" s="85"/>
      <c r="BG2226" s="85"/>
      <c r="BH2226" s="85"/>
      <c r="BI2226" s="85"/>
      <c r="BJ2226" s="85"/>
      <c r="BK2226" s="85"/>
      <c r="BL2226" s="85"/>
      <c r="BM2226" s="85"/>
      <c r="BN2226" s="85"/>
      <c r="BO2226" s="85"/>
      <c r="BP2226" s="85"/>
      <c r="BQ2226" s="85"/>
      <c r="BR2226" s="85"/>
      <c r="BS2226" s="85"/>
      <c r="BT2226" s="85"/>
      <c r="BU2226" s="85"/>
      <c r="BV2226" s="85"/>
      <c r="BW2226" s="85"/>
      <c r="BX2226" s="85"/>
      <c r="BY2226" s="85"/>
      <c r="BZ2226" s="85"/>
      <c r="CA2226" s="85"/>
      <c r="CB2226" s="85"/>
      <c r="CC2226" s="85"/>
      <c r="CD2226" s="85"/>
      <c r="CE2226" s="85"/>
      <c r="CF2226" s="85"/>
      <c r="CG2226" s="85"/>
    </row>
    <row r="2227" spans="1:85" s="9" customFormat="1" x14ac:dyDescent="0.2">
      <c r="A2227" s="85"/>
      <c r="J2227" s="85"/>
      <c r="K2227" s="85"/>
      <c r="L2227" s="85"/>
      <c r="M2227" s="85"/>
      <c r="N2227" s="85"/>
      <c r="O2227" s="85"/>
      <c r="P2227" s="85"/>
      <c r="Q2227" s="85"/>
      <c r="R2227" s="85"/>
      <c r="S2227" s="85"/>
      <c r="T2227" s="85"/>
      <c r="U2227" s="85"/>
      <c r="V2227" s="85"/>
      <c r="W2227" s="85"/>
      <c r="X2227" s="85"/>
      <c r="Y2227" s="85"/>
      <c r="Z2227" s="85"/>
      <c r="AA2227" s="85"/>
      <c r="AB2227" s="85"/>
      <c r="AC2227" s="85"/>
      <c r="AD2227" s="85"/>
      <c r="AE2227" s="85"/>
      <c r="AF2227" s="85"/>
      <c r="AG2227" s="85"/>
      <c r="AH2227" s="85"/>
      <c r="AI2227" s="85"/>
      <c r="AJ2227" s="85"/>
      <c r="AK2227" s="85"/>
      <c r="AL2227" s="85"/>
      <c r="AM2227" s="85"/>
      <c r="AN2227" s="85"/>
      <c r="AO2227" s="85"/>
      <c r="AP2227" s="85"/>
      <c r="AQ2227" s="85"/>
      <c r="AR2227" s="85"/>
      <c r="AS2227" s="85"/>
      <c r="AT2227" s="85"/>
      <c r="AU2227" s="85"/>
      <c r="AV2227" s="85"/>
      <c r="AW2227" s="85"/>
      <c r="AX2227" s="85"/>
      <c r="AY2227" s="85"/>
      <c r="AZ2227" s="85"/>
      <c r="BA2227" s="85"/>
      <c r="BB2227" s="85"/>
      <c r="BC2227" s="85"/>
      <c r="BD2227" s="85"/>
      <c r="BE2227" s="85"/>
      <c r="BF2227" s="85"/>
      <c r="BG2227" s="85"/>
      <c r="BH2227" s="85"/>
      <c r="BI2227" s="85"/>
      <c r="BJ2227" s="85"/>
      <c r="BK2227" s="85"/>
      <c r="BL2227" s="85"/>
      <c r="BM2227" s="85"/>
      <c r="BN2227" s="85"/>
      <c r="BO2227" s="85"/>
      <c r="BP2227" s="85"/>
      <c r="BQ2227" s="85"/>
      <c r="BR2227" s="85"/>
      <c r="BS2227" s="85"/>
      <c r="BT2227" s="85"/>
      <c r="BU2227" s="85"/>
      <c r="BV2227" s="85"/>
      <c r="BW2227" s="85"/>
      <c r="BX2227" s="85"/>
      <c r="BY2227" s="85"/>
      <c r="BZ2227" s="85"/>
      <c r="CA2227" s="85"/>
      <c r="CB2227" s="85"/>
      <c r="CC2227" s="85"/>
      <c r="CD2227" s="85"/>
      <c r="CE2227" s="85"/>
      <c r="CF2227" s="85"/>
      <c r="CG2227" s="85"/>
    </row>
    <row r="2228" spans="1:85" s="9" customFormat="1" x14ac:dyDescent="0.2">
      <c r="A2228" s="85"/>
      <c r="J2228" s="85"/>
      <c r="K2228" s="85"/>
      <c r="L2228" s="85"/>
      <c r="M2228" s="85"/>
      <c r="N2228" s="85"/>
      <c r="O2228" s="85"/>
      <c r="P2228" s="85"/>
      <c r="Q2228" s="85"/>
      <c r="R2228" s="85"/>
      <c r="S2228" s="85"/>
      <c r="T2228" s="85"/>
      <c r="U2228" s="85"/>
      <c r="V2228" s="85"/>
      <c r="W2228" s="85"/>
      <c r="X2228" s="85"/>
      <c r="Y2228" s="85"/>
      <c r="Z2228" s="85"/>
      <c r="AA2228" s="85"/>
      <c r="AB2228" s="85"/>
      <c r="AC2228" s="85"/>
      <c r="AD2228" s="85"/>
      <c r="AE2228" s="85"/>
      <c r="AF2228" s="85"/>
      <c r="AG2228" s="85"/>
      <c r="AH2228" s="85"/>
      <c r="AI2228" s="85"/>
      <c r="AJ2228" s="85"/>
      <c r="AK2228" s="85"/>
      <c r="AL2228" s="85"/>
      <c r="AM2228" s="85"/>
      <c r="AN2228" s="85"/>
      <c r="AO2228" s="85"/>
      <c r="AP2228" s="85"/>
      <c r="AQ2228" s="85"/>
      <c r="AR2228" s="85"/>
      <c r="AS2228" s="85"/>
      <c r="AT2228" s="85"/>
      <c r="AU2228" s="85"/>
      <c r="AV2228" s="85"/>
      <c r="AW2228" s="85"/>
      <c r="AX2228" s="85"/>
      <c r="AY2228" s="85"/>
      <c r="AZ2228" s="85"/>
      <c r="BA2228" s="85"/>
      <c r="BB2228" s="85"/>
      <c r="BC2228" s="85"/>
      <c r="BD2228" s="85"/>
      <c r="BE2228" s="85"/>
      <c r="BF2228" s="85"/>
      <c r="BG2228" s="85"/>
      <c r="BH2228" s="85"/>
      <c r="BI2228" s="85"/>
      <c r="BJ2228" s="85"/>
      <c r="BK2228" s="85"/>
      <c r="BL2228" s="85"/>
      <c r="BM2228" s="85"/>
      <c r="BN2228" s="85"/>
      <c r="BO2228" s="85"/>
      <c r="BP2228" s="85"/>
      <c r="BQ2228" s="85"/>
      <c r="BR2228" s="85"/>
      <c r="BS2228" s="85"/>
      <c r="BT2228" s="85"/>
      <c r="BU2228" s="85"/>
      <c r="BV2228" s="85"/>
      <c r="BW2228" s="85"/>
      <c r="BX2228" s="85"/>
      <c r="BY2228" s="85"/>
      <c r="BZ2228" s="85"/>
      <c r="CA2228" s="85"/>
      <c r="CB2228" s="85"/>
      <c r="CC2228" s="85"/>
      <c r="CD2228" s="85"/>
      <c r="CE2228" s="85"/>
      <c r="CF2228" s="85"/>
      <c r="CG2228" s="85"/>
    </row>
    <row r="2229" spans="1:85" s="9" customFormat="1" x14ac:dyDescent="0.2">
      <c r="A2229" s="85"/>
      <c r="J2229" s="85"/>
      <c r="K2229" s="85"/>
      <c r="L2229" s="85"/>
      <c r="M2229" s="85"/>
      <c r="N2229" s="85"/>
      <c r="O2229" s="85"/>
      <c r="P2229" s="85"/>
      <c r="Q2229" s="85"/>
      <c r="R2229" s="85"/>
      <c r="S2229" s="85"/>
      <c r="T2229" s="85"/>
      <c r="U2229" s="85"/>
      <c r="V2229" s="85"/>
      <c r="W2229" s="85"/>
      <c r="X2229" s="85"/>
      <c r="Y2229" s="85"/>
      <c r="Z2229" s="85"/>
      <c r="AA2229" s="85"/>
      <c r="AB2229" s="85"/>
      <c r="AC2229" s="85"/>
      <c r="AD2229" s="85"/>
      <c r="AE2229" s="85"/>
      <c r="AF2229" s="85"/>
      <c r="AG2229" s="85"/>
      <c r="AH2229" s="85"/>
      <c r="AI2229" s="85"/>
      <c r="AJ2229" s="85"/>
      <c r="AK2229" s="85"/>
      <c r="AL2229" s="85"/>
      <c r="AM2229" s="85"/>
      <c r="AN2229" s="85"/>
      <c r="AO2229" s="85"/>
      <c r="AP2229" s="85"/>
      <c r="AQ2229" s="85"/>
      <c r="AR2229" s="85"/>
      <c r="AS2229" s="85"/>
      <c r="AT2229" s="85"/>
      <c r="AU2229" s="85"/>
      <c r="AV2229" s="85"/>
      <c r="AW2229" s="85"/>
      <c r="AX2229" s="85"/>
      <c r="AY2229" s="85"/>
      <c r="AZ2229" s="85"/>
      <c r="BA2229" s="85"/>
      <c r="BB2229" s="85"/>
      <c r="BC2229" s="85"/>
      <c r="BD2229" s="85"/>
      <c r="BE2229" s="85"/>
      <c r="BF2229" s="85"/>
      <c r="BG2229" s="85"/>
      <c r="BH2229" s="85"/>
      <c r="BI2229" s="85"/>
      <c r="BJ2229" s="85"/>
      <c r="BK2229" s="85"/>
      <c r="BL2229" s="85"/>
      <c r="BM2229" s="85"/>
      <c r="BN2229" s="85"/>
      <c r="BO2229" s="85"/>
      <c r="BP2229" s="85"/>
      <c r="BQ2229" s="85"/>
      <c r="BR2229" s="85"/>
      <c r="BS2229" s="85"/>
      <c r="BT2229" s="85"/>
      <c r="BU2229" s="85"/>
      <c r="BV2229" s="85"/>
      <c r="BW2229" s="85"/>
      <c r="BX2229" s="85"/>
      <c r="BY2229" s="85"/>
      <c r="BZ2229" s="85"/>
      <c r="CA2229" s="85"/>
      <c r="CB2229" s="85"/>
      <c r="CC2229" s="85"/>
      <c r="CD2229" s="85"/>
      <c r="CE2229" s="85"/>
      <c r="CF2229" s="85"/>
      <c r="CG2229" s="85"/>
    </row>
    <row r="2230" spans="1:85" s="9" customFormat="1" x14ac:dyDescent="0.2">
      <c r="A2230" s="85"/>
      <c r="J2230" s="85"/>
      <c r="K2230" s="85"/>
      <c r="L2230" s="85"/>
      <c r="M2230" s="85"/>
      <c r="N2230" s="85"/>
      <c r="O2230" s="85"/>
      <c r="P2230" s="85"/>
      <c r="Q2230" s="85"/>
      <c r="R2230" s="85"/>
      <c r="S2230" s="85"/>
      <c r="T2230" s="85"/>
      <c r="U2230" s="85"/>
      <c r="V2230" s="85"/>
      <c r="W2230" s="85"/>
      <c r="X2230" s="85"/>
      <c r="Y2230" s="85"/>
      <c r="Z2230" s="85"/>
      <c r="AA2230" s="85"/>
      <c r="AB2230" s="85"/>
      <c r="AC2230" s="85"/>
      <c r="AD2230" s="85"/>
      <c r="AE2230" s="85"/>
      <c r="AF2230" s="85"/>
      <c r="AG2230" s="85"/>
      <c r="AH2230" s="85"/>
      <c r="AI2230" s="85"/>
      <c r="AJ2230" s="85"/>
      <c r="AK2230" s="85"/>
      <c r="AL2230" s="85"/>
      <c r="AM2230" s="85"/>
      <c r="AN2230" s="85"/>
      <c r="AO2230" s="85"/>
      <c r="AP2230" s="85"/>
      <c r="AQ2230" s="85"/>
      <c r="AR2230" s="85"/>
      <c r="AS2230" s="85"/>
      <c r="AT2230" s="85"/>
      <c r="AU2230" s="85"/>
      <c r="AV2230" s="85"/>
      <c r="AW2230" s="85"/>
      <c r="AX2230" s="85"/>
      <c r="AY2230" s="85"/>
      <c r="AZ2230" s="85"/>
      <c r="BA2230" s="85"/>
      <c r="BB2230" s="85"/>
      <c r="BC2230" s="85"/>
      <c r="BD2230" s="85"/>
      <c r="BE2230" s="85"/>
      <c r="BF2230" s="85"/>
      <c r="BG2230" s="85"/>
      <c r="BH2230" s="85"/>
      <c r="BI2230" s="85"/>
      <c r="BJ2230" s="85"/>
      <c r="BK2230" s="85"/>
      <c r="BL2230" s="85"/>
      <c r="BM2230" s="85"/>
      <c r="BN2230" s="85"/>
      <c r="BO2230" s="85"/>
      <c r="BP2230" s="85"/>
      <c r="BQ2230" s="85"/>
      <c r="BR2230" s="85"/>
      <c r="BS2230" s="85"/>
      <c r="BT2230" s="85"/>
      <c r="BU2230" s="85"/>
      <c r="BV2230" s="85"/>
      <c r="BW2230" s="85"/>
      <c r="BX2230" s="85"/>
      <c r="BY2230" s="85"/>
      <c r="BZ2230" s="85"/>
      <c r="CA2230" s="85"/>
      <c r="CB2230" s="85"/>
      <c r="CC2230" s="85"/>
      <c r="CD2230" s="85"/>
      <c r="CE2230" s="85"/>
      <c r="CF2230" s="85"/>
      <c r="CG2230" s="85"/>
    </row>
    <row r="2231" spans="1:85" s="9" customFormat="1" x14ac:dyDescent="0.2">
      <c r="A2231" s="85"/>
      <c r="J2231" s="85"/>
      <c r="K2231" s="85"/>
      <c r="L2231" s="85"/>
      <c r="M2231" s="85"/>
      <c r="N2231" s="85"/>
      <c r="O2231" s="85"/>
      <c r="P2231" s="85"/>
      <c r="Q2231" s="85"/>
      <c r="R2231" s="85"/>
      <c r="S2231" s="85"/>
      <c r="T2231" s="85"/>
      <c r="U2231" s="85"/>
      <c r="V2231" s="85"/>
      <c r="W2231" s="85"/>
      <c r="X2231" s="85"/>
      <c r="Y2231" s="85"/>
      <c r="Z2231" s="85"/>
      <c r="AA2231" s="85"/>
      <c r="AB2231" s="85"/>
      <c r="AC2231" s="85"/>
      <c r="AD2231" s="85"/>
      <c r="AE2231" s="85"/>
      <c r="AF2231" s="85"/>
      <c r="AG2231" s="85"/>
      <c r="AH2231" s="85"/>
      <c r="AI2231" s="85"/>
      <c r="AJ2231" s="85"/>
      <c r="AK2231" s="85"/>
      <c r="AL2231" s="85"/>
      <c r="AM2231" s="85"/>
      <c r="AN2231" s="85"/>
      <c r="AO2231" s="85"/>
      <c r="AP2231" s="85"/>
      <c r="AQ2231" s="85"/>
      <c r="AR2231" s="85"/>
      <c r="AS2231" s="85"/>
      <c r="AT2231" s="85"/>
      <c r="AU2231" s="85"/>
      <c r="AV2231" s="85"/>
      <c r="AW2231" s="85"/>
      <c r="AX2231" s="85"/>
      <c r="AY2231" s="85"/>
      <c r="AZ2231" s="85"/>
      <c r="BA2231" s="85"/>
      <c r="BB2231" s="85"/>
      <c r="BC2231" s="85"/>
      <c r="BD2231" s="85"/>
      <c r="BE2231" s="85"/>
      <c r="BF2231" s="85"/>
      <c r="BG2231" s="85"/>
      <c r="BH2231" s="85"/>
      <c r="BI2231" s="85"/>
      <c r="BJ2231" s="85"/>
      <c r="BK2231" s="85"/>
      <c r="BL2231" s="85"/>
      <c r="BM2231" s="85"/>
      <c r="BN2231" s="85"/>
      <c r="BO2231" s="85"/>
      <c r="BP2231" s="85"/>
      <c r="BQ2231" s="85"/>
      <c r="BR2231" s="85"/>
      <c r="BS2231" s="85"/>
      <c r="BT2231" s="85"/>
      <c r="BU2231" s="85"/>
      <c r="BV2231" s="85"/>
      <c r="BW2231" s="85"/>
      <c r="BX2231" s="85"/>
      <c r="BY2231" s="85"/>
      <c r="BZ2231" s="85"/>
      <c r="CA2231" s="85"/>
      <c r="CB2231" s="85"/>
      <c r="CC2231" s="85"/>
      <c r="CD2231" s="85"/>
      <c r="CE2231" s="85"/>
      <c r="CF2231" s="85"/>
      <c r="CG2231" s="85"/>
    </row>
    <row r="2232" spans="1:85" s="9" customFormat="1" x14ac:dyDescent="0.2">
      <c r="A2232" s="85"/>
      <c r="J2232" s="85"/>
      <c r="K2232" s="85"/>
      <c r="L2232" s="85"/>
      <c r="M2232" s="85"/>
      <c r="N2232" s="85"/>
      <c r="O2232" s="85"/>
      <c r="P2232" s="85"/>
      <c r="Q2232" s="85"/>
      <c r="R2232" s="85"/>
      <c r="S2232" s="85"/>
      <c r="T2232" s="85"/>
      <c r="U2232" s="85"/>
      <c r="V2232" s="85"/>
      <c r="W2232" s="85"/>
      <c r="X2232" s="85"/>
      <c r="Y2232" s="85"/>
      <c r="Z2232" s="85"/>
      <c r="AA2232" s="85"/>
      <c r="AB2232" s="85"/>
      <c r="AC2232" s="85"/>
      <c r="AD2232" s="85"/>
      <c r="AE2232" s="85"/>
      <c r="AF2232" s="85"/>
      <c r="AG2232" s="85"/>
      <c r="AH2232" s="85"/>
      <c r="AI2232" s="85"/>
      <c r="AJ2232" s="85"/>
      <c r="AK2232" s="85"/>
      <c r="AL2232" s="85"/>
      <c r="AM2232" s="85"/>
      <c r="AN2232" s="85"/>
      <c r="AO2232" s="85"/>
      <c r="AP2232" s="85"/>
      <c r="AQ2232" s="85"/>
      <c r="AR2232" s="85"/>
      <c r="AS2232" s="85"/>
      <c r="AT2232" s="85"/>
      <c r="AU2232" s="85"/>
      <c r="AV2232" s="85"/>
      <c r="AW2232" s="85"/>
      <c r="AX2232" s="85"/>
      <c r="AY2232" s="85"/>
      <c r="AZ2232" s="85"/>
      <c r="BA2232" s="85"/>
      <c r="BB2232" s="85"/>
      <c r="BC2232" s="85"/>
      <c r="BD2232" s="85"/>
      <c r="BE2232" s="85"/>
      <c r="BF2232" s="85"/>
      <c r="BG2232" s="85"/>
      <c r="BH2232" s="85"/>
      <c r="BI2232" s="85"/>
      <c r="BJ2232" s="85"/>
      <c r="BK2232" s="85"/>
      <c r="BL2232" s="85"/>
      <c r="BM2232" s="85"/>
      <c r="BN2232" s="85"/>
      <c r="BO2232" s="85"/>
      <c r="BP2232" s="85"/>
      <c r="BQ2232" s="85"/>
      <c r="BR2232" s="85"/>
      <c r="BS2232" s="85"/>
      <c r="BT2232" s="85"/>
      <c r="BU2232" s="85"/>
      <c r="BV2232" s="85"/>
      <c r="BW2232" s="85"/>
      <c r="BX2232" s="85"/>
      <c r="BY2232" s="85"/>
      <c r="BZ2232" s="85"/>
      <c r="CA2232" s="85"/>
      <c r="CB2232" s="85"/>
      <c r="CC2232" s="85"/>
      <c r="CD2232" s="85"/>
      <c r="CE2232" s="85"/>
      <c r="CF2232" s="85"/>
      <c r="CG2232" s="85"/>
    </row>
    <row r="2233" spans="1:85" s="9" customFormat="1" x14ac:dyDescent="0.2">
      <c r="A2233" s="85"/>
      <c r="J2233" s="85"/>
      <c r="K2233" s="85"/>
      <c r="L2233" s="85"/>
      <c r="M2233" s="85"/>
      <c r="N2233" s="85"/>
      <c r="O2233" s="85"/>
      <c r="P2233" s="85"/>
      <c r="Q2233" s="85"/>
      <c r="R2233" s="85"/>
      <c r="S2233" s="85"/>
      <c r="T2233" s="85"/>
      <c r="U2233" s="85"/>
      <c r="V2233" s="85"/>
      <c r="W2233" s="85"/>
      <c r="X2233" s="85"/>
      <c r="Y2233" s="85"/>
      <c r="Z2233" s="85"/>
      <c r="AA2233" s="85"/>
      <c r="AB2233" s="85"/>
      <c r="AC2233" s="85"/>
      <c r="AD2233" s="85"/>
      <c r="AE2233" s="85"/>
      <c r="AF2233" s="85"/>
      <c r="AG2233" s="85"/>
      <c r="AH2233" s="85"/>
      <c r="AI2233" s="85"/>
      <c r="AJ2233" s="85"/>
      <c r="AK2233" s="85"/>
      <c r="AL2233" s="85"/>
      <c r="AM2233" s="85"/>
      <c r="AN2233" s="85"/>
      <c r="AO2233" s="85"/>
      <c r="AP2233" s="85"/>
      <c r="AQ2233" s="85"/>
      <c r="AR2233" s="85"/>
      <c r="AS2233" s="85"/>
      <c r="AT2233" s="85"/>
      <c r="AU2233" s="85"/>
      <c r="AV2233" s="85"/>
      <c r="AW2233" s="85"/>
      <c r="AX2233" s="85"/>
      <c r="AY2233" s="85"/>
      <c r="AZ2233" s="85"/>
      <c r="BA2233" s="85"/>
      <c r="BB2233" s="85"/>
      <c r="BC2233" s="85"/>
      <c r="BD2233" s="85"/>
      <c r="BE2233" s="85"/>
      <c r="BF2233" s="85"/>
      <c r="BG2233" s="85"/>
      <c r="BH2233" s="85"/>
      <c r="BI2233" s="85"/>
      <c r="BJ2233" s="85"/>
      <c r="BK2233" s="85"/>
      <c r="BL2233" s="85"/>
      <c r="BM2233" s="85"/>
      <c r="BN2233" s="85"/>
      <c r="BO2233" s="85"/>
      <c r="BP2233" s="85"/>
      <c r="BQ2233" s="85"/>
      <c r="BR2233" s="85"/>
      <c r="BS2233" s="85"/>
      <c r="BT2233" s="85"/>
      <c r="BU2233" s="85"/>
      <c r="BV2233" s="85"/>
      <c r="BW2233" s="85"/>
      <c r="BX2233" s="85"/>
      <c r="BY2233" s="85"/>
      <c r="BZ2233" s="85"/>
      <c r="CA2233" s="85"/>
      <c r="CB2233" s="85"/>
      <c r="CC2233" s="85"/>
      <c r="CD2233" s="85"/>
      <c r="CE2233" s="85"/>
      <c r="CF2233" s="85"/>
      <c r="CG2233" s="85"/>
    </row>
    <row r="2234" spans="1:85" s="9" customFormat="1" x14ac:dyDescent="0.2">
      <c r="A2234" s="85"/>
      <c r="J2234" s="85"/>
      <c r="K2234" s="85"/>
      <c r="L2234" s="85"/>
      <c r="M2234" s="85"/>
      <c r="N2234" s="85"/>
      <c r="O2234" s="85"/>
      <c r="P2234" s="85"/>
      <c r="Q2234" s="85"/>
      <c r="R2234" s="85"/>
      <c r="S2234" s="85"/>
      <c r="T2234" s="85"/>
      <c r="U2234" s="85"/>
      <c r="V2234" s="85"/>
      <c r="W2234" s="85"/>
      <c r="X2234" s="85"/>
      <c r="Y2234" s="85"/>
      <c r="Z2234" s="85"/>
      <c r="AA2234" s="85"/>
      <c r="AB2234" s="85"/>
      <c r="AC2234" s="85"/>
      <c r="AD2234" s="85"/>
      <c r="AE2234" s="85"/>
      <c r="AF2234" s="85"/>
      <c r="AG2234" s="85"/>
      <c r="AH2234" s="85"/>
      <c r="AI2234" s="85"/>
      <c r="AJ2234" s="85"/>
      <c r="AK2234" s="85"/>
      <c r="AL2234" s="85"/>
      <c r="AM2234" s="85"/>
      <c r="AN2234" s="85"/>
      <c r="AO2234" s="85"/>
      <c r="AP2234" s="85"/>
      <c r="AQ2234" s="85"/>
      <c r="AR2234" s="85"/>
      <c r="AS2234" s="85"/>
      <c r="AT2234" s="85"/>
      <c r="AU2234" s="85"/>
      <c r="AV2234" s="85"/>
      <c r="AW2234" s="85"/>
      <c r="AX2234" s="85"/>
      <c r="AY2234" s="85"/>
      <c r="AZ2234" s="85"/>
      <c r="BA2234" s="85"/>
      <c r="BB2234" s="85"/>
      <c r="BC2234" s="85"/>
      <c r="BD2234" s="85"/>
      <c r="BE2234" s="85"/>
      <c r="BF2234" s="85"/>
      <c r="BG2234" s="85"/>
      <c r="BH2234" s="85"/>
      <c r="BI2234" s="85"/>
      <c r="BJ2234" s="85"/>
      <c r="BK2234" s="85"/>
      <c r="BL2234" s="85"/>
      <c r="BM2234" s="85"/>
      <c r="BN2234" s="85"/>
      <c r="BO2234" s="85"/>
      <c r="BP2234" s="85"/>
      <c r="BQ2234" s="85"/>
      <c r="BR2234" s="85"/>
      <c r="BS2234" s="85"/>
      <c r="BT2234" s="85"/>
      <c r="BU2234" s="85"/>
      <c r="BV2234" s="85"/>
      <c r="BW2234" s="85"/>
      <c r="BX2234" s="85"/>
      <c r="BY2234" s="85"/>
      <c r="BZ2234" s="85"/>
      <c r="CA2234" s="85"/>
      <c r="CB2234" s="85"/>
      <c r="CC2234" s="85"/>
      <c r="CD2234" s="85"/>
      <c r="CE2234" s="85"/>
      <c r="CF2234" s="85"/>
      <c r="CG2234" s="85"/>
    </row>
    <row r="2235" spans="1:85" s="9" customFormat="1" x14ac:dyDescent="0.2">
      <c r="A2235" s="85"/>
      <c r="J2235" s="85"/>
      <c r="K2235" s="85"/>
      <c r="L2235" s="85"/>
      <c r="M2235" s="85"/>
      <c r="N2235" s="85"/>
      <c r="O2235" s="85"/>
      <c r="P2235" s="85"/>
      <c r="Q2235" s="85"/>
      <c r="R2235" s="85"/>
      <c r="S2235" s="85"/>
      <c r="T2235" s="85"/>
      <c r="U2235" s="85"/>
      <c r="V2235" s="85"/>
      <c r="W2235" s="85"/>
      <c r="X2235" s="85"/>
      <c r="Y2235" s="85"/>
      <c r="Z2235" s="85"/>
      <c r="AA2235" s="85"/>
      <c r="AB2235" s="85"/>
      <c r="AC2235" s="85"/>
      <c r="AD2235" s="85"/>
      <c r="AE2235" s="85"/>
      <c r="AF2235" s="85"/>
      <c r="AG2235" s="85"/>
      <c r="AH2235" s="85"/>
      <c r="AI2235" s="85"/>
      <c r="AJ2235" s="85"/>
      <c r="AK2235" s="85"/>
      <c r="AL2235" s="85"/>
      <c r="AM2235" s="85"/>
      <c r="AN2235" s="85"/>
      <c r="AO2235" s="85"/>
      <c r="AP2235" s="85"/>
      <c r="AQ2235" s="85"/>
      <c r="AR2235" s="85"/>
      <c r="AS2235" s="85"/>
      <c r="AT2235" s="85"/>
      <c r="AU2235" s="85"/>
      <c r="AV2235" s="85"/>
      <c r="AW2235" s="85"/>
      <c r="AX2235" s="85"/>
      <c r="AY2235" s="85"/>
      <c r="AZ2235" s="85"/>
      <c r="BA2235" s="85"/>
      <c r="BB2235" s="85"/>
      <c r="BC2235" s="85"/>
      <c r="BD2235" s="85"/>
      <c r="BE2235" s="85"/>
      <c r="BF2235" s="85"/>
      <c r="BG2235" s="85"/>
      <c r="BH2235" s="85"/>
      <c r="BI2235" s="85"/>
      <c r="BJ2235" s="85"/>
      <c r="BK2235" s="85"/>
      <c r="BL2235" s="85"/>
      <c r="BM2235" s="85"/>
      <c r="BN2235" s="85"/>
      <c r="BO2235" s="85"/>
      <c r="BP2235" s="85"/>
      <c r="BQ2235" s="85"/>
      <c r="BR2235" s="85"/>
      <c r="BS2235" s="85"/>
      <c r="BT2235" s="85"/>
      <c r="BU2235" s="85"/>
      <c r="BV2235" s="85"/>
      <c r="BW2235" s="85"/>
      <c r="BX2235" s="85"/>
      <c r="BY2235" s="85"/>
      <c r="BZ2235" s="85"/>
      <c r="CA2235" s="85"/>
      <c r="CB2235" s="85"/>
      <c r="CC2235" s="85"/>
      <c r="CD2235" s="85"/>
      <c r="CE2235" s="85"/>
      <c r="CF2235" s="85"/>
      <c r="CG2235" s="85"/>
    </row>
    <row r="2236" spans="1:85" s="9" customFormat="1" x14ac:dyDescent="0.2">
      <c r="A2236" s="85"/>
      <c r="J2236" s="85"/>
      <c r="K2236" s="85"/>
      <c r="L2236" s="85"/>
      <c r="M2236" s="85"/>
      <c r="N2236" s="85"/>
      <c r="O2236" s="85"/>
      <c r="P2236" s="85"/>
      <c r="Q2236" s="85"/>
      <c r="R2236" s="85"/>
      <c r="S2236" s="85"/>
      <c r="T2236" s="85"/>
      <c r="U2236" s="85"/>
      <c r="V2236" s="85"/>
      <c r="W2236" s="85"/>
      <c r="X2236" s="85"/>
      <c r="Y2236" s="85"/>
      <c r="Z2236" s="85"/>
      <c r="AA2236" s="85"/>
      <c r="AB2236" s="85"/>
      <c r="AC2236" s="85"/>
      <c r="AD2236" s="85"/>
      <c r="AE2236" s="85"/>
      <c r="AF2236" s="85"/>
      <c r="AG2236" s="85"/>
      <c r="AH2236" s="85"/>
      <c r="AI2236" s="85"/>
      <c r="AJ2236" s="85"/>
      <c r="AK2236" s="85"/>
      <c r="AL2236" s="85"/>
      <c r="AM2236" s="85"/>
      <c r="AN2236" s="85"/>
      <c r="AO2236" s="85"/>
      <c r="AP2236" s="85"/>
      <c r="AQ2236" s="85"/>
      <c r="AR2236" s="85"/>
      <c r="AS2236" s="85"/>
      <c r="AT2236" s="85"/>
      <c r="AU2236" s="85"/>
      <c r="AV2236" s="85"/>
      <c r="AW2236" s="85"/>
      <c r="AX2236" s="85"/>
      <c r="AY2236" s="85"/>
      <c r="AZ2236" s="85"/>
      <c r="BA2236" s="85"/>
      <c r="BB2236" s="85"/>
      <c r="BC2236" s="85"/>
      <c r="BD2236" s="85"/>
      <c r="BE2236" s="85"/>
      <c r="BF2236" s="85"/>
      <c r="BG2236" s="85"/>
      <c r="BH2236" s="85"/>
      <c r="BI2236" s="85"/>
      <c r="BJ2236" s="85"/>
      <c r="BK2236" s="85"/>
      <c r="BL2236" s="85"/>
      <c r="BM2236" s="85"/>
      <c r="BN2236" s="85"/>
      <c r="BO2236" s="85"/>
      <c r="BP2236" s="85"/>
      <c r="BQ2236" s="85"/>
      <c r="BR2236" s="85"/>
      <c r="BS2236" s="85"/>
      <c r="BT2236" s="85"/>
      <c r="BU2236" s="85"/>
      <c r="BV2236" s="85"/>
      <c r="BW2236" s="85"/>
      <c r="BX2236" s="85"/>
      <c r="BY2236" s="85"/>
      <c r="BZ2236" s="85"/>
      <c r="CA2236" s="85"/>
      <c r="CB2236" s="85"/>
      <c r="CC2236" s="85"/>
      <c r="CD2236" s="85"/>
      <c r="CE2236" s="85"/>
      <c r="CF2236" s="85"/>
      <c r="CG2236" s="85"/>
    </row>
    <row r="2237" spans="1:85" s="9" customFormat="1" x14ac:dyDescent="0.2">
      <c r="A2237" s="85"/>
      <c r="J2237" s="85"/>
      <c r="K2237" s="85"/>
      <c r="L2237" s="85"/>
      <c r="M2237" s="85"/>
      <c r="N2237" s="85"/>
      <c r="O2237" s="85"/>
      <c r="P2237" s="85"/>
      <c r="Q2237" s="85"/>
      <c r="R2237" s="85"/>
      <c r="S2237" s="85"/>
      <c r="T2237" s="85"/>
      <c r="U2237" s="85"/>
      <c r="V2237" s="85"/>
      <c r="W2237" s="85"/>
      <c r="X2237" s="85"/>
      <c r="Y2237" s="85"/>
      <c r="Z2237" s="85"/>
      <c r="AA2237" s="85"/>
      <c r="AB2237" s="85"/>
      <c r="AC2237" s="85"/>
      <c r="AD2237" s="85"/>
      <c r="AE2237" s="85"/>
      <c r="AF2237" s="85"/>
      <c r="AG2237" s="85"/>
      <c r="AH2237" s="85"/>
      <c r="AI2237" s="85"/>
      <c r="AJ2237" s="85"/>
      <c r="AK2237" s="85"/>
      <c r="AL2237" s="85"/>
      <c r="AM2237" s="85"/>
      <c r="AN2237" s="85"/>
      <c r="AO2237" s="85"/>
      <c r="AP2237" s="85"/>
      <c r="AQ2237" s="85"/>
      <c r="AR2237" s="85"/>
      <c r="AS2237" s="85"/>
      <c r="AT2237" s="85"/>
      <c r="AU2237" s="85"/>
      <c r="AV2237" s="85"/>
      <c r="AW2237" s="85"/>
      <c r="AX2237" s="85"/>
      <c r="AY2237" s="85"/>
      <c r="AZ2237" s="85"/>
      <c r="BA2237" s="85"/>
      <c r="BB2237" s="85"/>
      <c r="BC2237" s="85"/>
      <c r="BD2237" s="85"/>
      <c r="BE2237" s="85"/>
      <c r="BF2237" s="85"/>
      <c r="BG2237" s="85"/>
      <c r="BH2237" s="85"/>
      <c r="BI2237" s="85"/>
      <c r="BJ2237" s="85"/>
      <c r="BK2237" s="85"/>
      <c r="BL2237" s="85"/>
      <c r="BM2237" s="85"/>
      <c r="BN2237" s="85"/>
      <c r="BO2237" s="85"/>
      <c r="BP2237" s="85"/>
      <c r="BQ2237" s="85"/>
      <c r="BR2237" s="85"/>
      <c r="BS2237" s="85"/>
      <c r="BT2237" s="85"/>
      <c r="BU2237" s="85"/>
      <c r="BV2237" s="85"/>
      <c r="BW2237" s="85"/>
      <c r="BX2237" s="85"/>
      <c r="BY2237" s="85"/>
      <c r="BZ2237" s="85"/>
      <c r="CA2237" s="85"/>
      <c r="CB2237" s="85"/>
      <c r="CC2237" s="85"/>
      <c r="CD2237" s="85"/>
      <c r="CE2237" s="85"/>
      <c r="CF2237" s="85"/>
      <c r="CG2237" s="85"/>
    </row>
    <row r="2238" spans="1:85" s="9" customFormat="1" x14ac:dyDescent="0.2">
      <c r="A2238" s="85"/>
      <c r="J2238" s="85"/>
      <c r="K2238" s="85"/>
      <c r="L2238" s="85"/>
      <c r="M2238" s="85"/>
      <c r="N2238" s="85"/>
      <c r="O2238" s="85"/>
      <c r="P2238" s="85"/>
      <c r="Q2238" s="85"/>
      <c r="R2238" s="85"/>
      <c r="S2238" s="85"/>
      <c r="T2238" s="85"/>
      <c r="U2238" s="85"/>
      <c r="V2238" s="85"/>
      <c r="W2238" s="85"/>
      <c r="X2238" s="85"/>
      <c r="Y2238" s="85"/>
      <c r="Z2238" s="85"/>
      <c r="AA2238" s="85"/>
      <c r="AB2238" s="85"/>
      <c r="AC2238" s="85"/>
      <c r="AD2238" s="85"/>
      <c r="AE2238" s="85"/>
      <c r="AF2238" s="85"/>
      <c r="AG2238" s="85"/>
      <c r="AH2238" s="85"/>
      <c r="AI2238" s="85"/>
      <c r="AJ2238" s="85"/>
      <c r="AK2238" s="85"/>
      <c r="AL2238" s="85"/>
      <c r="AM2238" s="85"/>
      <c r="AN2238" s="85"/>
      <c r="AO2238" s="85"/>
      <c r="AP2238" s="85"/>
      <c r="AQ2238" s="85"/>
      <c r="AR2238" s="85"/>
      <c r="AS2238" s="85"/>
      <c r="AT2238" s="85"/>
      <c r="AU2238" s="85"/>
      <c r="AV2238" s="85"/>
      <c r="AW2238" s="85"/>
      <c r="AX2238" s="85"/>
      <c r="AY2238" s="85"/>
      <c r="AZ2238" s="85"/>
      <c r="BA2238" s="85"/>
      <c r="BB2238" s="85"/>
      <c r="BC2238" s="85"/>
      <c r="BD2238" s="85"/>
      <c r="BE2238" s="85"/>
      <c r="BF2238" s="85"/>
      <c r="BG2238" s="85"/>
      <c r="BH2238" s="85"/>
      <c r="BI2238" s="85"/>
      <c r="BJ2238" s="85"/>
      <c r="BK2238" s="85"/>
      <c r="BL2238" s="85"/>
      <c r="BM2238" s="85"/>
      <c r="BN2238" s="85"/>
      <c r="BO2238" s="85"/>
      <c r="BP2238" s="85"/>
      <c r="BQ2238" s="85"/>
      <c r="BR2238" s="85"/>
      <c r="BS2238" s="85"/>
      <c r="BT2238" s="85"/>
      <c r="BU2238" s="85"/>
      <c r="BV2238" s="85"/>
      <c r="BW2238" s="85"/>
      <c r="BX2238" s="85"/>
      <c r="BY2238" s="85"/>
      <c r="BZ2238" s="85"/>
      <c r="CA2238" s="85"/>
      <c r="CB2238" s="85"/>
      <c r="CC2238" s="85"/>
      <c r="CD2238" s="85"/>
      <c r="CE2238" s="85"/>
      <c r="CF2238" s="85"/>
      <c r="CG2238" s="85"/>
    </row>
    <row r="2239" spans="1:85" s="9" customFormat="1" x14ac:dyDescent="0.2">
      <c r="A2239" s="85"/>
      <c r="J2239" s="85"/>
      <c r="K2239" s="85"/>
      <c r="L2239" s="85"/>
      <c r="M2239" s="85"/>
      <c r="N2239" s="85"/>
      <c r="O2239" s="85"/>
      <c r="P2239" s="85"/>
      <c r="Q2239" s="85"/>
      <c r="R2239" s="85"/>
      <c r="S2239" s="85"/>
      <c r="T2239" s="85"/>
      <c r="U2239" s="85"/>
      <c r="V2239" s="85"/>
      <c r="W2239" s="85"/>
      <c r="X2239" s="85"/>
      <c r="Y2239" s="85"/>
      <c r="Z2239" s="85"/>
      <c r="AA2239" s="85"/>
      <c r="AB2239" s="85"/>
      <c r="AC2239" s="85"/>
      <c r="AD2239" s="85"/>
      <c r="AE2239" s="85"/>
      <c r="AF2239" s="85"/>
      <c r="AG2239" s="85"/>
      <c r="AH2239" s="85"/>
      <c r="AI2239" s="85"/>
      <c r="AJ2239" s="85"/>
      <c r="AK2239" s="85"/>
      <c r="AL2239" s="85"/>
      <c r="AM2239" s="85"/>
      <c r="AN2239" s="85"/>
      <c r="AO2239" s="85"/>
      <c r="AP2239" s="85"/>
      <c r="AQ2239" s="85"/>
      <c r="AR2239" s="85"/>
      <c r="AS2239" s="85"/>
      <c r="AT2239" s="85"/>
      <c r="AU2239" s="85"/>
      <c r="AV2239" s="85"/>
      <c r="AW2239" s="85"/>
      <c r="AX2239" s="85"/>
      <c r="AY2239" s="85"/>
      <c r="AZ2239" s="85"/>
      <c r="BA2239" s="85"/>
      <c r="BB2239" s="85"/>
      <c r="BC2239" s="85"/>
      <c r="BD2239" s="85"/>
      <c r="BE2239" s="85"/>
      <c r="BF2239" s="85"/>
      <c r="BG2239" s="85"/>
      <c r="BH2239" s="85"/>
      <c r="BI2239" s="85"/>
      <c r="BJ2239" s="85"/>
      <c r="BK2239" s="85"/>
      <c r="BL2239" s="85"/>
      <c r="BM2239" s="85"/>
      <c r="BN2239" s="85"/>
      <c r="BO2239" s="85"/>
      <c r="BP2239" s="85"/>
      <c r="BQ2239" s="85"/>
      <c r="BR2239" s="85"/>
      <c r="BS2239" s="85"/>
      <c r="BT2239" s="85"/>
      <c r="BU2239" s="85"/>
      <c r="BV2239" s="85"/>
      <c r="BW2239" s="85"/>
      <c r="BX2239" s="85"/>
      <c r="BY2239" s="85"/>
      <c r="BZ2239" s="85"/>
      <c r="CA2239" s="85"/>
      <c r="CB2239" s="85"/>
      <c r="CC2239" s="85"/>
      <c r="CD2239" s="85"/>
      <c r="CE2239" s="85"/>
      <c r="CF2239" s="85"/>
      <c r="CG2239" s="85"/>
    </row>
    <row r="2240" spans="1:85" s="9" customFormat="1" x14ac:dyDescent="0.2">
      <c r="A2240" s="85"/>
      <c r="J2240" s="85"/>
      <c r="K2240" s="85"/>
      <c r="L2240" s="85"/>
      <c r="M2240" s="85"/>
      <c r="N2240" s="85"/>
      <c r="O2240" s="85"/>
      <c r="P2240" s="85"/>
      <c r="Q2240" s="85"/>
      <c r="R2240" s="85"/>
      <c r="S2240" s="85"/>
      <c r="T2240" s="85"/>
      <c r="U2240" s="85"/>
      <c r="V2240" s="85"/>
      <c r="W2240" s="85"/>
      <c r="X2240" s="85"/>
      <c r="Y2240" s="85"/>
      <c r="Z2240" s="85"/>
      <c r="AA2240" s="85"/>
      <c r="AB2240" s="85"/>
      <c r="AC2240" s="85"/>
      <c r="AD2240" s="85"/>
      <c r="AE2240" s="85"/>
      <c r="AF2240" s="85"/>
      <c r="AG2240" s="85"/>
      <c r="AH2240" s="85"/>
      <c r="AI2240" s="85"/>
      <c r="AJ2240" s="85"/>
      <c r="AK2240" s="85"/>
      <c r="AL2240" s="85"/>
      <c r="AM2240" s="85"/>
      <c r="AN2240" s="85"/>
      <c r="AO2240" s="85"/>
      <c r="AP2240" s="85"/>
      <c r="AQ2240" s="85"/>
      <c r="AR2240" s="85"/>
      <c r="AS2240" s="85"/>
      <c r="AT2240" s="85"/>
      <c r="AU2240" s="85"/>
      <c r="AV2240" s="85"/>
      <c r="AW2240" s="85"/>
      <c r="AX2240" s="85"/>
      <c r="AY2240" s="85"/>
      <c r="AZ2240" s="85"/>
      <c r="BA2240" s="85"/>
      <c r="BB2240" s="85"/>
      <c r="BC2240" s="85"/>
      <c r="BD2240" s="85"/>
      <c r="BE2240" s="85"/>
      <c r="BF2240" s="85"/>
      <c r="BG2240" s="85"/>
      <c r="BH2240" s="85"/>
      <c r="BI2240" s="85"/>
      <c r="BJ2240" s="85"/>
      <c r="BK2240" s="85"/>
      <c r="BL2240" s="85"/>
      <c r="BM2240" s="85"/>
      <c r="BN2240" s="85"/>
      <c r="BO2240" s="85"/>
      <c r="BP2240" s="85"/>
      <c r="BQ2240" s="85"/>
      <c r="BR2240" s="85"/>
      <c r="BS2240" s="85"/>
      <c r="BT2240" s="85"/>
      <c r="BU2240" s="85"/>
      <c r="BV2240" s="85"/>
      <c r="BW2240" s="85"/>
      <c r="BX2240" s="85"/>
      <c r="BY2240" s="85"/>
      <c r="BZ2240" s="85"/>
      <c r="CA2240" s="85"/>
      <c r="CB2240" s="85"/>
      <c r="CC2240" s="85"/>
      <c r="CD2240" s="85"/>
      <c r="CE2240" s="85"/>
      <c r="CF2240" s="85"/>
      <c r="CG2240" s="85"/>
    </row>
    <row r="2241" spans="1:85" s="9" customFormat="1" x14ac:dyDescent="0.2">
      <c r="A2241" s="85"/>
      <c r="J2241" s="85"/>
      <c r="K2241" s="85"/>
      <c r="L2241" s="85"/>
      <c r="M2241" s="85"/>
      <c r="N2241" s="85"/>
      <c r="O2241" s="85"/>
      <c r="P2241" s="85"/>
      <c r="Q2241" s="85"/>
      <c r="R2241" s="85"/>
      <c r="S2241" s="85"/>
      <c r="T2241" s="85"/>
      <c r="U2241" s="85"/>
      <c r="V2241" s="85"/>
      <c r="W2241" s="85"/>
      <c r="X2241" s="85"/>
      <c r="Y2241" s="85"/>
      <c r="Z2241" s="85"/>
      <c r="AA2241" s="85"/>
      <c r="AB2241" s="85"/>
      <c r="AC2241" s="85"/>
      <c r="AD2241" s="85"/>
      <c r="AE2241" s="85"/>
      <c r="AF2241" s="85"/>
      <c r="AG2241" s="85"/>
      <c r="AH2241" s="85"/>
      <c r="AI2241" s="85"/>
      <c r="AJ2241" s="85"/>
      <c r="AK2241" s="85"/>
      <c r="AL2241" s="85"/>
      <c r="AM2241" s="85"/>
      <c r="AN2241" s="85"/>
      <c r="AO2241" s="85"/>
      <c r="AP2241" s="85"/>
      <c r="AQ2241" s="85"/>
      <c r="AR2241" s="85"/>
      <c r="AS2241" s="85"/>
      <c r="AT2241" s="85"/>
      <c r="AU2241" s="85"/>
      <c r="AV2241" s="85"/>
      <c r="AW2241" s="85"/>
      <c r="AX2241" s="85"/>
      <c r="AY2241" s="85"/>
      <c r="AZ2241" s="85"/>
      <c r="BA2241" s="85"/>
      <c r="BB2241" s="85"/>
      <c r="BC2241" s="85"/>
      <c r="BD2241" s="85"/>
      <c r="BE2241" s="85"/>
      <c r="BF2241" s="85"/>
      <c r="BG2241" s="85"/>
      <c r="BH2241" s="85"/>
      <c r="BI2241" s="85"/>
      <c r="BJ2241" s="85"/>
      <c r="BK2241" s="85"/>
      <c r="BL2241" s="85"/>
      <c r="BM2241" s="85"/>
      <c r="BN2241" s="85"/>
      <c r="BO2241" s="85"/>
      <c r="BP2241" s="85"/>
      <c r="BQ2241" s="85"/>
      <c r="BR2241" s="85"/>
      <c r="BS2241" s="85"/>
      <c r="BT2241" s="85"/>
      <c r="BU2241" s="85"/>
      <c r="BV2241" s="85"/>
      <c r="BW2241" s="85"/>
      <c r="BX2241" s="85"/>
      <c r="BY2241" s="85"/>
      <c r="BZ2241" s="85"/>
      <c r="CA2241" s="85"/>
      <c r="CB2241" s="85"/>
      <c r="CC2241" s="85"/>
      <c r="CD2241" s="85"/>
      <c r="CE2241" s="85"/>
      <c r="CF2241" s="85"/>
      <c r="CG2241" s="85"/>
    </row>
    <row r="2242" spans="1:85" s="9" customFormat="1" x14ac:dyDescent="0.2">
      <c r="A2242" s="85"/>
      <c r="J2242" s="85"/>
      <c r="K2242" s="85"/>
      <c r="L2242" s="85"/>
      <c r="M2242" s="85"/>
      <c r="N2242" s="85"/>
      <c r="O2242" s="85"/>
      <c r="P2242" s="85"/>
      <c r="Q2242" s="85"/>
      <c r="R2242" s="85"/>
      <c r="S2242" s="85"/>
      <c r="T2242" s="85"/>
      <c r="U2242" s="85"/>
      <c r="V2242" s="85"/>
      <c r="W2242" s="85"/>
      <c r="X2242" s="85"/>
      <c r="Y2242" s="85"/>
      <c r="Z2242" s="85"/>
      <c r="AA2242" s="85"/>
      <c r="AB2242" s="85"/>
      <c r="AC2242" s="85"/>
      <c r="AD2242" s="85"/>
      <c r="AE2242" s="85"/>
      <c r="AF2242" s="85"/>
      <c r="AG2242" s="85"/>
      <c r="AH2242" s="85"/>
      <c r="AI2242" s="85"/>
      <c r="AJ2242" s="85"/>
      <c r="AK2242" s="85"/>
      <c r="AL2242" s="85"/>
      <c r="AM2242" s="85"/>
      <c r="AN2242" s="85"/>
      <c r="AO2242" s="85"/>
      <c r="AP2242" s="85"/>
      <c r="AQ2242" s="85"/>
      <c r="AR2242" s="85"/>
      <c r="AS2242" s="85"/>
      <c r="AT2242" s="85"/>
      <c r="AU2242" s="85"/>
      <c r="AV2242" s="85"/>
      <c r="AW2242" s="85"/>
      <c r="AX2242" s="85"/>
      <c r="AY2242" s="85"/>
      <c r="AZ2242" s="85"/>
      <c r="BA2242" s="85"/>
      <c r="BB2242" s="85"/>
      <c r="BC2242" s="85"/>
      <c r="BD2242" s="85"/>
      <c r="BE2242" s="85"/>
      <c r="BF2242" s="85"/>
      <c r="BG2242" s="85"/>
      <c r="BH2242" s="85"/>
      <c r="BI2242" s="85"/>
      <c r="BJ2242" s="85"/>
      <c r="BK2242" s="85"/>
      <c r="BL2242" s="85"/>
      <c r="BM2242" s="85"/>
      <c r="BN2242" s="85"/>
      <c r="BO2242" s="85"/>
      <c r="BP2242" s="85"/>
      <c r="BQ2242" s="85"/>
      <c r="BR2242" s="85"/>
      <c r="BS2242" s="85"/>
      <c r="BT2242" s="85"/>
      <c r="BU2242" s="85"/>
      <c r="BV2242" s="85"/>
      <c r="BW2242" s="85"/>
      <c r="BX2242" s="85"/>
      <c r="BY2242" s="85"/>
      <c r="BZ2242" s="85"/>
      <c r="CA2242" s="85"/>
      <c r="CB2242" s="85"/>
      <c r="CC2242" s="85"/>
      <c r="CD2242" s="85"/>
      <c r="CE2242" s="85"/>
      <c r="CF2242" s="85"/>
      <c r="CG2242" s="85"/>
    </row>
    <row r="2243" spans="1:85" s="9" customFormat="1" x14ac:dyDescent="0.2">
      <c r="A2243" s="85"/>
      <c r="J2243" s="85"/>
      <c r="K2243" s="85"/>
      <c r="L2243" s="85"/>
      <c r="M2243" s="85"/>
      <c r="N2243" s="85"/>
      <c r="O2243" s="85"/>
      <c r="P2243" s="85"/>
      <c r="Q2243" s="85"/>
      <c r="R2243" s="85"/>
      <c r="S2243" s="85"/>
      <c r="T2243" s="85"/>
      <c r="U2243" s="85"/>
      <c r="V2243" s="85"/>
      <c r="W2243" s="85"/>
      <c r="X2243" s="85"/>
      <c r="Y2243" s="85"/>
      <c r="Z2243" s="85"/>
      <c r="AA2243" s="85"/>
      <c r="AB2243" s="85"/>
      <c r="AC2243" s="85"/>
      <c r="AD2243" s="85"/>
      <c r="AE2243" s="85"/>
      <c r="AF2243" s="85"/>
      <c r="AG2243" s="85"/>
      <c r="AH2243" s="85"/>
      <c r="AI2243" s="85"/>
      <c r="AJ2243" s="85"/>
      <c r="AK2243" s="85"/>
      <c r="AL2243" s="85"/>
      <c r="AM2243" s="85"/>
      <c r="AN2243" s="85"/>
      <c r="AO2243" s="85"/>
      <c r="AP2243" s="85"/>
      <c r="AQ2243" s="85"/>
      <c r="AR2243" s="85"/>
      <c r="AS2243" s="85"/>
      <c r="AT2243" s="85"/>
      <c r="AU2243" s="85"/>
      <c r="AV2243" s="85"/>
      <c r="AW2243" s="85"/>
      <c r="AX2243" s="85"/>
      <c r="AY2243" s="85"/>
      <c r="AZ2243" s="85"/>
      <c r="BA2243" s="85"/>
      <c r="BB2243" s="85"/>
      <c r="BC2243" s="85"/>
      <c r="BD2243" s="85"/>
      <c r="BE2243" s="85"/>
      <c r="BF2243" s="85"/>
      <c r="BG2243" s="85"/>
      <c r="BH2243" s="85"/>
      <c r="BI2243" s="85"/>
      <c r="BJ2243" s="85"/>
      <c r="BK2243" s="85"/>
      <c r="BL2243" s="85"/>
      <c r="BM2243" s="85"/>
      <c r="BN2243" s="85"/>
      <c r="BO2243" s="85"/>
      <c r="BP2243" s="85"/>
      <c r="BQ2243" s="85"/>
      <c r="BR2243" s="85"/>
      <c r="BS2243" s="85"/>
      <c r="BT2243" s="85"/>
      <c r="BU2243" s="85"/>
      <c r="BV2243" s="85"/>
      <c r="BW2243" s="85"/>
      <c r="BX2243" s="85"/>
      <c r="BY2243" s="85"/>
      <c r="BZ2243" s="85"/>
      <c r="CA2243" s="85"/>
      <c r="CB2243" s="85"/>
      <c r="CC2243" s="85"/>
      <c r="CD2243" s="85"/>
      <c r="CE2243" s="85"/>
      <c r="CF2243" s="85"/>
      <c r="CG2243" s="85"/>
    </row>
    <row r="2244" spans="1:85" s="9" customFormat="1" x14ac:dyDescent="0.2">
      <c r="A2244" s="85"/>
      <c r="J2244" s="85"/>
      <c r="K2244" s="85"/>
      <c r="L2244" s="85"/>
      <c r="M2244" s="85"/>
      <c r="N2244" s="85"/>
      <c r="O2244" s="85"/>
      <c r="P2244" s="85"/>
      <c r="Q2244" s="85"/>
      <c r="R2244" s="85"/>
      <c r="S2244" s="85"/>
      <c r="T2244" s="85"/>
      <c r="U2244" s="85"/>
      <c r="V2244" s="85"/>
      <c r="W2244" s="85"/>
      <c r="X2244" s="85"/>
      <c r="Y2244" s="85"/>
      <c r="Z2244" s="85"/>
      <c r="AA2244" s="85"/>
      <c r="AB2244" s="85"/>
      <c r="AC2244" s="85"/>
      <c r="AD2244" s="85"/>
      <c r="AE2244" s="85"/>
      <c r="AF2244" s="85"/>
      <c r="AG2244" s="85"/>
      <c r="AH2244" s="85"/>
      <c r="AI2244" s="85"/>
      <c r="AJ2244" s="85"/>
      <c r="AK2244" s="85"/>
      <c r="AL2244" s="85"/>
      <c r="AM2244" s="85"/>
      <c r="AN2244" s="85"/>
      <c r="AO2244" s="85"/>
      <c r="AP2244" s="85"/>
      <c r="AQ2244" s="85"/>
      <c r="AR2244" s="85"/>
      <c r="AS2244" s="85"/>
      <c r="AT2244" s="85"/>
      <c r="AU2244" s="85"/>
      <c r="AV2244" s="85"/>
      <c r="AW2244" s="85"/>
      <c r="AX2244" s="85"/>
      <c r="AY2244" s="85"/>
      <c r="AZ2244" s="85"/>
      <c r="BA2244" s="85"/>
      <c r="BB2244" s="85"/>
      <c r="BC2244" s="85"/>
      <c r="BD2244" s="85"/>
      <c r="BE2244" s="85"/>
      <c r="BF2244" s="85"/>
      <c r="BG2244" s="85"/>
      <c r="BH2244" s="85"/>
      <c r="BI2244" s="85"/>
      <c r="BJ2244" s="85"/>
      <c r="BK2244" s="85"/>
      <c r="BL2244" s="85"/>
      <c r="BM2244" s="85"/>
      <c r="BN2244" s="85"/>
      <c r="BO2244" s="85"/>
      <c r="BP2244" s="85"/>
      <c r="BQ2244" s="85"/>
      <c r="BR2244" s="85"/>
      <c r="BS2244" s="85"/>
      <c r="BT2244" s="85"/>
      <c r="BU2244" s="85"/>
      <c r="BV2244" s="85"/>
      <c r="BW2244" s="85"/>
      <c r="BX2244" s="85"/>
      <c r="BY2244" s="85"/>
      <c r="BZ2244" s="85"/>
      <c r="CA2244" s="85"/>
      <c r="CB2244" s="85"/>
      <c r="CC2244" s="85"/>
      <c r="CD2244" s="85"/>
      <c r="CE2244" s="85"/>
      <c r="CF2244" s="85"/>
      <c r="CG2244" s="85"/>
    </row>
    <row r="2245" spans="1:85" s="9" customFormat="1" x14ac:dyDescent="0.2">
      <c r="A2245" s="85"/>
      <c r="J2245" s="85"/>
      <c r="K2245" s="85"/>
      <c r="L2245" s="85"/>
      <c r="M2245" s="85"/>
      <c r="N2245" s="85"/>
      <c r="O2245" s="85"/>
      <c r="P2245" s="85"/>
      <c r="Q2245" s="85"/>
      <c r="R2245" s="85"/>
      <c r="S2245" s="85"/>
      <c r="T2245" s="85"/>
      <c r="U2245" s="85"/>
      <c r="V2245" s="85"/>
      <c r="W2245" s="85"/>
      <c r="X2245" s="85"/>
      <c r="Y2245" s="85"/>
      <c r="Z2245" s="85"/>
      <c r="AA2245" s="85"/>
      <c r="AB2245" s="85"/>
      <c r="AC2245" s="85"/>
      <c r="AD2245" s="85"/>
      <c r="AE2245" s="85"/>
      <c r="AF2245" s="85"/>
      <c r="AG2245" s="85"/>
      <c r="AH2245" s="85"/>
      <c r="AI2245" s="85"/>
      <c r="AJ2245" s="85"/>
      <c r="AK2245" s="85"/>
      <c r="AL2245" s="85"/>
      <c r="AM2245" s="85"/>
      <c r="AN2245" s="85"/>
      <c r="AO2245" s="85"/>
      <c r="AP2245" s="85"/>
      <c r="AQ2245" s="85"/>
      <c r="AR2245" s="85"/>
      <c r="AS2245" s="85"/>
      <c r="AT2245" s="85"/>
      <c r="AU2245" s="85"/>
      <c r="AV2245" s="85"/>
      <c r="AW2245" s="85"/>
      <c r="AX2245" s="85"/>
      <c r="AY2245" s="85"/>
      <c r="AZ2245" s="85"/>
      <c r="BA2245" s="85"/>
      <c r="BB2245" s="85"/>
      <c r="BC2245" s="85"/>
      <c r="BD2245" s="85"/>
      <c r="BE2245" s="85"/>
      <c r="BF2245" s="85"/>
      <c r="BG2245" s="85"/>
      <c r="BH2245" s="85"/>
      <c r="BI2245" s="85"/>
      <c r="BJ2245" s="85"/>
      <c r="BK2245" s="85"/>
      <c r="BL2245" s="85"/>
      <c r="BM2245" s="85"/>
      <c r="BN2245" s="85"/>
      <c r="BO2245" s="85"/>
      <c r="BP2245" s="85"/>
      <c r="BQ2245" s="85"/>
      <c r="BR2245" s="85"/>
      <c r="BS2245" s="85"/>
      <c r="BT2245" s="85"/>
      <c r="BU2245" s="85"/>
      <c r="BV2245" s="85"/>
      <c r="BW2245" s="85"/>
      <c r="BX2245" s="85"/>
      <c r="BY2245" s="85"/>
      <c r="BZ2245" s="85"/>
      <c r="CA2245" s="85"/>
      <c r="CB2245" s="85"/>
      <c r="CC2245" s="85"/>
      <c r="CD2245" s="85"/>
      <c r="CE2245" s="85"/>
      <c r="CF2245" s="85"/>
      <c r="CG2245" s="85"/>
    </row>
    <row r="2246" spans="1:85" s="9" customFormat="1" x14ac:dyDescent="0.2">
      <c r="A2246" s="85"/>
      <c r="J2246" s="85"/>
      <c r="K2246" s="85"/>
      <c r="L2246" s="85"/>
      <c r="M2246" s="85"/>
      <c r="N2246" s="85"/>
      <c r="O2246" s="85"/>
      <c r="P2246" s="85"/>
      <c r="Q2246" s="85"/>
      <c r="R2246" s="85"/>
      <c r="S2246" s="85"/>
      <c r="T2246" s="85"/>
      <c r="U2246" s="85"/>
      <c r="V2246" s="85"/>
      <c r="W2246" s="85"/>
      <c r="X2246" s="85"/>
      <c r="Y2246" s="85"/>
      <c r="Z2246" s="85"/>
      <c r="AA2246" s="85"/>
      <c r="AB2246" s="85"/>
      <c r="AC2246" s="85"/>
      <c r="AD2246" s="85"/>
      <c r="AE2246" s="85"/>
      <c r="AF2246" s="85"/>
      <c r="AG2246" s="85"/>
      <c r="AH2246" s="85"/>
      <c r="AI2246" s="85"/>
      <c r="AJ2246" s="85"/>
      <c r="AK2246" s="85"/>
      <c r="AL2246" s="85"/>
      <c r="AM2246" s="85"/>
      <c r="AN2246" s="85"/>
      <c r="AO2246" s="85"/>
      <c r="AP2246" s="85"/>
      <c r="AQ2246" s="85"/>
      <c r="AR2246" s="85"/>
      <c r="AS2246" s="85"/>
      <c r="AT2246" s="85"/>
      <c r="AU2246" s="85"/>
      <c r="AV2246" s="85"/>
      <c r="AW2246" s="85"/>
      <c r="AX2246" s="85"/>
      <c r="AY2246" s="85"/>
      <c r="AZ2246" s="85"/>
      <c r="BA2246" s="85"/>
      <c r="BB2246" s="85"/>
      <c r="BC2246" s="85"/>
      <c r="BD2246" s="85"/>
      <c r="BE2246" s="85"/>
      <c r="BF2246" s="85"/>
      <c r="BG2246" s="85"/>
      <c r="BH2246" s="85"/>
      <c r="BI2246" s="85"/>
      <c r="BJ2246" s="85"/>
      <c r="BK2246" s="85"/>
      <c r="BL2246" s="85"/>
      <c r="BM2246" s="85"/>
      <c r="BN2246" s="85"/>
      <c r="BO2246" s="85"/>
      <c r="BP2246" s="85"/>
      <c r="BQ2246" s="85"/>
      <c r="BR2246" s="85"/>
      <c r="BS2246" s="85"/>
      <c r="BT2246" s="85"/>
      <c r="BU2246" s="85"/>
      <c r="BV2246" s="85"/>
      <c r="BW2246" s="85"/>
      <c r="BX2246" s="85"/>
      <c r="BY2246" s="85"/>
      <c r="BZ2246" s="85"/>
      <c r="CA2246" s="85"/>
      <c r="CB2246" s="85"/>
      <c r="CC2246" s="85"/>
      <c r="CD2246" s="85"/>
      <c r="CE2246" s="85"/>
      <c r="CF2246" s="85"/>
      <c r="CG2246" s="85"/>
    </row>
    <row r="2247" spans="1:85" s="9" customFormat="1" x14ac:dyDescent="0.2">
      <c r="A2247" s="85"/>
      <c r="J2247" s="85"/>
      <c r="K2247" s="85"/>
      <c r="L2247" s="85"/>
      <c r="M2247" s="85"/>
      <c r="N2247" s="85"/>
      <c r="O2247" s="85"/>
      <c r="P2247" s="85"/>
      <c r="Q2247" s="85"/>
      <c r="R2247" s="85"/>
      <c r="S2247" s="85"/>
      <c r="T2247" s="85"/>
      <c r="U2247" s="85"/>
      <c r="V2247" s="85"/>
      <c r="W2247" s="85"/>
      <c r="X2247" s="85"/>
      <c r="Y2247" s="85"/>
      <c r="Z2247" s="85"/>
      <c r="AA2247" s="85"/>
      <c r="AB2247" s="85"/>
      <c r="AC2247" s="85"/>
      <c r="AD2247" s="85"/>
      <c r="AE2247" s="85"/>
      <c r="AF2247" s="85"/>
      <c r="AG2247" s="85"/>
      <c r="AH2247" s="85"/>
      <c r="AI2247" s="85"/>
      <c r="AJ2247" s="85"/>
      <c r="AK2247" s="85"/>
      <c r="AL2247" s="85"/>
      <c r="AM2247" s="85"/>
      <c r="AN2247" s="85"/>
      <c r="AO2247" s="85"/>
      <c r="AP2247" s="85"/>
      <c r="AQ2247" s="85"/>
      <c r="AR2247" s="85"/>
      <c r="AS2247" s="85"/>
      <c r="AT2247" s="85"/>
      <c r="AU2247" s="85"/>
      <c r="AV2247" s="85"/>
      <c r="AW2247" s="85"/>
      <c r="AX2247" s="85"/>
      <c r="AY2247" s="85"/>
      <c r="AZ2247" s="85"/>
      <c r="BA2247" s="85"/>
      <c r="BB2247" s="85"/>
      <c r="BC2247" s="85"/>
      <c r="BD2247" s="85"/>
      <c r="BE2247" s="85"/>
      <c r="BF2247" s="85"/>
      <c r="BG2247" s="85"/>
      <c r="BH2247" s="85"/>
      <c r="BI2247" s="85"/>
      <c r="BJ2247" s="85"/>
      <c r="BK2247" s="85"/>
      <c r="BL2247" s="85"/>
      <c r="BM2247" s="85"/>
      <c r="BN2247" s="85"/>
      <c r="BO2247" s="85"/>
      <c r="BP2247" s="85"/>
      <c r="BQ2247" s="85"/>
      <c r="BR2247" s="85"/>
      <c r="BS2247" s="85"/>
      <c r="BT2247" s="85"/>
      <c r="BU2247" s="85"/>
      <c r="BV2247" s="85"/>
      <c r="BW2247" s="85"/>
      <c r="BX2247" s="85"/>
      <c r="BY2247" s="85"/>
      <c r="BZ2247" s="85"/>
      <c r="CA2247" s="85"/>
      <c r="CB2247" s="85"/>
      <c r="CC2247" s="85"/>
      <c r="CD2247" s="85"/>
      <c r="CE2247" s="85"/>
      <c r="CF2247" s="85"/>
      <c r="CG2247" s="85"/>
    </row>
    <row r="2248" spans="1:85" s="9" customFormat="1" x14ac:dyDescent="0.2">
      <c r="A2248" s="85"/>
      <c r="J2248" s="85"/>
      <c r="K2248" s="85"/>
      <c r="L2248" s="85"/>
      <c r="M2248" s="85"/>
      <c r="N2248" s="85"/>
      <c r="O2248" s="85"/>
      <c r="P2248" s="85"/>
      <c r="Q2248" s="85"/>
      <c r="R2248" s="85"/>
      <c r="S2248" s="85"/>
      <c r="T2248" s="85"/>
      <c r="U2248" s="85"/>
      <c r="V2248" s="85"/>
      <c r="W2248" s="85"/>
      <c r="X2248" s="85"/>
      <c r="Y2248" s="85"/>
      <c r="Z2248" s="85"/>
      <c r="AA2248" s="85"/>
      <c r="AB2248" s="85"/>
      <c r="AC2248" s="85"/>
      <c r="AD2248" s="85"/>
      <c r="AE2248" s="85"/>
      <c r="AF2248" s="85"/>
      <c r="AG2248" s="85"/>
      <c r="AH2248" s="85"/>
      <c r="AI2248" s="85"/>
      <c r="AJ2248" s="85"/>
      <c r="AK2248" s="85"/>
      <c r="AL2248" s="85"/>
      <c r="AM2248" s="85"/>
      <c r="AN2248" s="85"/>
      <c r="AO2248" s="85"/>
      <c r="AP2248" s="85"/>
      <c r="AQ2248" s="85"/>
      <c r="AR2248" s="85"/>
      <c r="AS2248" s="85"/>
      <c r="AT2248" s="85"/>
      <c r="AU2248" s="85"/>
      <c r="AV2248" s="85"/>
      <c r="AW2248" s="85"/>
      <c r="AX2248" s="85"/>
      <c r="AY2248" s="85"/>
      <c r="AZ2248" s="85"/>
      <c r="BA2248" s="85"/>
      <c r="BB2248" s="85"/>
      <c r="BC2248" s="85"/>
      <c r="BD2248" s="85"/>
      <c r="BE2248" s="85"/>
      <c r="BF2248" s="85"/>
      <c r="BG2248" s="85"/>
      <c r="BH2248" s="85"/>
      <c r="BI2248" s="85"/>
      <c r="BJ2248" s="85"/>
      <c r="BK2248" s="85"/>
      <c r="BL2248" s="85"/>
      <c r="BM2248" s="85"/>
      <c r="BN2248" s="85"/>
      <c r="BO2248" s="85"/>
      <c r="BP2248" s="85"/>
      <c r="BQ2248" s="85"/>
      <c r="BR2248" s="85"/>
      <c r="BS2248" s="85"/>
      <c r="BT2248" s="85"/>
      <c r="BU2248" s="85"/>
      <c r="BV2248" s="85"/>
      <c r="BW2248" s="85"/>
      <c r="BX2248" s="85"/>
      <c r="BY2248" s="85"/>
      <c r="BZ2248" s="85"/>
      <c r="CA2248" s="85"/>
      <c r="CB2248" s="85"/>
      <c r="CC2248" s="85"/>
      <c r="CD2248" s="85"/>
      <c r="CE2248" s="85"/>
      <c r="CF2248" s="85"/>
      <c r="CG2248" s="85"/>
    </row>
    <row r="2249" spans="1:85" s="9" customFormat="1" x14ac:dyDescent="0.2">
      <c r="A2249" s="85"/>
      <c r="J2249" s="85"/>
      <c r="K2249" s="85"/>
      <c r="L2249" s="85"/>
      <c r="M2249" s="85"/>
      <c r="N2249" s="85"/>
      <c r="O2249" s="85"/>
      <c r="P2249" s="85"/>
      <c r="Q2249" s="85"/>
      <c r="R2249" s="85"/>
      <c r="S2249" s="85"/>
      <c r="T2249" s="85"/>
      <c r="U2249" s="85"/>
      <c r="V2249" s="85"/>
      <c r="W2249" s="85"/>
      <c r="X2249" s="85"/>
      <c r="Y2249" s="85"/>
      <c r="Z2249" s="85"/>
      <c r="AA2249" s="85"/>
      <c r="AB2249" s="85"/>
      <c r="AC2249" s="85"/>
      <c r="AD2249" s="85"/>
      <c r="AE2249" s="85"/>
      <c r="AF2249" s="85"/>
      <c r="AG2249" s="85"/>
      <c r="AH2249" s="85"/>
      <c r="AI2249" s="85"/>
      <c r="AJ2249" s="85"/>
      <c r="AK2249" s="85"/>
      <c r="AL2249" s="85"/>
      <c r="AM2249" s="85"/>
      <c r="AN2249" s="85"/>
      <c r="AO2249" s="85"/>
      <c r="AP2249" s="85"/>
      <c r="AQ2249" s="85"/>
      <c r="AR2249" s="85"/>
      <c r="AS2249" s="85"/>
      <c r="AT2249" s="85"/>
      <c r="AU2249" s="85"/>
      <c r="AV2249" s="85"/>
      <c r="AW2249" s="85"/>
      <c r="AX2249" s="85"/>
      <c r="AY2249" s="85"/>
      <c r="AZ2249" s="85"/>
      <c r="BA2249" s="85"/>
      <c r="BB2249" s="85"/>
      <c r="BC2249" s="85"/>
      <c r="BD2249" s="85"/>
      <c r="BE2249" s="85"/>
      <c r="BF2249" s="85"/>
      <c r="BG2249" s="85"/>
      <c r="BH2249" s="85"/>
      <c r="BI2249" s="85"/>
      <c r="BJ2249" s="85"/>
      <c r="BK2249" s="85"/>
      <c r="BL2249" s="85"/>
      <c r="BM2249" s="85"/>
      <c r="BN2249" s="85"/>
      <c r="BO2249" s="85"/>
      <c r="BP2249" s="85"/>
      <c r="BQ2249" s="85"/>
      <c r="BR2249" s="85"/>
      <c r="BS2249" s="85"/>
      <c r="BT2249" s="85"/>
      <c r="BU2249" s="85"/>
      <c r="BV2249" s="85"/>
      <c r="BW2249" s="85"/>
      <c r="BX2249" s="85"/>
      <c r="BY2249" s="85"/>
      <c r="BZ2249" s="85"/>
      <c r="CA2249" s="85"/>
      <c r="CB2249" s="85"/>
      <c r="CC2249" s="85"/>
      <c r="CD2249" s="85"/>
      <c r="CE2249" s="85"/>
      <c r="CF2249" s="85"/>
      <c r="CG2249" s="85"/>
    </row>
    <row r="2250" spans="1:85" s="9" customFormat="1" x14ac:dyDescent="0.2">
      <c r="A2250" s="85"/>
      <c r="J2250" s="85"/>
      <c r="K2250" s="85"/>
      <c r="L2250" s="85"/>
      <c r="M2250" s="85"/>
      <c r="N2250" s="85"/>
      <c r="O2250" s="85"/>
      <c r="P2250" s="85"/>
      <c r="Q2250" s="85"/>
      <c r="R2250" s="85"/>
      <c r="S2250" s="85"/>
      <c r="T2250" s="85"/>
      <c r="U2250" s="85"/>
      <c r="V2250" s="85"/>
      <c r="W2250" s="85"/>
      <c r="X2250" s="85"/>
      <c r="Y2250" s="85"/>
      <c r="Z2250" s="85"/>
      <c r="AA2250" s="85"/>
      <c r="AB2250" s="85"/>
      <c r="AC2250" s="85"/>
      <c r="AD2250" s="85"/>
      <c r="AE2250" s="85"/>
      <c r="AF2250" s="85"/>
      <c r="AG2250" s="85"/>
      <c r="AH2250" s="85"/>
      <c r="AI2250" s="85"/>
      <c r="AJ2250" s="85"/>
      <c r="AK2250" s="85"/>
      <c r="AL2250" s="85"/>
      <c r="AM2250" s="85"/>
      <c r="AN2250" s="85"/>
      <c r="AO2250" s="85"/>
      <c r="AP2250" s="85"/>
      <c r="AQ2250" s="85"/>
      <c r="AR2250" s="85"/>
      <c r="AS2250" s="85"/>
      <c r="AT2250" s="85"/>
      <c r="AU2250" s="85"/>
      <c r="AV2250" s="85"/>
      <c r="AW2250" s="85"/>
      <c r="AX2250" s="85"/>
      <c r="AY2250" s="85"/>
      <c r="AZ2250" s="85"/>
      <c r="BA2250" s="85"/>
      <c r="BB2250" s="85"/>
      <c r="BC2250" s="85"/>
      <c r="BD2250" s="85"/>
      <c r="BE2250" s="85"/>
      <c r="BF2250" s="85"/>
      <c r="BG2250" s="85"/>
      <c r="BH2250" s="85"/>
      <c r="BI2250" s="85"/>
      <c r="BJ2250" s="85"/>
      <c r="BK2250" s="85"/>
      <c r="BL2250" s="85"/>
      <c r="BM2250" s="85"/>
      <c r="BN2250" s="85"/>
      <c r="BO2250" s="85"/>
      <c r="BP2250" s="85"/>
      <c r="BQ2250" s="85"/>
      <c r="BR2250" s="85"/>
      <c r="BS2250" s="85"/>
      <c r="BT2250" s="85"/>
      <c r="BU2250" s="85"/>
      <c r="BV2250" s="85"/>
      <c r="BW2250" s="85"/>
      <c r="BX2250" s="85"/>
      <c r="BY2250" s="85"/>
      <c r="BZ2250" s="85"/>
      <c r="CA2250" s="85"/>
      <c r="CB2250" s="85"/>
      <c r="CC2250" s="85"/>
      <c r="CD2250" s="85"/>
      <c r="CE2250" s="85"/>
      <c r="CF2250" s="85"/>
      <c r="CG2250" s="85"/>
    </row>
    <row r="2251" spans="1:85" s="9" customFormat="1" x14ac:dyDescent="0.2">
      <c r="A2251" s="85"/>
      <c r="J2251" s="85"/>
      <c r="K2251" s="85"/>
      <c r="L2251" s="85"/>
      <c r="M2251" s="85"/>
      <c r="N2251" s="85"/>
      <c r="O2251" s="85"/>
      <c r="P2251" s="85"/>
      <c r="Q2251" s="85"/>
      <c r="R2251" s="85"/>
      <c r="S2251" s="85"/>
      <c r="T2251" s="85"/>
      <c r="U2251" s="85"/>
      <c r="V2251" s="85"/>
      <c r="W2251" s="85"/>
      <c r="X2251" s="85"/>
      <c r="Y2251" s="85"/>
      <c r="Z2251" s="85"/>
      <c r="AA2251" s="85"/>
      <c r="AB2251" s="85"/>
      <c r="AC2251" s="85"/>
      <c r="AD2251" s="85"/>
      <c r="AE2251" s="85"/>
      <c r="AF2251" s="85"/>
      <c r="AG2251" s="85"/>
      <c r="AH2251" s="85"/>
      <c r="AI2251" s="85"/>
      <c r="AJ2251" s="85"/>
      <c r="AK2251" s="85"/>
      <c r="AL2251" s="85"/>
      <c r="AM2251" s="85"/>
      <c r="AN2251" s="85"/>
      <c r="AO2251" s="85"/>
      <c r="AP2251" s="85"/>
      <c r="AQ2251" s="85"/>
      <c r="AR2251" s="85"/>
      <c r="AS2251" s="85"/>
      <c r="AT2251" s="85"/>
      <c r="AU2251" s="85"/>
      <c r="AV2251" s="85"/>
      <c r="AW2251" s="85"/>
      <c r="AX2251" s="85"/>
      <c r="AY2251" s="85"/>
      <c r="AZ2251" s="85"/>
      <c r="BA2251" s="85"/>
      <c r="BB2251" s="85"/>
      <c r="BC2251" s="85"/>
      <c r="BD2251" s="85"/>
      <c r="BE2251" s="85"/>
      <c r="BF2251" s="85"/>
      <c r="BG2251" s="85"/>
      <c r="BH2251" s="85"/>
      <c r="BI2251" s="85"/>
      <c r="BJ2251" s="85"/>
      <c r="BK2251" s="85"/>
      <c r="BL2251" s="85"/>
      <c r="BM2251" s="85"/>
      <c r="BN2251" s="85"/>
      <c r="BO2251" s="85"/>
      <c r="BP2251" s="85"/>
      <c r="BQ2251" s="85"/>
      <c r="BR2251" s="85"/>
      <c r="BS2251" s="85"/>
      <c r="BT2251" s="85"/>
      <c r="BU2251" s="85"/>
      <c r="BV2251" s="85"/>
      <c r="BW2251" s="85"/>
      <c r="BX2251" s="85"/>
      <c r="BY2251" s="85"/>
      <c r="BZ2251" s="85"/>
      <c r="CA2251" s="85"/>
      <c r="CB2251" s="85"/>
      <c r="CC2251" s="85"/>
      <c r="CD2251" s="85"/>
      <c r="CE2251" s="85"/>
      <c r="CF2251" s="85"/>
      <c r="CG2251" s="85"/>
    </row>
    <row r="2252" spans="1:85" s="9" customFormat="1" x14ac:dyDescent="0.2">
      <c r="A2252" s="85"/>
      <c r="J2252" s="85"/>
      <c r="K2252" s="85"/>
      <c r="L2252" s="85"/>
      <c r="M2252" s="85"/>
      <c r="N2252" s="85"/>
      <c r="O2252" s="85"/>
      <c r="P2252" s="85"/>
      <c r="Q2252" s="85"/>
      <c r="R2252" s="85"/>
      <c r="S2252" s="85"/>
      <c r="T2252" s="85"/>
      <c r="U2252" s="85"/>
      <c r="V2252" s="85"/>
      <c r="W2252" s="85"/>
      <c r="X2252" s="85"/>
      <c r="Y2252" s="85"/>
      <c r="Z2252" s="85"/>
      <c r="AA2252" s="85"/>
      <c r="AB2252" s="85"/>
      <c r="AC2252" s="85"/>
      <c r="AD2252" s="85"/>
      <c r="AE2252" s="85"/>
      <c r="AF2252" s="85"/>
      <c r="AG2252" s="85"/>
      <c r="AH2252" s="85"/>
      <c r="AI2252" s="85"/>
      <c r="AJ2252" s="85"/>
      <c r="AK2252" s="85"/>
      <c r="AL2252" s="85"/>
      <c r="AM2252" s="85"/>
      <c r="AN2252" s="85"/>
      <c r="AO2252" s="85"/>
      <c r="AP2252" s="85"/>
      <c r="AQ2252" s="85"/>
      <c r="AR2252" s="85"/>
      <c r="AS2252" s="85"/>
      <c r="AT2252" s="85"/>
      <c r="AU2252" s="85"/>
      <c r="AV2252" s="85"/>
      <c r="AW2252" s="85"/>
      <c r="AX2252" s="85"/>
      <c r="AY2252" s="85"/>
      <c r="AZ2252" s="85"/>
      <c r="BA2252" s="85"/>
      <c r="BB2252" s="85"/>
      <c r="BC2252" s="85"/>
      <c r="BD2252" s="85"/>
      <c r="BE2252" s="85"/>
      <c r="BF2252" s="85"/>
      <c r="BG2252" s="85"/>
      <c r="BH2252" s="85"/>
      <c r="BI2252" s="85"/>
      <c r="BJ2252" s="85"/>
      <c r="BK2252" s="85"/>
      <c r="BL2252" s="85"/>
      <c r="BM2252" s="85"/>
      <c r="BN2252" s="85"/>
      <c r="BO2252" s="85"/>
      <c r="BP2252" s="85"/>
      <c r="BQ2252" s="85"/>
      <c r="BR2252" s="85"/>
      <c r="BS2252" s="85"/>
      <c r="BT2252" s="85"/>
      <c r="BU2252" s="85"/>
      <c r="BV2252" s="85"/>
      <c r="BW2252" s="85"/>
      <c r="BX2252" s="85"/>
      <c r="BY2252" s="85"/>
      <c r="BZ2252" s="85"/>
      <c r="CA2252" s="85"/>
      <c r="CB2252" s="85"/>
      <c r="CC2252" s="85"/>
      <c r="CD2252" s="85"/>
      <c r="CE2252" s="85"/>
      <c r="CF2252" s="85"/>
      <c r="CG2252" s="85"/>
    </row>
    <row r="2253" spans="1:85" s="9" customFormat="1" x14ac:dyDescent="0.2">
      <c r="A2253" s="85"/>
      <c r="J2253" s="85"/>
      <c r="K2253" s="85"/>
      <c r="L2253" s="85"/>
      <c r="M2253" s="85"/>
      <c r="N2253" s="85"/>
      <c r="O2253" s="85"/>
      <c r="P2253" s="85"/>
      <c r="Q2253" s="85"/>
      <c r="R2253" s="85"/>
      <c r="S2253" s="85"/>
      <c r="T2253" s="85"/>
      <c r="U2253" s="85"/>
      <c r="V2253" s="85"/>
      <c r="W2253" s="85"/>
      <c r="X2253" s="85"/>
      <c r="Y2253" s="85"/>
      <c r="Z2253" s="85"/>
      <c r="AA2253" s="85"/>
      <c r="AB2253" s="85"/>
      <c r="AC2253" s="85"/>
      <c r="AD2253" s="85"/>
      <c r="AE2253" s="85"/>
      <c r="AF2253" s="85"/>
      <c r="AG2253" s="85"/>
      <c r="AH2253" s="85"/>
      <c r="AI2253" s="85"/>
      <c r="AJ2253" s="85"/>
      <c r="AK2253" s="85"/>
      <c r="AL2253" s="85"/>
      <c r="AM2253" s="85"/>
      <c r="AN2253" s="85"/>
      <c r="AO2253" s="85"/>
      <c r="AP2253" s="85"/>
      <c r="AQ2253" s="85"/>
      <c r="AR2253" s="85"/>
      <c r="AS2253" s="85"/>
      <c r="AT2253" s="85"/>
      <c r="AU2253" s="85"/>
      <c r="AV2253" s="85"/>
      <c r="AW2253" s="85"/>
      <c r="AX2253" s="85"/>
      <c r="AY2253" s="85"/>
      <c r="AZ2253" s="85"/>
      <c r="BA2253" s="85"/>
      <c r="BB2253" s="85"/>
      <c r="BC2253" s="85"/>
      <c r="BD2253" s="85"/>
      <c r="BE2253" s="85"/>
      <c r="BF2253" s="85"/>
      <c r="BG2253" s="85"/>
      <c r="BH2253" s="85"/>
      <c r="BI2253" s="85"/>
      <c r="BJ2253" s="85"/>
      <c r="BK2253" s="85"/>
      <c r="BL2253" s="85"/>
      <c r="BM2253" s="85"/>
      <c r="BN2253" s="85"/>
      <c r="BO2253" s="85"/>
      <c r="BP2253" s="85"/>
      <c r="BQ2253" s="85"/>
      <c r="BR2253" s="85"/>
      <c r="BS2253" s="85"/>
      <c r="BT2253" s="85"/>
      <c r="BU2253" s="85"/>
      <c r="BV2253" s="85"/>
      <c r="BW2253" s="85"/>
      <c r="BX2253" s="85"/>
      <c r="BY2253" s="85"/>
      <c r="BZ2253" s="85"/>
      <c r="CA2253" s="85"/>
      <c r="CB2253" s="85"/>
      <c r="CC2253" s="85"/>
      <c r="CD2253" s="85"/>
      <c r="CE2253" s="85"/>
      <c r="CF2253" s="85"/>
      <c r="CG2253" s="85"/>
    </row>
    <row r="2254" spans="1:85" s="9" customFormat="1" x14ac:dyDescent="0.2">
      <c r="A2254" s="85"/>
      <c r="J2254" s="85"/>
      <c r="K2254" s="85"/>
      <c r="L2254" s="85"/>
      <c r="M2254" s="85"/>
      <c r="N2254" s="85"/>
      <c r="O2254" s="85"/>
      <c r="P2254" s="85"/>
      <c r="Q2254" s="85"/>
      <c r="R2254" s="85"/>
      <c r="S2254" s="85"/>
      <c r="T2254" s="85"/>
      <c r="U2254" s="85"/>
      <c r="V2254" s="85"/>
      <c r="W2254" s="85"/>
      <c r="X2254" s="85"/>
      <c r="Y2254" s="85"/>
      <c r="Z2254" s="85"/>
      <c r="AA2254" s="85"/>
      <c r="AB2254" s="85"/>
      <c r="AC2254" s="85"/>
      <c r="AD2254" s="85"/>
      <c r="AE2254" s="85"/>
      <c r="AF2254" s="85"/>
      <c r="AG2254" s="85"/>
      <c r="AH2254" s="85"/>
      <c r="AI2254" s="85"/>
      <c r="AJ2254" s="85"/>
      <c r="AK2254" s="85"/>
      <c r="AL2254" s="85"/>
      <c r="AM2254" s="85"/>
      <c r="AN2254" s="85"/>
      <c r="AO2254" s="85"/>
      <c r="AP2254" s="85"/>
      <c r="AQ2254" s="85"/>
      <c r="AR2254" s="85"/>
      <c r="AS2254" s="85"/>
      <c r="AT2254" s="85"/>
      <c r="AU2254" s="85"/>
      <c r="AV2254" s="85"/>
      <c r="AW2254" s="85"/>
      <c r="AX2254" s="85"/>
      <c r="AY2254" s="85"/>
      <c r="AZ2254" s="85"/>
      <c r="BA2254" s="85"/>
      <c r="BB2254" s="85"/>
      <c r="BC2254" s="85"/>
      <c r="BD2254" s="85"/>
      <c r="BE2254" s="85"/>
      <c r="BF2254" s="85"/>
      <c r="BG2254" s="85"/>
      <c r="BH2254" s="85"/>
      <c r="BI2254" s="85"/>
      <c r="BJ2254" s="85"/>
      <c r="BK2254" s="85"/>
      <c r="BL2254" s="85"/>
      <c r="BM2254" s="85"/>
      <c r="BN2254" s="85"/>
      <c r="BO2254" s="85"/>
      <c r="BP2254" s="85"/>
      <c r="BQ2254" s="85"/>
      <c r="BR2254" s="85"/>
      <c r="BS2254" s="85"/>
      <c r="BT2254" s="85"/>
      <c r="BU2254" s="85"/>
      <c r="BV2254" s="85"/>
      <c r="BW2254" s="85"/>
      <c r="BX2254" s="85"/>
      <c r="BY2254" s="85"/>
      <c r="BZ2254" s="85"/>
      <c r="CA2254" s="85"/>
      <c r="CB2254" s="85"/>
      <c r="CC2254" s="85"/>
      <c r="CD2254" s="85"/>
      <c r="CE2254" s="85"/>
      <c r="CF2254" s="85"/>
      <c r="CG2254" s="85"/>
    </row>
    <row r="2255" spans="1:85" s="9" customFormat="1" x14ac:dyDescent="0.2">
      <c r="A2255" s="85"/>
      <c r="J2255" s="85"/>
      <c r="K2255" s="85"/>
      <c r="L2255" s="85"/>
      <c r="M2255" s="85"/>
      <c r="N2255" s="85"/>
      <c r="O2255" s="85"/>
      <c r="P2255" s="85"/>
      <c r="Q2255" s="85"/>
      <c r="R2255" s="85"/>
      <c r="S2255" s="85"/>
      <c r="T2255" s="85"/>
      <c r="U2255" s="85"/>
      <c r="V2255" s="85"/>
      <c r="W2255" s="85"/>
      <c r="X2255" s="85"/>
      <c r="Y2255" s="85"/>
      <c r="Z2255" s="85"/>
      <c r="AA2255" s="85"/>
      <c r="AB2255" s="85"/>
      <c r="AC2255" s="85"/>
      <c r="AD2255" s="85"/>
      <c r="AE2255" s="85"/>
      <c r="AF2255" s="85"/>
      <c r="AG2255" s="85"/>
      <c r="AH2255" s="85"/>
      <c r="AI2255" s="85"/>
      <c r="AJ2255" s="85"/>
      <c r="AK2255" s="85"/>
      <c r="AL2255" s="85"/>
      <c r="AM2255" s="85"/>
      <c r="AN2255" s="85"/>
      <c r="AO2255" s="85"/>
      <c r="AP2255" s="85"/>
      <c r="AQ2255" s="85"/>
      <c r="AR2255" s="85"/>
      <c r="AS2255" s="85"/>
      <c r="AT2255" s="85"/>
      <c r="AU2255" s="85"/>
      <c r="AV2255" s="85"/>
      <c r="AW2255" s="85"/>
      <c r="AX2255" s="85"/>
      <c r="AY2255" s="85"/>
      <c r="AZ2255" s="85"/>
      <c r="BA2255" s="85"/>
      <c r="BB2255" s="85"/>
      <c r="BC2255" s="85"/>
      <c r="BD2255" s="85"/>
      <c r="BE2255" s="85"/>
      <c r="BF2255" s="85"/>
      <c r="BG2255" s="85"/>
      <c r="BH2255" s="85"/>
      <c r="BI2255" s="85"/>
      <c r="BJ2255" s="85"/>
      <c r="BK2255" s="85"/>
      <c r="BL2255" s="85"/>
      <c r="BM2255" s="85"/>
      <c r="BN2255" s="85"/>
      <c r="BO2255" s="85"/>
      <c r="BP2255" s="85"/>
      <c r="BQ2255" s="85"/>
      <c r="BR2255" s="85"/>
      <c r="BS2255" s="85"/>
      <c r="BT2255" s="85"/>
      <c r="BU2255" s="85"/>
      <c r="BV2255" s="85"/>
      <c r="BW2255" s="85"/>
      <c r="BX2255" s="85"/>
      <c r="BY2255" s="85"/>
      <c r="BZ2255" s="85"/>
      <c r="CA2255" s="85"/>
      <c r="CB2255" s="85"/>
      <c r="CC2255" s="85"/>
      <c r="CD2255" s="85"/>
      <c r="CE2255" s="85"/>
      <c r="CF2255" s="85"/>
      <c r="CG2255" s="85"/>
    </row>
    <row r="2256" spans="1:85" s="9" customFormat="1" x14ac:dyDescent="0.2">
      <c r="A2256" s="85"/>
      <c r="J2256" s="85"/>
      <c r="K2256" s="85"/>
      <c r="L2256" s="85"/>
      <c r="M2256" s="85"/>
      <c r="N2256" s="85"/>
      <c r="O2256" s="85"/>
      <c r="P2256" s="85"/>
      <c r="Q2256" s="85"/>
      <c r="R2256" s="85"/>
      <c r="S2256" s="85"/>
      <c r="T2256" s="85"/>
      <c r="U2256" s="85"/>
      <c r="V2256" s="85"/>
      <c r="W2256" s="85"/>
      <c r="X2256" s="85"/>
      <c r="Y2256" s="85"/>
      <c r="Z2256" s="85"/>
      <c r="AA2256" s="85"/>
      <c r="AB2256" s="85"/>
      <c r="AC2256" s="85"/>
      <c r="AD2256" s="85"/>
      <c r="AE2256" s="85"/>
      <c r="AF2256" s="85"/>
      <c r="AG2256" s="85"/>
      <c r="AH2256" s="85"/>
      <c r="AI2256" s="85"/>
      <c r="AJ2256" s="85"/>
      <c r="AK2256" s="85"/>
      <c r="AL2256" s="85"/>
      <c r="AM2256" s="85"/>
      <c r="AN2256" s="85"/>
      <c r="AO2256" s="85"/>
      <c r="AP2256" s="85"/>
      <c r="AQ2256" s="85"/>
      <c r="AR2256" s="85"/>
      <c r="AS2256" s="85"/>
      <c r="AT2256" s="85"/>
      <c r="AU2256" s="85"/>
      <c r="AV2256" s="85"/>
      <c r="AW2256" s="85"/>
      <c r="AX2256" s="85"/>
      <c r="AY2256" s="85"/>
      <c r="AZ2256" s="85"/>
      <c r="BA2256" s="85"/>
      <c r="BB2256" s="85"/>
      <c r="BC2256" s="85"/>
      <c r="BD2256" s="85"/>
      <c r="BE2256" s="85"/>
      <c r="BF2256" s="85"/>
      <c r="BG2256" s="85"/>
      <c r="BH2256" s="85"/>
      <c r="BI2256" s="85"/>
      <c r="BJ2256" s="85"/>
      <c r="BK2256" s="85"/>
      <c r="BL2256" s="85"/>
      <c r="BM2256" s="85"/>
      <c r="BN2256" s="85"/>
      <c r="BO2256" s="85"/>
      <c r="BP2256" s="85"/>
      <c r="BQ2256" s="85"/>
      <c r="BR2256" s="85"/>
      <c r="BS2256" s="85"/>
      <c r="BT2256" s="85"/>
      <c r="BU2256" s="85"/>
      <c r="BV2256" s="85"/>
      <c r="BW2256" s="85"/>
      <c r="BX2256" s="85"/>
      <c r="BY2256" s="85"/>
      <c r="BZ2256" s="85"/>
      <c r="CA2256" s="85"/>
      <c r="CB2256" s="85"/>
      <c r="CC2256" s="85"/>
      <c r="CD2256" s="85"/>
      <c r="CE2256" s="85"/>
      <c r="CF2256" s="85"/>
      <c r="CG2256" s="85"/>
    </row>
  </sheetData>
  <sheetProtection algorithmName="SHA-512" hashValue="p/VGddkScgKwwJuGFY8PMQ06ipj127snuonM7HdeLAZXaH1nQ/JTELzbMGExNZT6xOd/yGKfpZ1GOw+j4BEw2A==" saltValue="HcEi8KnX2YY0EGuS+4BISw==" spinCount="100000" sheet="1" objects="1" scenarios="1" selectLockedCells="1" autoFilter="0"/>
  <mergeCells count="40">
    <mergeCell ref="B62:AO62"/>
    <mergeCell ref="B2:AO2"/>
    <mergeCell ref="Q20:AO20"/>
    <mergeCell ref="Q21:AO21"/>
    <mergeCell ref="Q22:AO22"/>
    <mergeCell ref="B4:AO4"/>
    <mergeCell ref="J6:Y6"/>
    <mergeCell ref="J8:Y8"/>
    <mergeCell ref="J10:Y10"/>
    <mergeCell ref="I33:X33"/>
    <mergeCell ref="Z33:AO33"/>
    <mergeCell ref="B18:AO18"/>
    <mergeCell ref="B13:AO13"/>
    <mergeCell ref="B29:AO29"/>
    <mergeCell ref="B24:AO24"/>
    <mergeCell ref="J15:O15"/>
    <mergeCell ref="J20:O20"/>
    <mergeCell ref="Q15:AO16"/>
    <mergeCell ref="J26:W26"/>
    <mergeCell ref="AW44:BC44"/>
    <mergeCell ref="E45:AO45"/>
    <mergeCell ref="E43:AO43"/>
    <mergeCell ref="I35:X35"/>
    <mergeCell ref="Z35:AO35"/>
    <mergeCell ref="I37:X37"/>
    <mergeCell ref="Z37:AO37"/>
    <mergeCell ref="B40:AO40"/>
    <mergeCell ref="AW46:BC46"/>
    <mergeCell ref="E47:AO47"/>
    <mergeCell ref="AW48:BC48"/>
    <mergeCell ref="AW57:BC57"/>
    <mergeCell ref="AG58:AO58"/>
    <mergeCell ref="E52:AO52"/>
    <mergeCell ref="AW53:BC53"/>
    <mergeCell ref="E54:AO54"/>
    <mergeCell ref="AW55:BC55"/>
    <mergeCell ref="I58:AA58"/>
    <mergeCell ref="I49:AA49"/>
    <mergeCell ref="AG49:AO49"/>
    <mergeCell ref="E56:AO56"/>
  </mergeCells>
  <pageMargins left="0.7" right="0.7" top="0.75" bottom="0.75" header="0.3" footer="0.3"/>
  <pageSetup paperSize="9" scale="68" orientation="portrait" r:id="rId1"/>
  <headerFooter alignWithMargins="0">
    <oddFooter>&amp;L&amp;1#&amp;"Calibri"&amp;10&amp;K000000Classification: Private</oddFooter>
  </headerFooter>
  <drawing r:id="rId2"/>
  <extLst>
    <ext xmlns:x14="http://schemas.microsoft.com/office/spreadsheetml/2009/9/main" uri="{CCE6A557-97BC-4b89-ADB6-D9C93CAAB3DF}">
      <x14:dataValidations xmlns:xm="http://schemas.microsoft.com/office/excel/2006/main" count="3">
        <x14:dataValidation type="list" allowBlank="1" showInputMessage="1" showErrorMessage="1" xr:uid="{00000000-0002-0000-0900-000000000000}">
          <x14:formula1>
            <xm:f>Lists!$I$2:$I$4</xm:f>
          </x14:formula1>
          <xm:sqref>J15:O15</xm:sqref>
        </x14:dataValidation>
        <x14:dataValidation type="list" allowBlank="1" showInputMessage="1" showErrorMessage="1" xr:uid="{00000000-0002-0000-0900-000001000000}">
          <x14:formula1>
            <xm:f>Lists!$H$2:$H$3</xm:f>
          </x14:formula1>
          <xm:sqref>J26</xm:sqref>
        </x14:dataValidation>
        <x14:dataValidation type="list" allowBlank="1" showInputMessage="1" showErrorMessage="1" xr:uid="{00000000-0002-0000-0900-000002000000}">
          <x14:formula1>
            <xm:f>Lists!$G$2:$G$3</xm:f>
          </x14:formula1>
          <xm:sqref>J20:O20</xm:sqref>
        </x14:dataValidation>
      </x14:dataValidations>
    </ext>
  </extLst>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A00-000000000000}">
  <sheetPr codeName="Sheet3"/>
  <dimension ref="A1:I7"/>
  <sheetViews>
    <sheetView zoomScale="90" zoomScaleNormal="90" workbookViewId="0"/>
  </sheetViews>
  <sheetFormatPr defaultRowHeight="12.75" x14ac:dyDescent="0.2"/>
  <cols>
    <col min="1" max="1" width="13.85546875" customWidth="1"/>
    <col min="2" max="2" width="14.85546875" customWidth="1"/>
    <col min="3" max="3" width="11.5703125" customWidth="1"/>
    <col min="4" max="4" width="36.7109375" customWidth="1"/>
    <col min="5" max="5" width="23.42578125" bestFit="1" customWidth="1"/>
    <col min="6" max="6" width="10.140625" customWidth="1"/>
    <col min="7" max="7" width="19.28515625" bestFit="1" customWidth="1"/>
    <col min="8" max="8" width="32.42578125" customWidth="1"/>
    <col min="9" max="9" width="16.28515625" customWidth="1"/>
  </cols>
  <sheetData>
    <row r="1" spans="1:9" s="49" customFormat="1" x14ac:dyDescent="0.2">
      <c r="A1" s="49" t="s">
        <v>99</v>
      </c>
      <c r="B1" s="49" t="s">
        <v>96</v>
      </c>
      <c r="C1" s="49" t="s">
        <v>110</v>
      </c>
      <c r="D1" s="49" t="s">
        <v>117</v>
      </c>
      <c r="E1" s="49" t="s">
        <v>120</v>
      </c>
      <c r="F1" s="49" t="s">
        <v>40</v>
      </c>
      <c r="G1" s="49" t="s">
        <v>187</v>
      </c>
      <c r="H1" s="49" t="s">
        <v>152</v>
      </c>
      <c r="I1" s="49" t="s">
        <v>147</v>
      </c>
    </row>
    <row r="2" spans="1:9" x14ac:dyDescent="0.2">
      <c r="A2" t="s">
        <v>100</v>
      </c>
      <c r="B2" t="s">
        <v>102</v>
      </c>
      <c r="C2" s="32" t="s">
        <v>93</v>
      </c>
      <c r="D2" t="s">
        <v>58</v>
      </c>
      <c r="E2" s="32" t="s">
        <v>122</v>
      </c>
      <c r="F2" s="32" t="s">
        <v>170</v>
      </c>
      <c r="G2" s="32" t="s">
        <v>178</v>
      </c>
      <c r="H2" s="32" t="s">
        <v>43</v>
      </c>
      <c r="I2" s="32" t="s">
        <v>93</v>
      </c>
    </row>
    <row r="3" spans="1:9" x14ac:dyDescent="0.2">
      <c r="A3" t="s">
        <v>101</v>
      </c>
      <c r="B3" t="s">
        <v>103</v>
      </c>
      <c r="C3" s="32" t="s">
        <v>94</v>
      </c>
      <c r="D3" s="32" t="s">
        <v>118</v>
      </c>
      <c r="E3" s="32" t="s">
        <v>186</v>
      </c>
      <c r="F3" s="32" t="s">
        <v>171</v>
      </c>
      <c r="G3" s="32" t="s">
        <v>172</v>
      </c>
      <c r="H3" s="32" t="s">
        <v>47</v>
      </c>
      <c r="I3" s="32" t="s">
        <v>94</v>
      </c>
    </row>
    <row r="4" spans="1:9" x14ac:dyDescent="0.2">
      <c r="B4" t="s">
        <v>104</v>
      </c>
      <c r="D4" s="32" t="s">
        <v>143</v>
      </c>
      <c r="E4" s="32" t="s">
        <v>121</v>
      </c>
      <c r="I4" s="32" t="s">
        <v>174</v>
      </c>
    </row>
    <row r="5" spans="1:9" x14ac:dyDescent="0.2">
      <c r="B5" t="s">
        <v>105</v>
      </c>
      <c r="D5" s="32" t="s">
        <v>144</v>
      </c>
      <c r="E5" s="32" t="s">
        <v>123</v>
      </c>
    </row>
    <row r="6" spans="1:9" x14ac:dyDescent="0.2">
      <c r="B6" t="s">
        <v>106</v>
      </c>
    </row>
    <row r="7" spans="1:9" x14ac:dyDescent="0.2">
      <c r="B7" t="s">
        <v>107</v>
      </c>
    </row>
  </sheetData>
  <sheetProtection algorithmName="SHA-512" hashValue="RGAEGdAcf/owDsw78+IP5O3Nn5PqBrmLJDhKznAXWUvLvcGv/L/eiWy4XyMfSbWirjbDSZQIMtHFwbIZCCTLbg==" saltValue="330uVu2RXoA6c6U+6JRkzQ==" spinCount="100000" sheet="1" objects="1" scenarios="1" selectLockedCells="1" selectUnlockedCells="1"/>
  <pageMargins left="0.7" right="0.7" top="0.75" bottom="0.75" header="0.3" footer="0.3"/>
  <pageSetup paperSize="9" orientation="portrait" r:id="rId1"/>
  <headerFooter>
    <oddFooter>&amp;L&amp;1#&amp;"Calibri"&amp;10&amp;K000000Classification: Private</oddFooter>
  </headerFooter>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B00-000000000000}">
  <sheetPr codeName="Sheet4"/>
  <dimension ref="A1:F10"/>
  <sheetViews>
    <sheetView workbookViewId="0">
      <selection activeCell="F23" sqref="F23"/>
    </sheetView>
  </sheetViews>
  <sheetFormatPr defaultRowHeight="12.75" x14ac:dyDescent="0.2"/>
  <cols>
    <col min="1" max="1" width="20.140625" customWidth="1"/>
  </cols>
  <sheetData>
    <row r="1" spans="1:6" x14ac:dyDescent="0.2">
      <c r="A1" s="32" t="s">
        <v>111</v>
      </c>
      <c r="B1" s="32" t="s">
        <v>112</v>
      </c>
    </row>
    <row r="3" spans="1:6" x14ac:dyDescent="0.2">
      <c r="A3" s="32" t="s">
        <v>113</v>
      </c>
      <c r="B3" s="32" t="s">
        <v>114</v>
      </c>
    </row>
    <row r="4" spans="1:6" x14ac:dyDescent="0.2">
      <c r="D4" s="137"/>
      <c r="E4" s="137"/>
      <c r="F4" s="137"/>
    </row>
    <row r="5" spans="1:6" x14ac:dyDescent="0.2">
      <c r="A5" t="s">
        <v>139</v>
      </c>
      <c r="D5" s="137"/>
      <c r="E5" s="137"/>
      <c r="F5" s="137"/>
    </row>
    <row r="6" spans="1:6" x14ac:dyDescent="0.2">
      <c r="D6" s="137"/>
      <c r="E6" s="137"/>
      <c r="F6" s="137"/>
    </row>
    <row r="7" spans="1:6" x14ac:dyDescent="0.2">
      <c r="A7" t="s">
        <v>140</v>
      </c>
      <c r="D7" s="137"/>
      <c r="E7" s="137"/>
      <c r="F7" s="137"/>
    </row>
    <row r="8" spans="1:6" x14ac:dyDescent="0.2">
      <c r="D8" s="137"/>
      <c r="E8" s="137"/>
      <c r="F8" s="137"/>
    </row>
    <row r="9" spans="1:6" x14ac:dyDescent="0.2">
      <c r="D9" s="137"/>
      <c r="E9" s="137"/>
      <c r="F9" s="137"/>
    </row>
    <row r="10" spans="1:6" x14ac:dyDescent="0.2">
      <c r="D10" s="137"/>
      <c r="E10" s="137"/>
      <c r="F10" s="137"/>
    </row>
  </sheetData>
  <sheetProtection algorithmName="SHA-512" hashValue="YkM1wcMJE1UwSDbudL2q5qa/kNTIvi27s4Kkhgmg13S24kf3a7PLfIdDyPxX2nwemu1jPLdZF3Xn2dbigsfnZA==" saltValue="Xx7MvO4UD9AIx0Aiw/rG5g==" spinCount="100000" sheet="1" objects="1" scenarios="1" selectLockedCells="1" selectUnlockedCells="1"/>
  <pageMargins left="0.7" right="0.7" top="0.75" bottom="0.75" header="0.3" footer="0.3"/>
  <pageSetup paperSize="9" orientation="portrait" r:id="rId1"/>
  <headerFooter>
    <oddFooter>&amp;L&amp;1#&amp;"Calibri"&amp;10&amp;K000000Classification: Private</oddFooter>
  </headerFooter>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100-000000000000}">
  <sheetPr codeName="Sheet12"/>
  <dimension ref="B1:E20"/>
  <sheetViews>
    <sheetView showZeros="0" zoomScaleNormal="100" workbookViewId="0"/>
  </sheetViews>
  <sheetFormatPr defaultColWidth="3.140625" defaultRowHeight="12.75" x14ac:dyDescent="0.2"/>
  <cols>
    <col min="3" max="3" width="18" style="49" customWidth="1"/>
    <col min="4" max="4" width="45" customWidth="1"/>
  </cols>
  <sheetData>
    <row r="1" spans="2:5" ht="20.25" x14ac:dyDescent="0.3">
      <c r="B1" s="98" t="s">
        <v>115</v>
      </c>
    </row>
    <row r="3" spans="2:5" x14ac:dyDescent="0.2">
      <c r="B3" s="89"/>
      <c r="C3" s="103"/>
      <c r="D3" s="90"/>
      <c r="E3" s="91"/>
    </row>
    <row r="4" spans="2:5" x14ac:dyDescent="0.2">
      <c r="B4" s="92"/>
      <c r="C4" s="104" t="s">
        <v>116</v>
      </c>
      <c r="D4" s="93"/>
      <c r="E4" s="94"/>
    </row>
    <row r="5" spans="2:5" x14ac:dyDescent="0.2">
      <c r="B5" s="92"/>
      <c r="C5" s="105"/>
      <c r="D5" s="93"/>
      <c r="E5" s="94"/>
    </row>
    <row r="6" spans="2:5" s="99" customFormat="1" ht="17.100000000000001" customHeight="1" x14ac:dyDescent="0.2">
      <c r="B6" s="100"/>
      <c r="C6" s="106" t="s">
        <v>18</v>
      </c>
      <c r="D6" s="109" t="s">
        <v>212</v>
      </c>
      <c r="E6" s="187"/>
    </row>
    <row r="7" spans="2:5" ht="6.95" customHeight="1" x14ac:dyDescent="0.2">
      <c r="B7" s="92"/>
      <c r="C7" s="104"/>
      <c r="D7" s="102"/>
      <c r="E7" s="94"/>
    </row>
    <row r="8" spans="2:5" s="99" customFormat="1" ht="17.100000000000001" customHeight="1" x14ac:dyDescent="0.2">
      <c r="B8" s="100"/>
      <c r="C8" s="106" t="s">
        <v>22</v>
      </c>
      <c r="D8" s="109" t="s">
        <v>213</v>
      </c>
      <c r="E8" s="101"/>
    </row>
    <row r="9" spans="2:5" s="99" customFormat="1" ht="17.100000000000001" customHeight="1" x14ac:dyDescent="0.2">
      <c r="B9" s="100"/>
      <c r="C9" s="106"/>
      <c r="D9" s="109" t="s">
        <v>214</v>
      </c>
      <c r="E9" s="101"/>
    </row>
    <row r="10" spans="2:5" s="99" customFormat="1" ht="17.100000000000001" customHeight="1" x14ac:dyDescent="0.2">
      <c r="B10" s="100"/>
      <c r="C10" s="106"/>
      <c r="D10" s="109" t="s">
        <v>215</v>
      </c>
      <c r="E10" s="101"/>
    </row>
    <row r="11" spans="2:5" s="99" customFormat="1" ht="17.100000000000001" customHeight="1" x14ac:dyDescent="0.2">
      <c r="B11" s="100"/>
      <c r="C11" s="106"/>
      <c r="D11" s="109"/>
      <c r="E11" s="101"/>
    </row>
    <row r="12" spans="2:5" ht="6.95" customHeight="1" x14ac:dyDescent="0.2">
      <c r="B12" s="92"/>
      <c r="C12" s="104"/>
      <c r="D12" s="102"/>
      <c r="E12" s="94"/>
    </row>
    <row r="13" spans="2:5" s="99" customFormat="1" ht="17.100000000000001" customHeight="1" x14ac:dyDescent="0.2">
      <c r="B13" s="100"/>
      <c r="C13" s="106" t="s">
        <v>1</v>
      </c>
      <c r="D13" s="109" t="s">
        <v>216</v>
      </c>
      <c r="E13" s="101"/>
    </row>
    <row r="14" spans="2:5" ht="6.95" customHeight="1" x14ac:dyDescent="0.2">
      <c r="B14" s="92"/>
      <c r="C14" s="104"/>
      <c r="D14" s="102"/>
      <c r="E14" s="94"/>
    </row>
    <row r="15" spans="2:5" s="99" customFormat="1" ht="17.100000000000001" customHeight="1" x14ac:dyDescent="0.2">
      <c r="B15" s="100"/>
      <c r="C15" s="106" t="s">
        <v>4</v>
      </c>
      <c r="D15" s="109" t="s">
        <v>217</v>
      </c>
      <c r="E15" s="101"/>
    </row>
    <row r="16" spans="2:5" ht="6.95" customHeight="1" x14ac:dyDescent="0.2">
      <c r="B16" s="92"/>
      <c r="C16" s="104"/>
      <c r="D16" s="102"/>
      <c r="E16" s="94"/>
    </row>
    <row r="17" spans="2:5" s="99" customFormat="1" ht="17.100000000000001" customHeight="1" x14ac:dyDescent="0.2">
      <c r="B17" s="100"/>
      <c r="C17" s="106" t="s">
        <v>120</v>
      </c>
      <c r="D17" s="110" t="s">
        <v>122</v>
      </c>
      <c r="E17" s="101"/>
    </row>
    <row r="18" spans="2:5" ht="6.95" customHeight="1" x14ac:dyDescent="0.2">
      <c r="B18" s="92"/>
      <c r="C18" s="104"/>
      <c r="D18" s="102"/>
      <c r="E18" s="94"/>
    </row>
    <row r="19" spans="2:5" s="99" customFormat="1" ht="17.100000000000001" customHeight="1" x14ac:dyDescent="0.2">
      <c r="B19" s="100"/>
      <c r="C19" s="106" t="s">
        <v>119</v>
      </c>
      <c r="D19" s="110" t="s">
        <v>144</v>
      </c>
      <c r="E19" s="101"/>
    </row>
    <row r="20" spans="2:5" x14ac:dyDescent="0.2">
      <c r="B20" s="95"/>
      <c r="C20" s="107"/>
      <c r="D20" s="96"/>
      <c r="E20" s="97"/>
    </row>
  </sheetData>
  <sheetProtection algorithmName="SHA-512" hashValue="1+9UGtG71i88HOn00TOym0IbL3/ltTioydBx5rX9jikq86jyk/9+43QKqheuWCNk5Ip6ios61hRR/zY0yIr6zA==" saltValue="n6tYV22vyBRhV4AFq3TEcA==" spinCount="100000" sheet="1" objects="1" scenarios="1" selectLockedCells="1"/>
  <pageMargins left="0.7" right="0.7" top="0.75" bottom="0.75" header="0.3" footer="0.3"/>
  <pageSetup paperSize="9" orientation="portrait" r:id="rId1"/>
  <headerFooter>
    <oddFooter>&amp;L&amp;1#&amp;"Calibri"&amp;10&amp;K000000Classification: Private</oddFooter>
  </headerFooter>
  <drawing r:id="rId2"/>
  <extLst>
    <ext xmlns:x14="http://schemas.microsoft.com/office/spreadsheetml/2009/9/main" uri="{CCE6A557-97BC-4b89-ADB6-D9C93CAAB3DF}">
      <x14:dataValidations xmlns:xm="http://schemas.microsoft.com/office/excel/2006/main" count="2">
        <x14:dataValidation type="list" allowBlank="1" showInputMessage="1" showErrorMessage="1" xr:uid="{00000000-0002-0000-0100-000000000000}">
          <x14:formula1>
            <xm:f>Lists!$D$2:$D$5</xm:f>
          </x14:formula1>
          <xm:sqref>D19</xm:sqref>
        </x14:dataValidation>
        <x14:dataValidation type="list" allowBlank="1" showInputMessage="1" showErrorMessage="1" xr:uid="{00000000-0002-0000-0100-000001000000}">
          <x14:formula1>
            <xm:f>Lists!$E$2:$E$5</xm:f>
          </x14:formula1>
          <xm:sqref>D17</xm:sqref>
        </x14:dataValidation>
      </x14:dataValidations>
    </ext>
  </extLst>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200-000000000000}">
  <sheetPr codeName="Sheet2">
    <pageSetUpPr fitToPage="1"/>
  </sheetPr>
  <dimension ref="A1:BP689"/>
  <sheetViews>
    <sheetView showGridLines="0" tabSelected="1" zoomScale="90" zoomScaleNormal="90" workbookViewId="0"/>
  </sheetViews>
  <sheetFormatPr defaultColWidth="8.7109375" defaultRowHeight="12.75" x14ac:dyDescent="0.2"/>
  <cols>
    <col min="1" max="1" width="1.5703125" style="7" customWidth="1"/>
    <col min="2" max="2" width="2.5703125" style="122" customWidth="1"/>
    <col min="3" max="3" width="16.5703125" style="22" customWidth="1"/>
    <col min="4" max="20" width="2.5703125" style="22" customWidth="1"/>
    <col min="21" max="21" width="2.5703125" style="123" customWidth="1"/>
    <col min="22" max="32" width="2.5703125" style="69" customWidth="1"/>
    <col min="33" max="33" width="2.5703125" style="112" customWidth="1"/>
    <col min="34" max="16384" width="8.7109375" style="7"/>
  </cols>
  <sheetData>
    <row r="1" spans="1:68" ht="80.099999999999994" customHeight="1" x14ac:dyDescent="0.2">
      <c r="B1" s="22"/>
      <c r="U1" s="22"/>
      <c r="V1" s="7"/>
      <c r="W1" s="68"/>
      <c r="X1" s="23"/>
      <c r="Y1" s="23"/>
      <c r="Z1" s="23"/>
      <c r="AA1" s="23"/>
      <c r="AB1" s="23"/>
      <c r="AC1" s="23"/>
      <c r="AD1" s="23"/>
      <c r="AE1" s="23"/>
      <c r="AF1" s="23"/>
      <c r="AG1" s="23"/>
      <c r="AH1" s="23"/>
      <c r="AJ1" s="23"/>
      <c r="AK1" s="23"/>
      <c r="AL1" s="23"/>
      <c r="AM1" s="23"/>
      <c r="AN1" s="23"/>
      <c r="AO1" s="23"/>
      <c r="AP1" s="23"/>
      <c r="AQ1" s="23"/>
      <c r="AR1" s="23"/>
      <c r="AS1" s="23"/>
      <c r="AT1" s="113"/>
    </row>
    <row r="2" spans="1:68" ht="36.75" customHeight="1" x14ac:dyDescent="0.2">
      <c r="A2" s="39"/>
      <c r="B2" s="216" t="s">
        <v>134</v>
      </c>
      <c r="C2" s="216"/>
      <c r="D2" s="216"/>
      <c r="E2" s="216"/>
      <c r="F2" s="216"/>
      <c r="G2" s="216"/>
      <c r="H2" s="216"/>
      <c r="I2" s="216"/>
      <c r="J2" s="216"/>
      <c r="K2" s="216"/>
      <c r="L2" s="216"/>
      <c r="M2" s="216"/>
      <c r="N2" s="216"/>
      <c r="O2" s="216"/>
      <c r="P2" s="216"/>
      <c r="Q2" s="216"/>
      <c r="R2" s="216"/>
      <c r="S2" s="216"/>
      <c r="T2" s="216"/>
      <c r="U2" s="216"/>
      <c r="V2" s="216"/>
      <c r="W2" s="216"/>
      <c r="X2" s="216"/>
      <c r="Y2" s="216"/>
      <c r="Z2" s="216"/>
      <c r="AA2" s="216"/>
      <c r="AB2" s="216"/>
      <c r="AC2" s="216"/>
      <c r="AD2" s="216"/>
      <c r="AE2" s="216"/>
      <c r="AF2" s="216"/>
      <c r="AG2" s="216"/>
      <c r="AH2" s="216"/>
      <c r="AI2" s="216"/>
    </row>
    <row r="3" spans="1:68" ht="3.75" customHeight="1" x14ac:dyDescent="0.2">
      <c r="B3" s="84"/>
      <c r="C3" s="84"/>
      <c r="D3" s="140"/>
      <c r="E3" s="140"/>
      <c r="F3" s="140"/>
      <c r="G3" s="140"/>
      <c r="H3" s="140"/>
      <c r="I3" s="140"/>
      <c r="J3" s="140"/>
      <c r="K3" s="140"/>
      <c r="L3" s="140"/>
      <c r="M3" s="140"/>
      <c r="N3" s="140"/>
      <c r="O3" s="140"/>
      <c r="P3" s="140"/>
      <c r="Q3" s="140"/>
      <c r="R3" s="140"/>
      <c r="S3" s="140"/>
      <c r="T3" s="140"/>
      <c r="U3" s="34"/>
      <c r="V3" s="7"/>
    </row>
    <row r="4" spans="1:68" ht="24.95" customHeight="1" x14ac:dyDescent="0.2">
      <c r="B4" s="223" t="s">
        <v>202</v>
      </c>
      <c r="C4" s="224"/>
      <c r="D4" s="224"/>
      <c r="E4" s="224"/>
      <c r="F4" s="224"/>
      <c r="G4" s="224"/>
      <c r="H4" s="224"/>
      <c r="I4" s="224"/>
      <c r="J4" s="224"/>
      <c r="K4" s="224"/>
      <c r="L4" s="224"/>
      <c r="M4" s="224"/>
      <c r="N4" s="224"/>
      <c r="O4" s="224"/>
      <c r="P4" s="224"/>
      <c r="Q4" s="224"/>
      <c r="R4" s="224"/>
      <c r="S4" s="224"/>
      <c r="T4" s="224"/>
      <c r="U4" s="224"/>
      <c r="V4" s="224"/>
      <c r="W4" s="224"/>
      <c r="X4" s="224"/>
      <c r="Y4" s="224"/>
      <c r="Z4" s="224"/>
      <c r="AA4" s="224"/>
      <c r="AB4" s="224"/>
      <c r="AC4" s="224"/>
      <c r="AD4" s="224"/>
      <c r="AE4" s="224"/>
      <c r="AF4" s="224"/>
      <c r="AG4" s="224"/>
      <c r="AH4" s="224"/>
      <c r="AI4" s="224"/>
    </row>
    <row r="5" spans="1:68" ht="3.75" customHeight="1" x14ac:dyDescent="0.2">
      <c r="B5" s="84"/>
      <c r="C5" s="84"/>
      <c r="D5" s="140"/>
      <c r="E5" s="140"/>
      <c r="F5" s="140"/>
      <c r="G5" s="140"/>
      <c r="H5" s="140"/>
      <c r="I5" s="140"/>
      <c r="J5" s="140"/>
      <c r="K5" s="140"/>
      <c r="L5" s="34"/>
      <c r="M5" s="7"/>
      <c r="N5" s="7"/>
      <c r="O5" s="7"/>
      <c r="P5" s="7"/>
      <c r="Q5" s="7"/>
      <c r="R5" s="7"/>
      <c r="S5" s="7"/>
      <c r="T5" s="7"/>
      <c r="U5" s="7"/>
      <c r="V5" s="147"/>
      <c r="W5" s="7"/>
      <c r="X5" s="7"/>
      <c r="Y5" s="7"/>
      <c r="Z5" s="7"/>
      <c r="AA5" s="7"/>
      <c r="AB5" s="7"/>
      <c r="AC5" s="7"/>
      <c r="AD5" s="7"/>
      <c r="AE5" s="7"/>
      <c r="AF5" s="7"/>
    </row>
    <row r="6" spans="1:68" ht="20.100000000000001" customHeight="1" x14ac:dyDescent="0.2">
      <c r="B6" s="35" t="s">
        <v>18</v>
      </c>
      <c r="C6" s="82"/>
      <c r="D6" s="217" t="str">
        <f>IF('Input Form'!D6="", "", 'Input Form'!D6)</f>
        <v>SHETLAND UHI LTD</v>
      </c>
      <c r="E6" s="218"/>
      <c r="F6" s="218"/>
      <c r="G6" s="218"/>
      <c r="H6" s="218"/>
      <c r="I6" s="218"/>
      <c r="J6" s="218"/>
      <c r="K6" s="218"/>
      <c r="L6" s="218"/>
      <c r="M6" s="218"/>
      <c r="N6" s="218"/>
      <c r="O6" s="218"/>
      <c r="P6" s="218"/>
      <c r="Q6" s="218"/>
      <c r="R6" s="218"/>
      <c r="S6" s="218"/>
      <c r="T6" s="218"/>
      <c r="U6" s="218"/>
      <c r="V6" s="218"/>
      <c r="W6" s="218"/>
      <c r="X6" s="218"/>
      <c r="Y6" s="218"/>
      <c r="Z6" s="218"/>
      <c r="AA6" s="218"/>
      <c r="AB6" s="218"/>
      <c r="AC6" s="218"/>
      <c r="AD6" s="218"/>
      <c r="AE6" s="218"/>
      <c r="AF6" s="219"/>
      <c r="AG6" s="120"/>
      <c r="BP6" s="7" t="s">
        <v>2</v>
      </c>
    </row>
    <row r="7" spans="1:68" ht="3.75" customHeight="1" x14ac:dyDescent="0.2">
      <c r="B7" s="34"/>
      <c r="C7" s="84"/>
      <c r="D7" s="135"/>
      <c r="E7" s="135"/>
      <c r="F7" s="135"/>
      <c r="G7" s="135"/>
      <c r="H7" s="135"/>
      <c r="I7" s="135"/>
      <c r="J7" s="135"/>
      <c r="K7" s="135"/>
      <c r="L7" s="135"/>
      <c r="M7" s="135"/>
      <c r="N7" s="135"/>
      <c r="O7" s="135"/>
      <c r="P7" s="135"/>
      <c r="Q7" s="135"/>
      <c r="R7" s="135"/>
      <c r="S7" s="135"/>
      <c r="T7" s="135"/>
      <c r="U7" s="135"/>
      <c r="V7" s="135"/>
      <c r="W7" s="135"/>
      <c r="X7" s="135"/>
      <c r="Y7" s="135"/>
      <c r="Z7" s="135"/>
      <c r="AA7" s="135"/>
      <c r="AB7" s="135"/>
      <c r="AC7" s="135"/>
      <c r="AD7" s="135"/>
      <c r="AE7" s="135"/>
      <c r="AF7" s="135"/>
      <c r="AG7" s="120"/>
    </row>
    <row r="8" spans="1:68" ht="20.100000000000001" customHeight="1" x14ac:dyDescent="0.2">
      <c r="B8" s="34" t="s">
        <v>22</v>
      </c>
      <c r="C8" s="84"/>
      <c r="D8" s="217" t="str">
        <f>IF('Input Form'!D8="", "", 'Input Form'!D8)</f>
        <v>GREMISTA</v>
      </c>
      <c r="E8" s="218"/>
      <c r="F8" s="218"/>
      <c r="G8" s="218"/>
      <c r="H8" s="218"/>
      <c r="I8" s="218"/>
      <c r="J8" s="218"/>
      <c r="K8" s="218"/>
      <c r="L8" s="218"/>
      <c r="M8" s="218"/>
      <c r="N8" s="218"/>
      <c r="O8" s="218"/>
      <c r="P8" s="218"/>
      <c r="Q8" s="218"/>
      <c r="R8" s="218"/>
      <c r="S8" s="218"/>
      <c r="T8" s="218"/>
      <c r="U8" s="218"/>
      <c r="V8" s="218"/>
      <c r="W8" s="218"/>
      <c r="X8" s="218"/>
      <c r="Y8" s="218"/>
      <c r="Z8" s="218"/>
      <c r="AA8" s="218"/>
      <c r="AB8" s="218"/>
      <c r="AC8" s="218"/>
      <c r="AD8" s="218"/>
      <c r="AE8" s="218"/>
      <c r="AF8" s="219"/>
      <c r="AG8" s="120"/>
    </row>
    <row r="9" spans="1:68" ht="4.5" customHeight="1" x14ac:dyDescent="0.2">
      <c r="B9" s="34"/>
      <c r="C9" s="34"/>
      <c r="D9" s="114"/>
      <c r="E9" s="114"/>
      <c r="F9" s="114"/>
      <c r="G9" s="114"/>
      <c r="H9" s="114"/>
      <c r="I9" s="114"/>
      <c r="J9" s="114"/>
      <c r="K9" s="114"/>
      <c r="L9" s="114"/>
      <c r="M9" s="135"/>
      <c r="N9" s="148"/>
      <c r="O9" s="135"/>
      <c r="P9" s="135"/>
      <c r="Q9" s="135"/>
      <c r="R9" s="135"/>
      <c r="S9" s="135"/>
      <c r="T9" s="135"/>
      <c r="U9" s="135"/>
      <c r="V9" s="149"/>
      <c r="W9" s="135"/>
      <c r="X9" s="135"/>
      <c r="Y9" s="135"/>
      <c r="Z9" s="135"/>
      <c r="AA9" s="135"/>
      <c r="AB9" s="135"/>
      <c r="AC9" s="135"/>
      <c r="AD9" s="135"/>
      <c r="AE9" s="135"/>
      <c r="AF9" s="135"/>
      <c r="AG9" s="120"/>
      <c r="AL9" s="225"/>
      <c r="AM9" s="225"/>
      <c r="AN9" s="225"/>
      <c r="AO9" s="225"/>
      <c r="AP9" s="225"/>
      <c r="AQ9" s="225"/>
      <c r="AR9" s="225"/>
    </row>
    <row r="10" spans="1:68" ht="20.100000000000001" customHeight="1" x14ac:dyDescent="0.2">
      <c r="B10" s="7"/>
      <c r="C10" s="7"/>
      <c r="D10" s="217" t="str">
        <f>IF('Input Form'!D9="", "", 'Input Form'!D9)</f>
        <v>INDUSTRIAL ESTATE</v>
      </c>
      <c r="E10" s="218"/>
      <c r="F10" s="218"/>
      <c r="G10" s="218"/>
      <c r="H10" s="218"/>
      <c r="I10" s="218"/>
      <c r="J10" s="218"/>
      <c r="K10" s="218"/>
      <c r="L10" s="218"/>
      <c r="M10" s="218"/>
      <c r="N10" s="218"/>
      <c r="O10" s="218"/>
      <c r="P10" s="218"/>
      <c r="Q10" s="218"/>
      <c r="R10" s="218"/>
      <c r="S10" s="218"/>
      <c r="T10" s="218"/>
      <c r="U10" s="218"/>
      <c r="V10" s="218"/>
      <c r="W10" s="218"/>
      <c r="X10" s="218"/>
      <c r="Y10" s="218"/>
      <c r="Z10" s="218"/>
      <c r="AA10" s="218"/>
      <c r="AB10" s="218"/>
      <c r="AC10" s="218"/>
      <c r="AD10" s="218"/>
      <c r="AE10" s="218"/>
      <c r="AF10" s="219"/>
      <c r="AG10" s="120"/>
    </row>
    <row r="11" spans="1:68" ht="4.5" customHeight="1" x14ac:dyDescent="0.2">
      <c r="B11" s="7"/>
      <c r="C11" s="7"/>
      <c r="D11" s="135"/>
      <c r="E11" s="135"/>
      <c r="F11" s="135"/>
      <c r="G11" s="135"/>
      <c r="H11" s="135"/>
      <c r="I11" s="135"/>
      <c r="J11" s="135"/>
      <c r="K11" s="135"/>
      <c r="L11" s="135"/>
      <c r="M11" s="135"/>
      <c r="N11" s="148"/>
      <c r="O11" s="135"/>
      <c r="P11" s="135"/>
      <c r="Q11" s="135"/>
      <c r="R11" s="135"/>
      <c r="S11" s="135"/>
      <c r="T11" s="135"/>
      <c r="U11" s="135"/>
      <c r="V11" s="149"/>
      <c r="W11" s="135"/>
      <c r="X11" s="135"/>
      <c r="Y11" s="135"/>
      <c r="Z11" s="135"/>
      <c r="AA11" s="135"/>
      <c r="AB11" s="135"/>
      <c r="AC11" s="135"/>
      <c r="AD11" s="135"/>
      <c r="AE11" s="135"/>
      <c r="AF11" s="135"/>
      <c r="AG11" s="120"/>
      <c r="AL11" s="225"/>
      <c r="AM11" s="225"/>
      <c r="AN11" s="225"/>
      <c r="AO11" s="225"/>
      <c r="AP11" s="225"/>
      <c r="AQ11" s="225"/>
      <c r="AR11" s="225"/>
    </row>
    <row r="12" spans="1:68" ht="20.100000000000001" customHeight="1" x14ac:dyDescent="0.2">
      <c r="B12" s="7"/>
      <c r="C12" s="7"/>
      <c r="D12" s="217" t="str">
        <f>IF('Input Form'!D10="", "", 'Input Form'!D10)</f>
        <v>SHETLAND</v>
      </c>
      <c r="E12" s="218"/>
      <c r="F12" s="218"/>
      <c r="G12" s="218"/>
      <c r="H12" s="218"/>
      <c r="I12" s="218"/>
      <c r="J12" s="218"/>
      <c r="K12" s="218"/>
      <c r="L12" s="218"/>
      <c r="M12" s="218"/>
      <c r="N12" s="218"/>
      <c r="O12" s="218"/>
      <c r="P12" s="218"/>
      <c r="Q12" s="218"/>
      <c r="R12" s="218"/>
      <c r="S12" s="218"/>
      <c r="T12" s="218"/>
      <c r="U12" s="218"/>
      <c r="V12" s="218"/>
      <c r="W12" s="218"/>
      <c r="X12" s="218"/>
      <c r="Y12" s="218"/>
      <c r="Z12" s="218"/>
      <c r="AA12" s="218"/>
      <c r="AB12" s="218"/>
      <c r="AC12" s="218"/>
      <c r="AD12" s="218"/>
      <c r="AE12" s="218"/>
      <c r="AF12" s="219"/>
      <c r="AG12" s="120"/>
    </row>
    <row r="13" spans="1:68" ht="4.5" customHeight="1" x14ac:dyDescent="0.2">
      <c r="B13" s="7"/>
      <c r="C13" s="7"/>
      <c r="D13" s="135"/>
      <c r="E13" s="135"/>
      <c r="F13" s="135"/>
      <c r="G13" s="135"/>
      <c r="H13" s="135"/>
      <c r="I13" s="135"/>
      <c r="J13" s="135"/>
      <c r="K13" s="135"/>
      <c r="L13" s="135"/>
      <c r="M13" s="135"/>
      <c r="N13" s="148"/>
      <c r="O13" s="135"/>
      <c r="P13" s="135"/>
      <c r="Q13" s="135"/>
      <c r="R13" s="135"/>
      <c r="S13" s="135"/>
      <c r="T13" s="135"/>
      <c r="U13" s="135"/>
      <c r="V13" s="149"/>
      <c r="W13" s="135"/>
      <c r="X13" s="135"/>
      <c r="Y13" s="135"/>
      <c r="Z13" s="135"/>
      <c r="AA13" s="135"/>
      <c r="AB13" s="135"/>
      <c r="AC13" s="135"/>
      <c r="AD13" s="135"/>
      <c r="AE13" s="135"/>
      <c r="AF13" s="135"/>
      <c r="AG13" s="120"/>
      <c r="AL13" s="225"/>
      <c r="AM13" s="225"/>
      <c r="AN13" s="225"/>
      <c r="AO13" s="225"/>
      <c r="AP13" s="225"/>
      <c r="AQ13" s="225"/>
      <c r="AR13" s="225"/>
    </row>
    <row r="14" spans="1:68" ht="20.100000000000001" customHeight="1" x14ac:dyDescent="0.2">
      <c r="B14" s="7"/>
      <c r="C14" s="7"/>
      <c r="D14" s="217" t="str">
        <f>IF('Input Form'!D11="", "", 'Input Form'!D11)</f>
        <v/>
      </c>
      <c r="E14" s="218"/>
      <c r="F14" s="218"/>
      <c r="G14" s="218"/>
      <c r="H14" s="218"/>
      <c r="I14" s="218"/>
      <c r="J14" s="218"/>
      <c r="K14" s="218"/>
      <c r="L14" s="218"/>
      <c r="M14" s="218"/>
      <c r="N14" s="218"/>
      <c r="O14" s="218"/>
      <c r="P14" s="218"/>
      <c r="Q14" s="218"/>
      <c r="R14" s="218"/>
      <c r="S14" s="218"/>
      <c r="T14" s="218"/>
      <c r="U14" s="218"/>
      <c r="V14" s="218"/>
      <c r="W14" s="218"/>
      <c r="X14" s="218"/>
      <c r="Y14" s="218"/>
      <c r="Z14" s="218"/>
      <c r="AA14" s="218"/>
      <c r="AB14" s="218"/>
      <c r="AC14" s="218"/>
      <c r="AD14" s="218"/>
      <c r="AE14" s="218"/>
      <c r="AF14" s="219"/>
      <c r="AG14" s="120"/>
    </row>
    <row r="15" spans="1:68" ht="4.5" customHeight="1" x14ac:dyDescent="0.2">
      <c r="B15" s="34"/>
      <c r="C15" s="34"/>
      <c r="D15" s="114"/>
      <c r="E15" s="114"/>
      <c r="F15" s="114"/>
      <c r="G15" s="114"/>
      <c r="H15" s="114"/>
      <c r="I15" s="114"/>
      <c r="J15" s="114"/>
      <c r="K15" s="114"/>
      <c r="L15" s="114"/>
      <c r="M15" s="135"/>
      <c r="N15" s="135"/>
      <c r="O15" s="135"/>
      <c r="P15" s="135"/>
      <c r="Q15" s="135"/>
      <c r="R15" s="135"/>
      <c r="S15" s="135"/>
      <c r="T15" s="135"/>
      <c r="U15" s="135"/>
      <c r="V15" s="149"/>
      <c r="W15" s="135"/>
      <c r="X15" s="135"/>
      <c r="Y15" s="135"/>
      <c r="Z15" s="135"/>
      <c r="AA15" s="135"/>
      <c r="AB15" s="135"/>
      <c r="AC15" s="135"/>
      <c r="AD15" s="135"/>
      <c r="AE15" s="135"/>
      <c r="AF15" s="135"/>
      <c r="AG15" s="120"/>
      <c r="AL15" s="225"/>
      <c r="AM15" s="225"/>
      <c r="AN15" s="225"/>
      <c r="AO15" s="225"/>
      <c r="AP15" s="225"/>
      <c r="AQ15" s="225"/>
      <c r="AR15" s="225"/>
    </row>
    <row r="16" spans="1:68" ht="20.100000000000001" customHeight="1" x14ac:dyDescent="0.2">
      <c r="B16" s="17" t="s">
        <v>4</v>
      </c>
      <c r="C16" s="35"/>
      <c r="D16" s="217" t="str">
        <f>IF('Input Form'!D15="", "", 'Input Form'!D15)</f>
        <v>N/A</v>
      </c>
      <c r="E16" s="218"/>
      <c r="F16" s="218"/>
      <c r="G16" s="218"/>
      <c r="H16" s="218"/>
      <c r="I16" s="218"/>
      <c r="J16" s="218"/>
      <c r="K16" s="218"/>
      <c r="L16" s="218"/>
      <c r="M16" s="218"/>
      <c r="N16" s="218"/>
      <c r="O16" s="218"/>
      <c r="P16" s="218"/>
      <c r="Q16" s="219"/>
      <c r="R16" s="136" t="s">
        <v>1</v>
      </c>
      <c r="S16" s="147"/>
      <c r="T16" s="147"/>
      <c r="U16" s="147"/>
      <c r="V16" s="147"/>
      <c r="W16" s="217" t="str">
        <f>IF('Input Form'!D13="", "", 'Input Form'!D13)</f>
        <v>ZE1 0PX</v>
      </c>
      <c r="X16" s="218"/>
      <c r="Y16" s="218"/>
      <c r="Z16" s="218"/>
      <c r="AA16" s="218"/>
      <c r="AB16" s="218"/>
      <c r="AC16" s="218"/>
      <c r="AD16" s="218"/>
      <c r="AE16" s="218"/>
      <c r="AF16" s="219"/>
      <c r="AG16" s="120"/>
    </row>
    <row r="17" spans="2:59" x14ac:dyDescent="0.2">
      <c r="B17" s="34"/>
      <c r="C17" s="34"/>
      <c r="D17" s="34"/>
      <c r="E17" s="34"/>
      <c r="F17" s="34"/>
      <c r="G17" s="34"/>
      <c r="H17" s="34"/>
      <c r="I17" s="34"/>
      <c r="J17" s="34"/>
      <c r="K17" s="34"/>
      <c r="L17" s="34"/>
      <c r="M17" s="34"/>
      <c r="N17" s="34"/>
      <c r="O17" s="34"/>
      <c r="P17" s="34"/>
      <c r="Q17" s="34"/>
      <c r="R17" s="34"/>
      <c r="S17" s="34"/>
      <c r="T17" s="34"/>
      <c r="U17" s="34"/>
      <c r="V17" s="7"/>
    </row>
    <row r="18" spans="2:59" ht="24.95" customHeight="1" x14ac:dyDescent="0.2">
      <c r="B18" s="223" t="s">
        <v>11</v>
      </c>
      <c r="C18" s="224"/>
      <c r="D18" s="224"/>
      <c r="E18" s="224"/>
      <c r="F18" s="224"/>
      <c r="G18" s="224"/>
      <c r="H18" s="224"/>
      <c r="I18" s="224"/>
      <c r="J18" s="224"/>
      <c r="K18" s="224"/>
      <c r="L18" s="224"/>
      <c r="M18" s="224"/>
      <c r="N18" s="224"/>
      <c r="O18" s="224"/>
      <c r="P18" s="224"/>
      <c r="Q18" s="224"/>
      <c r="R18" s="224"/>
      <c r="S18" s="224"/>
      <c r="T18" s="224"/>
      <c r="U18" s="224"/>
      <c r="V18" s="224"/>
      <c r="W18" s="224"/>
      <c r="X18" s="224"/>
      <c r="Y18" s="224"/>
      <c r="Z18" s="224"/>
      <c r="AA18" s="224"/>
      <c r="AB18" s="224"/>
      <c r="AC18" s="224"/>
      <c r="AD18" s="224"/>
      <c r="AE18" s="224"/>
      <c r="AF18" s="224"/>
      <c r="AG18" s="224"/>
      <c r="AH18" s="224"/>
      <c r="AI18" s="224"/>
    </row>
    <row r="19" spans="2:59" s="116" customFormat="1" ht="6" customHeight="1" x14ac:dyDescent="0.2">
      <c r="B19" s="115"/>
      <c r="C19" s="115"/>
      <c r="D19" s="115"/>
      <c r="E19" s="115"/>
      <c r="F19" s="115"/>
      <c r="G19" s="115"/>
      <c r="H19" s="115"/>
      <c r="I19" s="115"/>
      <c r="J19" s="115"/>
      <c r="K19" s="115"/>
      <c r="L19" s="115"/>
      <c r="M19" s="115"/>
      <c r="N19" s="115"/>
      <c r="O19" s="115"/>
      <c r="P19" s="115"/>
      <c r="Q19" s="115"/>
      <c r="R19" s="115"/>
      <c r="S19" s="115"/>
      <c r="T19" s="115"/>
      <c r="U19" s="115"/>
      <c r="W19" s="69"/>
      <c r="X19" s="69"/>
      <c r="Y19" s="69"/>
      <c r="Z19" s="69"/>
      <c r="AA19" s="69"/>
      <c r="AB19" s="69"/>
      <c r="AC19" s="69"/>
      <c r="AD19" s="69"/>
      <c r="AE19" s="69"/>
      <c r="AF19" s="69"/>
      <c r="AG19" s="112"/>
    </row>
    <row r="20" spans="2:59" ht="17.100000000000001" customHeight="1" x14ac:dyDescent="0.2">
      <c r="B20" s="34" t="s">
        <v>17</v>
      </c>
      <c r="C20" s="34"/>
      <c r="D20" s="34"/>
      <c r="E20" s="34"/>
      <c r="F20" s="34"/>
      <c r="G20" s="34"/>
      <c r="H20" s="34"/>
      <c r="I20" s="34"/>
      <c r="J20" s="34"/>
      <c r="K20" s="34"/>
      <c r="L20" s="34"/>
      <c r="M20" s="34"/>
      <c r="N20" s="34"/>
      <c r="O20" s="34"/>
      <c r="P20" s="34"/>
      <c r="Q20" s="34"/>
      <c r="R20" s="34"/>
      <c r="S20" s="34"/>
      <c r="T20" s="34"/>
      <c r="U20" s="34"/>
      <c r="V20" s="7"/>
      <c r="BA20" s="225"/>
      <c r="BB20" s="225"/>
      <c r="BC20" s="225"/>
      <c r="BD20" s="225"/>
      <c r="BE20" s="225"/>
      <c r="BF20" s="225"/>
      <c r="BG20" s="225"/>
    </row>
    <row r="21" spans="2:59" ht="20.100000000000001" customHeight="1" x14ac:dyDescent="0.2">
      <c r="B21" s="35" t="s">
        <v>132</v>
      </c>
      <c r="C21" s="228"/>
      <c r="D21" s="229"/>
      <c r="E21" s="229"/>
      <c r="F21" s="229"/>
      <c r="G21" s="229"/>
      <c r="H21" s="229"/>
      <c r="I21" s="229"/>
      <c r="J21" s="229"/>
      <c r="K21" s="229"/>
      <c r="L21" s="229"/>
      <c r="M21" s="229"/>
      <c r="N21" s="229"/>
      <c r="O21" s="229"/>
      <c r="P21" s="230"/>
      <c r="Q21" s="35" t="s">
        <v>179</v>
      </c>
      <c r="R21" s="7"/>
      <c r="S21" s="7"/>
      <c r="T21" s="7"/>
      <c r="U21" s="22"/>
      <c r="V21" s="7"/>
      <c r="W21" s="7"/>
      <c r="X21" s="7"/>
      <c r="Y21" s="7"/>
      <c r="Z21" s="7"/>
      <c r="AA21" s="7"/>
      <c r="AB21" s="7"/>
      <c r="AC21" s="7"/>
      <c r="AD21" s="7"/>
      <c r="AE21" s="7"/>
      <c r="AF21" s="7"/>
      <c r="AG21" s="120"/>
    </row>
    <row r="22" spans="2:59" s="116" customFormat="1" ht="4.5" customHeight="1" x14ac:dyDescent="0.2">
      <c r="B22" s="34"/>
      <c r="C22" s="34"/>
      <c r="D22" s="34"/>
      <c r="E22" s="34"/>
      <c r="F22" s="34"/>
      <c r="G22" s="34"/>
      <c r="H22" s="34"/>
      <c r="I22" s="34"/>
      <c r="J22" s="34"/>
      <c r="K22" s="34"/>
      <c r="L22" s="34"/>
      <c r="M22" s="34"/>
      <c r="N22" s="34"/>
      <c r="O22" s="34"/>
      <c r="P22" s="34"/>
      <c r="Q22" s="34"/>
      <c r="R22" s="34"/>
      <c r="S22" s="34"/>
      <c r="T22" s="34"/>
      <c r="U22" s="34"/>
      <c r="W22" s="7"/>
      <c r="X22" s="7"/>
      <c r="Y22" s="7"/>
      <c r="Z22" s="7"/>
      <c r="AA22" s="7"/>
      <c r="AB22" s="7"/>
      <c r="AC22" s="7"/>
      <c r="AD22" s="7"/>
      <c r="AE22" s="7"/>
      <c r="AF22" s="7"/>
      <c r="AG22" s="120"/>
    </row>
    <row r="23" spans="2:59" s="116" customFormat="1" ht="20.100000000000001" customHeight="1" x14ac:dyDescent="0.2">
      <c r="B23" s="35" t="s">
        <v>180</v>
      </c>
      <c r="C23" s="220" t="str">
        <f>IF('Input Form'!D6="", "", 'Input Form'!D6)</f>
        <v>SHETLAND UHI LTD</v>
      </c>
      <c r="D23" s="221"/>
      <c r="E23" s="221"/>
      <c r="F23" s="221"/>
      <c r="G23" s="221"/>
      <c r="H23" s="221"/>
      <c r="I23" s="221"/>
      <c r="J23" s="221"/>
      <c r="K23" s="221"/>
      <c r="L23" s="221"/>
      <c r="M23" s="221"/>
      <c r="N23" s="221"/>
      <c r="O23" s="221"/>
      <c r="P23" s="222"/>
      <c r="Q23" s="35" t="s">
        <v>208</v>
      </c>
      <c r="R23" s="34"/>
      <c r="S23" s="34"/>
      <c r="T23" s="34"/>
      <c r="U23" s="34"/>
      <c r="W23" s="7"/>
      <c r="X23" s="7"/>
      <c r="Y23" s="7"/>
      <c r="Z23" s="7"/>
      <c r="AA23" s="7"/>
      <c r="AB23" s="7"/>
      <c r="AC23" s="7"/>
      <c r="AD23" s="7"/>
      <c r="AE23" s="7"/>
      <c r="AF23" s="7"/>
      <c r="AG23" s="120"/>
    </row>
    <row r="24" spans="2:59" s="116" customFormat="1" ht="2.1" customHeight="1" x14ac:dyDescent="0.2">
      <c r="B24" s="121"/>
      <c r="C24" s="121"/>
      <c r="D24" s="121"/>
      <c r="E24" s="121"/>
      <c r="F24" s="121"/>
      <c r="G24" s="121"/>
      <c r="H24" s="121"/>
      <c r="I24" s="121"/>
      <c r="J24" s="121"/>
      <c r="K24" s="121"/>
      <c r="L24" s="121"/>
      <c r="M24" s="121"/>
      <c r="N24" s="35"/>
      <c r="O24" s="34"/>
      <c r="P24" s="34"/>
      <c r="Q24" s="34"/>
      <c r="R24" s="34"/>
      <c r="S24" s="34"/>
      <c r="T24" s="34"/>
      <c r="U24" s="34"/>
      <c r="W24" s="7"/>
      <c r="X24" s="7"/>
      <c r="Y24" s="7"/>
      <c r="Z24" s="7"/>
      <c r="AA24" s="7"/>
      <c r="AB24" s="7"/>
      <c r="AC24" s="7"/>
      <c r="AD24" s="7"/>
      <c r="AE24" s="7"/>
      <c r="AF24" s="7"/>
      <c r="AG24" s="120"/>
    </row>
    <row r="25" spans="2:59" ht="20.100000000000001" customHeight="1" x14ac:dyDescent="0.2">
      <c r="B25" s="35" t="s">
        <v>209</v>
      </c>
      <c r="C25" s="140"/>
      <c r="D25" s="117"/>
      <c r="E25" s="117"/>
      <c r="F25" s="117"/>
      <c r="G25" s="117"/>
      <c r="H25" s="117"/>
      <c r="I25" s="117"/>
      <c r="J25" s="117"/>
      <c r="K25" s="117"/>
      <c r="L25" s="117"/>
      <c r="M25" s="117"/>
      <c r="N25" s="7"/>
      <c r="O25" s="7"/>
      <c r="P25" s="7"/>
      <c r="U25" s="217"/>
      <c r="V25" s="218"/>
      <c r="W25" s="218"/>
      <c r="X25" s="218"/>
      <c r="Y25" s="218"/>
      <c r="Z25" s="219"/>
      <c r="AA25" s="69" t="s">
        <v>133</v>
      </c>
      <c r="AC25" s="7"/>
      <c r="AD25" s="7"/>
      <c r="AE25" s="7"/>
      <c r="AF25" s="7"/>
      <c r="AG25" s="120"/>
    </row>
    <row r="26" spans="2:59" s="116" customFormat="1" ht="14.45" customHeight="1" x14ac:dyDescent="0.2">
      <c r="B26" s="34"/>
      <c r="C26" s="34"/>
      <c r="D26" s="34"/>
      <c r="E26" s="34"/>
      <c r="F26" s="34"/>
      <c r="G26" s="34"/>
      <c r="H26" s="34"/>
      <c r="I26" s="34"/>
      <c r="J26" s="34"/>
      <c r="K26" s="34"/>
      <c r="L26" s="34"/>
      <c r="M26" s="34"/>
      <c r="N26" s="34"/>
      <c r="O26" s="34"/>
      <c r="P26" s="34"/>
      <c r="Q26" s="34"/>
      <c r="R26" s="34"/>
      <c r="S26" s="34"/>
      <c r="T26" s="34"/>
      <c r="U26" s="34"/>
      <c r="W26" s="69"/>
      <c r="X26" s="69"/>
      <c r="Y26" s="69"/>
      <c r="Z26" s="69"/>
      <c r="AA26" s="69"/>
      <c r="AB26" s="69"/>
      <c r="AC26" s="69"/>
      <c r="AD26" s="69"/>
      <c r="AE26" s="69"/>
      <c r="AF26" s="69"/>
      <c r="AG26" s="112"/>
    </row>
    <row r="27" spans="2:59" s="116" customFormat="1" ht="117.95" customHeight="1" x14ac:dyDescent="0.2">
      <c r="B27" s="226" t="s">
        <v>195</v>
      </c>
      <c r="C27" s="226"/>
      <c r="D27" s="226"/>
      <c r="E27" s="226"/>
      <c r="F27" s="226"/>
      <c r="G27" s="226"/>
      <c r="H27" s="226"/>
      <c r="I27" s="226"/>
      <c r="J27" s="226"/>
      <c r="K27" s="226"/>
      <c r="L27" s="226"/>
      <c r="M27" s="226"/>
      <c r="N27" s="226"/>
      <c r="O27" s="226"/>
      <c r="P27" s="226"/>
      <c r="Q27" s="226"/>
      <c r="R27" s="226"/>
      <c r="S27" s="226"/>
      <c r="T27" s="226"/>
      <c r="U27" s="226"/>
      <c r="V27" s="226"/>
      <c r="W27" s="226"/>
      <c r="X27" s="226"/>
      <c r="Y27" s="226"/>
      <c r="Z27" s="226"/>
      <c r="AA27" s="226"/>
      <c r="AB27" s="226"/>
      <c r="AC27" s="226"/>
      <c r="AD27" s="226"/>
      <c r="AE27" s="226"/>
      <c r="AF27" s="226"/>
      <c r="AG27" s="226"/>
      <c r="AH27" s="226"/>
      <c r="AI27" s="226"/>
    </row>
    <row r="28" spans="2:59" s="116" customFormat="1" ht="7.5" customHeight="1" x14ac:dyDescent="0.2">
      <c r="B28" s="119"/>
      <c r="C28" s="119"/>
      <c r="D28" s="119"/>
      <c r="E28" s="119"/>
      <c r="F28" s="119"/>
      <c r="G28" s="119"/>
      <c r="H28" s="119"/>
      <c r="I28" s="119"/>
      <c r="J28" s="119"/>
      <c r="K28" s="119"/>
      <c r="L28" s="119"/>
      <c r="M28" s="119"/>
      <c r="N28" s="119"/>
      <c r="O28" s="119"/>
      <c r="P28" s="119"/>
      <c r="Q28" s="119"/>
      <c r="R28" s="119"/>
      <c r="S28" s="119"/>
      <c r="T28" s="119"/>
      <c r="U28" s="119"/>
      <c r="W28" s="69"/>
      <c r="X28" s="69"/>
      <c r="Y28" s="69"/>
      <c r="Z28" s="69"/>
      <c r="AA28" s="69"/>
      <c r="AB28" s="69"/>
      <c r="AC28" s="69"/>
      <c r="AD28" s="69"/>
      <c r="AE28" s="69"/>
      <c r="AF28" s="69"/>
      <c r="AG28" s="112"/>
    </row>
    <row r="29" spans="2:59" s="116" customFormat="1" x14ac:dyDescent="0.2">
      <c r="B29" s="34" t="s">
        <v>24</v>
      </c>
      <c r="C29" s="34"/>
      <c r="D29" s="34"/>
      <c r="E29" s="34"/>
      <c r="F29" s="34"/>
      <c r="G29" s="34"/>
      <c r="H29" s="34"/>
      <c r="I29" s="34"/>
      <c r="J29" s="34"/>
      <c r="K29" s="34"/>
      <c r="L29" s="34"/>
      <c r="M29" s="34"/>
      <c r="N29" s="34"/>
      <c r="O29" s="34"/>
      <c r="P29" s="34"/>
      <c r="Q29" s="34"/>
      <c r="R29" s="34"/>
      <c r="S29" s="34"/>
      <c r="T29" s="34"/>
      <c r="U29" s="34"/>
      <c r="W29" s="69"/>
      <c r="X29" s="69"/>
      <c r="Y29" s="69"/>
      <c r="Z29" s="69"/>
      <c r="AA29" s="69"/>
      <c r="AB29" s="69"/>
      <c r="AC29" s="69"/>
      <c r="AD29" s="69"/>
      <c r="AE29" s="69"/>
      <c r="AF29" s="69"/>
      <c r="AG29" s="112"/>
    </row>
    <row r="30" spans="2:59" s="116" customFormat="1" ht="5.0999999999999996" customHeight="1" x14ac:dyDescent="0.2">
      <c r="B30" s="34"/>
      <c r="C30" s="34"/>
      <c r="D30" s="34"/>
      <c r="E30" s="34"/>
      <c r="F30" s="34"/>
      <c r="G30" s="34"/>
      <c r="H30" s="34"/>
      <c r="I30" s="34"/>
      <c r="J30" s="34"/>
      <c r="K30" s="34"/>
      <c r="L30" s="34"/>
      <c r="M30" s="34"/>
      <c r="N30" s="34"/>
      <c r="O30" s="34"/>
      <c r="P30" s="34"/>
      <c r="Q30" s="34"/>
      <c r="R30" s="34"/>
      <c r="S30" s="34"/>
      <c r="T30" s="34"/>
      <c r="U30" s="34"/>
      <c r="W30" s="69"/>
      <c r="X30" s="69"/>
      <c r="Y30" s="69"/>
      <c r="Z30" s="69"/>
      <c r="AA30" s="69"/>
      <c r="AB30" s="69"/>
      <c r="AC30" s="69"/>
      <c r="AD30" s="69"/>
      <c r="AE30" s="69"/>
      <c r="AF30" s="69"/>
      <c r="AG30" s="112"/>
    </row>
    <row r="31" spans="2:59" s="116" customFormat="1" ht="17.100000000000001" customHeight="1" x14ac:dyDescent="0.2">
      <c r="B31" s="34" t="s">
        <v>25</v>
      </c>
      <c r="C31" s="34"/>
      <c r="D31" s="34"/>
      <c r="E31" s="34"/>
      <c r="F31" s="34"/>
      <c r="G31" s="34"/>
      <c r="H31" s="34"/>
      <c r="I31" s="34"/>
      <c r="J31" s="34"/>
      <c r="K31" s="34"/>
      <c r="L31" s="34"/>
      <c r="M31" s="34"/>
      <c r="N31" s="34"/>
      <c r="O31" s="34"/>
      <c r="P31" s="34"/>
      <c r="Q31" s="34"/>
      <c r="R31" s="34"/>
      <c r="S31" s="34"/>
      <c r="T31" s="34"/>
      <c r="U31" s="34"/>
      <c r="W31" s="69"/>
      <c r="X31" s="69"/>
      <c r="Y31" s="69"/>
      <c r="Z31" s="69"/>
      <c r="AA31" s="69"/>
      <c r="AB31" s="69"/>
      <c r="AC31" s="69"/>
      <c r="AD31" s="69"/>
      <c r="AE31" s="69"/>
      <c r="AF31" s="69"/>
      <c r="AG31" s="112"/>
    </row>
    <row r="32" spans="2:59" s="116" customFormat="1" ht="20.100000000000001" customHeight="1" x14ac:dyDescent="0.2">
      <c r="B32" s="34" t="s">
        <v>26</v>
      </c>
      <c r="C32" s="34"/>
      <c r="D32" s="34"/>
      <c r="E32" s="34"/>
      <c r="F32" s="34"/>
      <c r="G32" s="34"/>
      <c r="H32" s="34"/>
      <c r="I32" s="34"/>
      <c r="J32" s="34"/>
      <c r="K32" s="34"/>
      <c r="L32" s="34"/>
      <c r="M32" s="34"/>
      <c r="N32" s="34"/>
      <c r="O32" s="34"/>
      <c r="P32" s="34"/>
      <c r="Q32" s="34"/>
      <c r="R32" s="34"/>
      <c r="S32" s="34"/>
      <c r="T32" s="34"/>
      <c r="U32" s="34"/>
      <c r="W32" s="69"/>
      <c r="X32" s="69"/>
      <c r="Y32" s="69"/>
      <c r="Z32" s="69"/>
      <c r="AA32" s="69"/>
      <c r="AB32" s="69"/>
      <c r="AC32" s="69"/>
      <c r="AD32" s="69"/>
      <c r="AE32" s="69"/>
      <c r="AF32" s="69"/>
      <c r="AG32" s="112"/>
    </row>
    <row r="33" spans="2:35" customFormat="1" ht="20.100000000000001" customHeight="1" x14ac:dyDescent="0.2">
      <c r="B33" s="226" t="s">
        <v>44</v>
      </c>
      <c r="C33" s="226"/>
      <c r="D33" s="226"/>
      <c r="E33" s="226"/>
      <c r="F33" s="226"/>
      <c r="G33" s="226"/>
      <c r="H33" s="226"/>
      <c r="I33" s="226"/>
      <c r="J33" s="226"/>
      <c r="K33" s="226"/>
      <c r="L33" s="226"/>
      <c r="M33" s="226"/>
      <c r="N33" s="226"/>
      <c r="O33" s="226"/>
      <c r="P33" s="226"/>
      <c r="Q33" s="226"/>
      <c r="R33" s="226"/>
      <c r="S33" s="226"/>
      <c r="T33" s="226"/>
      <c r="U33" s="226"/>
      <c r="V33" s="226"/>
      <c r="W33" s="226"/>
      <c r="X33" s="226"/>
      <c r="Y33" s="226"/>
      <c r="Z33" s="226"/>
      <c r="AA33" s="226"/>
      <c r="AB33" s="226"/>
      <c r="AC33" s="226"/>
      <c r="AD33" s="226"/>
      <c r="AE33" s="226"/>
      <c r="AF33" s="226"/>
      <c r="AG33" s="226"/>
      <c r="AH33" s="226"/>
      <c r="AI33" s="226"/>
    </row>
    <row r="34" spans="2:35" s="116" customFormat="1" x14ac:dyDescent="0.2">
      <c r="B34" s="119"/>
      <c r="C34" s="119"/>
      <c r="D34" s="119"/>
      <c r="E34" s="119"/>
      <c r="F34" s="119"/>
      <c r="G34" s="119"/>
      <c r="H34" s="119"/>
      <c r="I34" s="119"/>
      <c r="J34" s="119"/>
      <c r="K34" s="119"/>
      <c r="L34" s="119"/>
      <c r="M34" s="119"/>
      <c r="N34" s="119"/>
      <c r="O34" s="119"/>
      <c r="P34" s="119"/>
      <c r="Q34" s="119"/>
      <c r="R34" s="119"/>
      <c r="S34" s="119"/>
      <c r="T34" s="119"/>
      <c r="U34" s="119"/>
      <c r="W34" s="69"/>
      <c r="X34" s="69"/>
      <c r="Y34" s="69"/>
      <c r="Z34" s="69"/>
      <c r="AA34" s="69"/>
      <c r="AB34" s="69"/>
      <c r="AC34" s="69"/>
      <c r="AD34" s="69"/>
      <c r="AE34" s="69"/>
      <c r="AF34" s="69"/>
      <c r="AG34" s="112"/>
    </row>
    <row r="35" spans="2:35" s="116" customFormat="1" ht="20.100000000000001" customHeight="1" x14ac:dyDescent="0.2">
      <c r="B35" s="34" t="s">
        <v>190</v>
      </c>
      <c r="C35" s="34"/>
      <c r="D35" s="231"/>
      <c r="E35" s="232"/>
      <c r="F35" s="232"/>
      <c r="G35" s="232"/>
      <c r="H35" s="232"/>
      <c r="I35" s="232"/>
      <c r="J35" s="232"/>
      <c r="K35" s="232"/>
      <c r="L35" s="232"/>
      <c r="M35" s="232"/>
      <c r="N35" s="232"/>
      <c r="O35" s="232"/>
      <c r="P35" s="232"/>
      <c r="Q35" s="232"/>
      <c r="R35" s="232"/>
      <c r="S35" s="232"/>
      <c r="T35" s="232"/>
      <c r="U35" s="232"/>
      <c r="V35" s="232"/>
      <c r="W35" s="233"/>
      <c r="X35" s="69"/>
      <c r="Y35" s="69"/>
      <c r="Z35" s="69"/>
      <c r="AA35" s="69"/>
      <c r="AB35" s="69"/>
      <c r="AC35" s="69"/>
      <c r="AD35" s="69"/>
      <c r="AE35" s="69"/>
      <c r="AF35" s="69"/>
      <c r="AG35" s="112"/>
    </row>
    <row r="36" spans="2:35" s="116" customFormat="1" ht="6.95" customHeight="1" x14ac:dyDescent="0.2">
      <c r="B36" s="34"/>
      <c r="C36" s="34"/>
      <c r="D36" s="69"/>
      <c r="E36" s="69"/>
      <c r="F36" s="69"/>
      <c r="G36" s="69"/>
      <c r="H36" s="69"/>
      <c r="I36" s="69"/>
      <c r="J36" s="69"/>
      <c r="K36" s="69"/>
      <c r="L36" s="69"/>
      <c r="M36" s="69"/>
      <c r="N36" s="69"/>
      <c r="O36" s="69"/>
      <c r="P36" s="34"/>
      <c r="Q36" s="34"/>
      <c r="R36" s="34"/>
      <c r="S36" s="34"/>
      <c r="T36" s="34"/>
      <c r="U36" s="34"/>
      <c r="W36" s="69"/>
      <c r="X36" s="69"/>
      <c r="Y36" s="69"/>
      <c r="Z36" s="69"/>
      <c r="AA36" s="69"/>
      <c r="AB36" s="69"/>
      <c r="AC36" s="69"/>
      <c r="AD36" s="69"/>
      <c r="AE36" s="69"/>
      <c r="AF36" s="69"/>
      <c r="AG36" s="112"/>
    </row>
    <row r="37" spans="2:35" ht="20.100000000000001" customHeight="1" x14ac:dyDescent="0.2">
      <c r="B37" s="1" t="s">
        <v>29</v>
      </c>
      <c r="C37" s="1"/>
      <c r="D37" s="231"/>
      <c r="E37" s="232"/>
      <c r="F37" s="232"/>
      <c r="G37" s="232"/>
      <c r="H37" s="232"/>
      <c r="I37" s="232"/>
      <c r="J37" s="232"/>
      <c r="K37" s="232"/>
      <c r="L37" s="232"/>
      <c r="M37" s="232"/>
      <c r="N37" s="232"/>
      <c r="O37" s="232"/>
      <c r="P37" s="232"/>
      <c r="Q37" s="232"/>
      <c r="R37" s="232"/>
      <c r="S37" s="232"/>
      <c r="T37" s="232"/>
      <c r="U37" s="232"/>
      <c r="V37" s="232"/>
      <c r="W37" s="233"/>
    </row>
    <row r="38" spans="2:35" ht="8.1" customHeight="1" x14ac:dyDescent="0.2">
      <c r="B38" s="1"/>
      <c r="C38" s="1"/>
      <c r="D38" s="69"/>
      <c r="E38" s="69"/>
      <c r="F38" s="69"/>
      <c r="G38" s="69"/>
      <c r="H38" s="69"/>
      <c r="I38" s="69"/>
      <c r="J38" s="69"/>
      <c r="K38" s="69"/>
      <c r="L38" s="69"/>
      <c r="M38" s="69"/>
      <c r="N38" s="69"/>
      <c r="O38" s="69"/>
      <c r="P38" s="35"/>
      <c r="Q38" s="1"/>
      <c r="R38" s="1"/>
      <c r="S38" s="1"/>
      <c r="T38" s="1"/>
      <c r="U38" s="1"/>
      <c r="V38" s="7"/>
    </row>
    <row r="39" spans="2:35" s="68" customFormat="1" ht="20.100000000000001" customHeight="1" x14ac:dyDescent="0.2">
      <c r="B39" s="1" t="s">
        <v>138</v>
      </c>
      <c r="C39" s="1"/>
      <c r="D39" s="168"/>
      <c r="E39" s="179" t="s">
        <v>79</v>
      </c>
      <c r="F39" s="69"/>
      <c r="G39" s="69"/>
      <c r="H39" s="69"/>
      <c r="I39" s="69"/>
      <c r="J39" s="69"/>
      <c r="K39" s="69"/>
      <c r="L39" s="69"/>
      <c r="M39" s="69"/>
      <c r="N39" s="69"/>
      <c r="O39" s="69"/>
      <c r="P39" s="69"/>
      <c r="Q39" s="1"/>
      <c r="R39" s="1"/>
      <c r="S39" s="1"/>
      <c r="T39" s="1"/>
      <c r="U39" s="1"/>
      <c r="V39" s="7"/>
      <c r="W39" s="69"/>
      <c r="X39" s="69"/>
      <c r="Y39" s="69"/>
      <c r="Z39" s="69"/>
      <c r="AA39" s="69"/>
      <c r="AB39" s="69"/>
      <c r="AC39" s="69"/>
      <c r="AD39" s="69"/>
      <c r="AE39" s="69"/>
      <c r="AF39" s="69"/>
      <c r="AG39" s="112"/>
    </row>
    <row r="40" spans="2:35" ht="6.95" customHeight="1" x14ac:dyDescent="0.2">
      <c r="B40" s="1"/>
      <c r="C40" s="1"/>
      <c r="D40" s="69"/>
      <c r="E40" s="69"/>
      <c r="F40" s="69"/>
      <c r="G40" s="69"/>
      <c r="H40" s="69"/>
      <c r="I40" s="69"/>
      <c r="J40" s="69"/>
      <c r="K40" s="69"/>
      <c r="L40" s="69"/>
      <c r="M40" s="69"/>
      <c r="N40" s="69"/>
      <c r="O40" s="69"/>
      <c r="P40" s="69"/>
      <c r="Q40" s="1"/>
      <c r="R40" s="1"/>
      <c r="S40" s="1"/>
      <c r="T40" s="1"/>
      <c r="U40" s="1"/>
      <c r="V40" s="7"/>
    </row>
    <row r="41" spans="2:35" s="68" customFormat="1" ht="20.100000000000001" customHeight="1" x14ac:dyDescent="0.2">
      <c r="B41" s="1" t="s">
        <v>37</v>
      </c>
      <c r="C41" s="1"/>
      <c r="D41" s="169"/>
      <c r="E41" s="169"/>
      <c r="F41" s="170" t="s">
        <v>76</v>
      </c>
      <c r="G41" s="169"/>
      <c r="H41" s="169"/>
      <c r="I41" s="170" t="s">
        <v>76</v>
      </c>
      <c r="J41" s="169"/>
      <c r="K41" s="169"/>
      <c r="L41" s="169"/>
      <c r="M41" s="169"/>
      <c r="N41" s="7"/>
      <c r="O41" s="7"/>
      <c r="P41" s="7"/>
      <c r="Q41" s="1"/>
      <c r="R41" s="1"/>
      <c r="S41" s="1"/>
      <c r="T41" s="1"/>
      <c r="U41" s="1"/>
      <c r="V41" s="7"/>
      <c r="W41" s="7"/>
      <c r="X41" s="7"/>
      <c r="Y41" s="7"/>
      <c r="Z41" s="7"/>
      <c r="AA41" s="7"/>
      <c r="AB41" s="7"/>
      <c r="AC41" s="7"/>
      <c r="AD41" s="7"/>
      <c r="AE41" s="7"/>
      <c r="AF41" s="7"/>
      <c r="AG41" s="120"/>
    </row>
    <row r="42" spans="2:35" ht="15" customHeight="1" x14ac:dyDescent="0.2">
      <c r="B42" s="1"/>
      <c r="C42" s="1"/>
      <c r="D42" s="35"/>
      <c r="E42" s="35"/>
      <c r="F42" s="35"/>
      <c r="G42" s="35"/>
      <c r="H42" s="35"/>
      <c r="I42" s="35"/>
      <c r="J42" s="35"/>
      <c r="K42" s="35"/>
      <c r="L42" s="35"/>
      <c r="M42" s="121"/>
      <c r="N42" s="121"/>
      <c r="O42" s="121"/>
      <c r="P42" s="121"/>
      <c r="Q42" s="1"/>
      <c r="R42" s="1"/>
      <c r="S42" s="1"/>
      <c r="T42" s="1"/>
      <c r="U42" s="1"/>
      <c r="V42" s="7"/>
    </row>
    <row r="43" spans="2:35" s="116" customFormat="1" ht="20.100000000000001" customHeight="1" x14ac:dyDescent="0.2">
      <c r="B43" s="34" t="s">
        <v>190</v>
      </c>
      <c r="C43" s="34"/>
      <c r="D43" s="231"/>
      <c r="E43" s="232"/>
      <c r="F43" s="232"/>
      <c r="G43" s="232"/>
      <c r="H43" s="232"/>
      <c r="I43" s="232"/>
      <c r="J43" s="232"/>
      <c r="K43" s="232"/>
      <c r="L43" s="232"/>
      <c r="M43" s="232"/>
      <c r="N43" s="232"/>
      <c r="O43" s="232"/>
      <c r="P43" s="232"/>
      <c r="Q43" s="232"/>
      <c r="R43" s="232"/>
      <c r="S43" s="232"/>
      <c r="T43" s="232"/>
      <c r="U43" s="232"/>
      <c r="V43" s="232"/>
      <c r="W43" s="233"/>
      <c r="X43" s="69"/>
      <c r="Y43" s="69"/>
      <c r="Z43" s="69"/>
      <c r="AA43" s="69"/>
      <c r="AB43" s="69"/>
      <c r="AC43" s="69"/>
      <c r="AD43" s="69"/>
      <c r="AE43" s="69"/>
      <c r="AF43" s="69"/>
      <c r="AG43" s="112"/>
    </row>
    <row r="44" spans="2:35" s="116" customFormat="1" ht="5.0999999999999996" customHeight="1" x14ac:dyDescent="0.2">
      <c r="B44" s="34"/>
      <c r="C44" s="34"/>
      <c r="D44" s="69"/>
      <c r="E44" s="69"/>
      <c r="F44" s="69"/>
      <c r="G44" s="69"/>
      <c r="H44" s="69"/>
      <c r="I44" s="69"/>
      <c r="J44" s="69"/>
      <c r="K44" s="69"/>
      <c r="L44" s="69"/>
      <c r="M44" s="69"/>
      <c r="N44" s="69"/>
      <c r="O44" s="69"/>
      <c r="P44" s="34"/>
      <c r="Q44" s="34"/>
      <c r="R44" s="34"/>
      <c r="S44" s="34"/>
      <c r="T44" s="34"/>
      <c r="U44" s="34"/>
      <c r="W44" s="69"/>
      <c r="X44" s="69"/>
      <c r="Y44" s="69"/>
      <c r="Z44" s="69"/>
      <c r="AA44" s="69"/>
      <c r="AB44" s="69"/>
      <c r="AC44" s="69"/>
      <c r="AD44" s="69"/>
      <c r="AE44" s="69"/>
      <c r="AF44" s="69"/>
      <c r="AG44" s="112"/>
    </row>
    <row r="45" spans="2:35" ht="20.100000000000001" customHeight="1" x14ac:dyDescent="0.2">
      <c r="B45" s="1" t="s">
        <v>29</v>
      </c>
      <c r="C45" s="1"/>
      <c r="D45" s="231"/>
      <c r="E45" s="232"/>
      <c r="F45" s="232"/>
      <c r="G45" s="232"/>
      <c r="H45" s="232"/>
      <c r="I45" s="232"/>
      <c r="J45" s="232"/>
      <c r="K45" s="232"/>
      <c r="L45" s="232"/>
      <c r="M45" s="232"/>
      <c r="N45" s="232"/>
      <c r="O45" s="232"/>
      <c r="P45" s="232"/>
      <c r="Q45" s="232"/>
      <c r="R45" s="232"/>
      <c r="S45" s="232"/>
      <c r="T45" s="232"/>
      <c r="U45" s="232"/>
      <c r="V45" s="232"/>
      <c r="W45" s="233"/>
    </row>
    <row r="46" spans="2:35" ht="6.95" customHeight="1" x14ac:dyDescent="0.2">
      <c r="B46" s="1"/>
      <c r="C46" s="1"/>
      <c r="D46" s="1"/>
      <c r="E46" s="1"/>
      <c r="F46" s="1"/>
      <c r="G46" s="1"/>
      <c r="H46" s="1"/>
      <c r="I46" s="1"/>
      <c r="J46" s="1"/>
      <c r="K46" s="1"/>
      <c r="L46" s="1"/>
      <c r="M46" s="1"/>
      <c r="N46" s="1"/>
      <c r="O46" s="1"/>
      <c r="P46" s="1"/>
      <c r="Q46" s="1"/>
      <c r="R46" s="1"/>
      <c r="S46" s="1"/>
      <c r="T46" s="1"/>
      <c r="U46" s="1"/>
      <c r="V46" s="7"/>
    </row>
    <row r="47" spans="2:35" s="68" customFormat="1" ht="20.100000000000001" customHeight="1" x14ac:dyDescent="0.2">
      <c r="B47" s="1" t="s">
        <v>138</v>
      </c>
      <c r="C47" s="1"/>
      <c r="D47" s="168"/>
      <c r="E47" s="179" t="s">
        <v>79</v>
      </c>
      <c r="F47" s="69"/>
      <c r="G47" s="69"/>
      <c r="J47" s="168"/>
      <c r="K47" s="135" t="s">
        <v>80</v>
      </c>
      <c r="L47" s="69"/>
      <c r="M47" s="69"/>
      <c r="N47" s="69"/>
      <c r="O47" s="69"/>
      <c r="P47" s="69"/>
      <c r="Q47" s="1"/>
      <c r="R47" s="1"/>
      <c r="S47" s="1"/>
      <c r="T47" s="1"/>
      <c r="U47" s="1"/>
      <c r="V47" s="7"/>
      <c r="W47" s="69"/>
      <c r="X47" s="69"/>
      <c r="Y47" s="69"/>
      <c r="Z47" s="69"/>
      <c r="AA47" s="69"/>
      <c r="AB47" s="69"/>
      <c r="AC47" s="69"/>
      <c r="AD47" s="69"/>
      <c r="AE47" s="69"/>
      <c r="AF47" s="69"/>
      <c r="AG47" s="112"/>
    </row>
    <row r="48" spans="2:35" ht="6.95" customHeight="1" x14ac:dyDescent="0.2">
      <c r="B48" s="1"/>
      <c r="C48" s="1"/>
      <c r="D48" s="69"/>
      <c r="E48" s="69"/>
      <c r="F48" s="69"/>
      <c r="G48" s="69"/>
      <c r="H48" s="69"/>
      <c r="I48" s="69"/>
      <c r="J48" s="69"/>
      <c r="K48" s="69"/>
      <c r="L48" s="69"/>
      <c r="M48" s="69"/>
      <c r="N48" s="69"/>
      <c r="O48" s="69"/>
      <c r="P48" s="69"/>
      <c r="Q48" s="1"/>
      <c r="R48" s="1"/>
      <c r="S48" s="1"/>
      <c r="T48" s="1"/>
      <c r="U48" s="1"/>
      <c r="V48" s="7"/>
    </row>
    <row r="49" spans="2:35" s="68" customFormat="1" ht="20.100000000000001" customHeight="1" x14ac:dyDescent="0.2">
      <c r="B49" s="1" t="s">
        <v>37</v>
      </c>
      <c r="C49" s="1"/>
      <c r="D49" s="169"/>
      <c r="E49" s="169"/>
      <c r="F49" s="170" t="s">
        <v>76</v>
      </c>
      <c r="G49" s="169"/>
      <c r="H49" s="169"/>
      <c r="I49" s="170" t="s">
        <v>76</v>
      </c>
      <c r="J49" s="169"/>
      <c r="K49" s="169"/>
      <c r="L49" s="169"/>
      <c r="M49" s="169"/>
      <c r="N49" s="7"/>
      <c r="O49" s="7"/>
      <c r="P49" s="7"/>
      <c r="Q49" s="1"/>
      <c r="R49" s="1"/>
      <c r="S49" s="1"/>
      <c r="T49" s="1"/>
      <c r="U49" s="1"/>
      <c r="V49" s="7"/>
      <c r="W49" s="7"/>
      <c r="X49" s="7"/>
      <c r="Y49" s="7"/>
      <c r="Z49" s="7"/>
      <c r="AA49" s="7"/>
      <c r="AB49" s="7"/>
      <c r="AC49" s="7"/>
      <c r="AD49" s="7"/>
      <c r="AE49" s="7"/>
      <c r="AF49" s="7"/>
      <c r="AG49" s="120"/>
    </row>
    <row r="50" spans="2:35" x14ac:dyDescent="0.2">
      <c r="B50" s="1"/>
      <c r="C50" s="1"/>
      <c r="D50" s="1"/>
      <c r="E50" s="1"/>
      <c r="F50" s="1"/>
      <c r="G50" s="1"/>
      <c r="H50" s="1"/>
      <c r="I50" s="1"/>
      <c r="J50" s="1"/>
      <c r="K50" s="1"/>
      <c r="L50" s="1"/>
      <c r="M50" s="1"/>
      <c r="N50" s="1"/>
      <c r="O50" s="1"/>
      <c r="P50" s="1"/>
      <c r="Q50" s="1"/>
      <c r="R50" s="1"/>
      <c r="S50" s="1"/>
      <c r="T50" s="1"/>
      <c r="U50" s="1"/>
      <c r="V50" s="7"/>
    </row>
    <row r="51" spans="2:35" x14ac:dyDescent="0.2">
      <c r="B51" s="1"/>
      <c r="C51" s="1"/>
      <c r="D51" s="1"/>
      <c r="E51" s="1"/>
      <c r="F51" s="1"/>
      <c r="G51" s="1"/>
      <c r="H51" s="1"/>
      <c r="I51" s="1"/>
      <c r="J51" s="1"/>
      <c r="K51" s="1"/>
      <c r="L51" s="1"/>
      <c r="M51" s="1"/>
      <c r="N51" s="1"/>
      <c r="O51" s="1"/>
      <c r="P51" s="1"/>
      <c r="Q51" s="1"/>
      <c r="R51" s="1"/>
      <c r="S51" s="1"/>
      <c r="T51" s="1"/>
      <c r="U51" s="1"/>
      <c r="V51" s="7"/>
    </row>
    <row r="52" spans="2:35" x14ac:dyDescent="0.2">
      <c r="B52" s="1"/>
      <c r="C52" s="1"/>
      <c r="D52" s="1"/>
      <c r="E52" s="1"/>
      <c r="F52" s="1"/>
      <c r="G52" s="1"/>
      <c r="H52" s="1"/>
      <c r="I52" s="1"/>
      <c r="J52" s="1"/>
      <c r="K52" s="1"/>
      <c r="L52" s="1"/>
      <c r="M52" s="1"/>
      <c r="N52" s="1"/>
      <c r="O52" s="1"/>
      <c r="P52" s="1"/>
      <c r="Q52" s="1"/>
      <c r="R52" s="1"/>
      <c r="S52" s="1"/>
      <c r="T52" s="1"/>
      <c r="U52" s="1"/>
      <c r="V52" s="7"/>
    </row>
    <row r="53" spans="2:35" x14ac:dyDescent="0.2">
      <c r="B53" s="1"/>
      <c r="C53" s="1"/>
      <c r="D53" s="1"/>
      <c r="E53" s="1"/>
      <c r="F53" s="1"/>
      <c r="G53" s="1"/>
      <c r="H53" s="1"/>
      <c r="I53" s="1"/>
      <c r="J53" s="1"/>
      <c r="K53" s="1"/>
      <c r="L53" s="1"/>
      <c r="M53" s="1"/>
      <c r="N53" s="1"/>
      <c r="O53" s="1"/>
      <c r="P53" s="1"/>
      <c r="Q53" s="1"/>
      <c r="R53" s="1"/>
      <c r="S53" s="1"/>
      <c r="T53" s="1"/>
      <c r="U53" s="1"/>
      <c r="V53" s="7"/>
    </row>
    <row r="54" spans="2:35" x14ac:dyDescent="0.2">
      <c r="B54" s="1"/>
      <c r="C54" s="1"/>
      <c r="D54" s="1"/>
      <c r="E54" s="1"/>
      <c r="F54" s="1"/>
      <c r="G54" s="1"/>
      <c r="H54" s="1"/>
      <c r="I54" s="1"/>
      <c r="J54" s="1"/>
      <c r="K54" s="1"/>
      <c r="L54" s="1"/>
      <c r="M54" s="1"/>
      <c r="N54" s="1"/>
      <c r="O54" s="1"/>
      <c r="P54" s="1"/>
      <c r="Q54" s="1"/>
      <c r="R54" s="1"/>
      <c r="S54" s="1"/>
      <c r="T54" s="1"/>
      <c r="U54" s="1"/>
      <c r="V54" s="7"/>
    </row>
    <row r="55" spans="2:35" x14ac:dyDescent="0.2">
      <c r="B55" s="1"/>
      <c r="C55" s="1"/>
      <c r="D55" s="1"/>
      <c r="E55" s="1"/>
      <c r="F55" s="1"/>
      <c r="G55" s="1"/>
      <c r="H55" s="1"/>
      <c r="I55" s="1"/>
      <c r="J55" s="1"/>
      <c r="K55" s="1"/>
      <c r="L55" s="1"/>
      <c r="M55" s="1"/>
      <c r="N55" s="1"/>
      <c r="O55" s="1"/>
      <c r="P55" s="1"/>
      <c r="Q55" s="1"/>
      <c r="R55" s="1"/>
      <c r="S55" s="1"/>
      <c r="T55" s="1"/>
      <c r="U55" s="1"/>
      <c r="V55" s="7"/>
    </row>
    <row r="56" spans="2:35" ht="26.45" customHeight="1" x14ac:dyDescent="0.2">
      <c r="B56" s="227" t="s">
        <v>210</v>
      </c>
      <c r="C56" s="227"/>
      <c r="D56" s="227"/>
      <c r="E56" s="227"/>
      <c r="F56" s="227"/>
      <c r="G56" s="227"/>
      <c r="H56" s="227"/>
      <c r="I56" s="227"/>
      <c r="J56" s="227"/>
      <c r="K56" s="227"/>
      <c r="L56" s="227"/>
      <c r="M56" s="227"/>
      <c r="N56" s="227"/>
      <c r="O56" s="227"/>
      <c r="P56" s="227"/>
      <c r="Q56" s="227"/>
      <c r="R56" s="227"/>
      <c r="S56" s="227"/>
      <c r="T56" s="227"/>
      <c r="U56" s="227"/>
      <c r="V56" s="227"/>
      <c r="W56" s="227"/>
      <c r="X56" s="227"/>
      <c r="Y56" s="227"/>
      <c r="Z56" s="227"/>
      <c r="AA56" s="227"/>
      <c r="AB56" s="227"/>
      <c r="AC56" s="227"/>
      <c r="AD56" s="227"/>
      <c r="AE56" s="227"/>
      <c r="AF56" s="227"/>
      <c r="AG56" s="227"/>
      <c r="AH56" s="227"/>
      <c r="AI56" s="227"/>
    </row>
    <row r="57" spans="2:35" x14ac:dyDescent="0.2">
      <c r="B57" s="206" t="s">
        <v>211</v>
      </c>
      <c r="C57" s="1"/>
      <c r="D57" s="1"/>
      <c r="E57" s="1"/>
      <c r="F57" s="1"/>
      <c r="G57" s="1"/>
      <c r="H57" s="1"/>
      <c r="I57" s="1"/>
      <c r="J57" s="1"/>
      <c r="K57" s="1"/>
      <c r="L57" s="1"/>
      <c r="M57" s="1"/>
      <c r="N57" s="1"/>
      <c r="O57" s="1"/>
      <c r="P57" s="1"/>
      <c r="Q57" s="1"/>
      <c r="R57" s="1"/>
      <c r="S57" s="1"/>
      <c r="T57" s="1"/>
      <c r="U57" s="1"/>
      <c r="V57" s="7"/>
    </row>
    <row r="58" spans="2:35" x14ac:dyDescent="0.2">
      <c r="B58" s="1"/>
      <c r="C58" s="1"/>
      <c r="D58" s="1"/>
      <c r="E58" s="1"/>
      <c r="F58" s="1"/>
      <c r="G58" s="1"/>
      <c r="H58" s="1"/>
      <c r="I58" s="1"/>
      <c r="J58" s="1"/>
      <c r="K58" s="1"/>
      <c r="L58" s="1"/>
      <c r="M58" s="1"/>
      <c r="N58" s="1"/>
      <c r="O58" s="1"/>
      <c r="P58" s="1"/>
      <c r="Q58" s="1"/>
      <c r="R58" s="1"/>
      <c r="S58" s="1"/>
      <c r="T58" s="1"/>
      <c r="U58" s="1"/>
      <c r="V58" s="7"/>
    </row>
    <row r="59" spans="2:35" ht="20.100000000000001" customHeight="1" x14ac:dyDescent="0.2">
      <c r="B59" s="1"/>
      <c r="C59" s="1"/>
      <c r="D59" s="1"/>
      <c r="E59" s="1"/>
      <c r="F59" s="1"/>
      <c r="G59" s="1"/>
      <c r="H59" s="1"/>
      <c r="I59" s="1"/>
      <c r="J59" s="1"/>
      <c r="K59" s="1"/>
      <c r="L59" s="1"/>
      <c r="M59" s="1"/>
      <c r="N59" s="1"/>
      <c r="O59" s="1"/>
      <c r="P59" s="1"/>
      <c r="Q59" s="1"/>
      <c r="R59" s="1"/>
      <c r="S59" s="1"/>
      <c r="T59" s="1"/>
      <c r="U59" s="1"/>
      <c r="V59" s="7"/>
    </row>
    <row r="60" spans="2:35" x14ac:dyDescent="0.2">
      <c r="B60" s="1"/>
      <c r="C60" s="1"/>
      <c r="D60" s="1"/>
      <c r="E60" s="1"/>
      <c r="F60" s="1"/>
      <c r="G60" s="1"/>
      <c r="H60" s="1"/>
      <c r="I60" s="1"/>
      <c r="J60" s="1"/>
      <c r="K60" s="1"/>
      <c r="L60" s="1"/>
      <c r="M60" s="1"/>
      <c r="N60" s="1"/>
      <c r="O60" s="1"/>
      <c r="P60" s="1"/>
      <c r="Q60" s="1"/>
      <c r="R60" s="1"/>
      <c r="S60" s="1"/>
      <c r="T60" s="1"/>
      <c r="U60" s="1"/>
      <c r="V60" s="7"/>
    </row>
    <row r="61" spans="2:35" x14ac:dyDescent="0.2">
      <c r="B61" s="1"/>
      <c r="C61" s="1"/>
      <c r="D61" s="1"/>
      <c r="E61" s="1"/>
      <c r="F61" s="1"/>
      <c r="G61" s="1"/>
      <c r="H61" s="1"/>
      <c r="I61" s="1"/>
      <c r="J61" s="1"/>
      <c r="K61" s="1"/>
      <c r="L61" s="1"/>
      <c r="M61" s="1"/>
      <c r="N61" s="1"/>
      <c r="O61" s="1"/>
      <c r="P61" s="1"/>
      <c r="Q61" s="1"/>
      <c r="R61" s="1"/>
      <c r="S61" s="1"/>
      <c r="T61" s="1"/>
      <c r="U61" s="1"/>
      <c r="V61" s="7"/>
    </row>
    <row r="62" spans="2:35" x14ac:dyDescent="0.2">
      <c r="B62" s="1"/>
      <c r="C62" s="1"/>
      <c r="D62" s="1"/>
      <c r="E62" s="1"/>
      <c r="F62" s="1"/>
      <c r="G62" s="1"/>
      <c r="H62" s="1"/>
      <c r="I62" s="1"/>
      <c r="J62" s="1"/>
      <c r="K62" s="1"/>
      <c r="L62" s="1"/>
      <c r="M62" s="1"/>
      <c r="N62" s="1"/>
      <c r="O62" s="1"/>
      <c r="P62" s="1"/>
      <c r="Q62" s="1"/>
      <c r="R62" s="1"/>
      <c r="S62" s="1"/>
      <c r="T62" s="1"/>
      <c r="U62" s="1"/>
      <c r="V62" s="7"/>
    </row>
    <row r="63" spans="2:35" x14ac:dyDescent="0.2">
      <c r="B63" s="1"/>
      <c r="C63" s="1"/>
      <c r="D63" s="1"/>
      <c r="E63" s="1"/>
      <c r="F63" s="1"/>
      <c r="G63" s="1"/>
      <c r="H63" s="1"/>
      <c r="I63" s="1"/>
      <c r="J63" s="1"/>
      <c r="K63" s="1"/>
      <c r="L63" s="1"/>
      <c r="M63" s="1"/>
      <c r="N63" s="1"/>
      <c r="O63" s="1"/>
      <c r="P63" s="1"/>
      <c r="Q63" s="1"/>
      <c r="R63" s="1"/>
      <c r="S63" s="1"/>
      <c r="T63" s="1"/>
      <c r="U63" s="1"/>
      <c r="V63" s="7"/>
    </row>
    <row r="64" spans="2:35" x14ac:dyDescent="0.2">
      <c r="B64" s="1"/>
      <c r="C64" s="1"/>
      <c r="D64" s="1"/>
      <c r="E64" s="1"/>
      <c r="F64" s="1"/>
      <c r="G64" s="1"/>
      <c r="H64" s="1"/>
      <c r="I64" s="1"/>
      <c r="J64" s="1"/>
      <c r="K64" s="1"/>
      <c r="L64" s="1"/>
      <c r="M64" s="1"/>
      <c r="N64" s="1"/>
      <c r="O64" s="1"/>
      <c r="P64" s="1"/>
      <c r="Q64" s="1"/>
      <c r="R64" s="1"/>
      <c r="S64" s="1"/>
      <c r="T64" s="1"/>
      <c r="U64" s="1"/>
      <c r="V64" s="7"/>
    </row>
    <row r="65" spans="2:22" x14ac:dyDescent="0.2">
      <c r="B65" s="1"/>
      <c r="C65" s="1"/>
      <c r="D65" s="1"/>
      <c r="E65" s="1"/>
      <c r="F65" s="1"/>
      <c r="G65" s="1"/>
      <c r="H65" s="1"/>
      <c r="I65" s="1"/>
      <c r="J65" s="1"/>
      <c r="K65" s="1"/>
      <c r="L65" s="1"/>
      <c r="M65" s="1"/>
      <c r="N65" s="1"/>
      <c r="O65" s="1"/>
      <c r="P65" s="1"/>
      <c r="Q65" s="1"/>
      <c r="R65" s="1"/>
      <c r="S65" s="1"/>
      <c r="T65" s="1"/>
      <c r="U65" s="1"/>
      <c r="V65" s="7"/>
    </row>
    <row r="66" spans="2:22" x14ac:dyDescent="0.2">
      <c r="B66" s="1"/>
      <c r="C66" s="1"/>
      <c r="D66" s="1"/>
      <c r="E66" s="1"/>
      <c r="F66" s="1"/>
      <c r="G66" s="1"/>
      <c r="H66" s="1"/>
      <c r="I66" s="1"/>
      <c r="J66" s="1"/>
      <c r="K66" s="1"/>
      <c r="L66" s="1"/>
      <c r="M66" s="1"/>
      <c r="N66" s="1"/>
      <c r="O66" s="1"/>
      <c r="P66" s="1"/>
      <c r="Q66" s="1"/>
      <c r="R66" s="1"/>
      <c r="S66" s="1"/>
      <c r="T66" s="1"/>
      <c r="U66" s="1"/>
      <c r="V66" s="7"/>
    </row>
    <row r="67" spans="2:22" x14ac:dyDescent="0.2">
      <c r="B67" s="1"/>
      <c r="C67" s="1"/>
      <c r="D67" s="1"/>
      <c r="E67" s="1"/>
      <c r="F67" s="1"/>
      <c r="G67" s="1"/>
      <c r="H67" s="1"/>
      <c r="I67" s="1"/>
      <c r="J67" s="1"/>
      <c r="K67" s="1"/>
      <c r="L67" s="1"/>
      <c r="M67" s="1"/>
      <c r="N67" s="1"/>
      <c r="O67" s="1"/>
      <c r="P67" s="1"/>
      <c r="Q67" s="1"/>
      <c r="R67" s="1"/>
      <c r="S67" s="1"/>
      <c r="T67" s="1"/>
      <c r="U67" s="1"/>
      <c r="V67" s="7"/>
    </row>
    <row r="68" spans="2:22" x14ac:dyDescent="0.2">
      <c r="B68" s="1"/>
      <c r="C68" s="1"/>
      <c r="D68" s="1"/>
      <c r="E68" s="1"/>
      <c r="F68" s="1"/>
      <c r="G68" s="1"/>
      <c r="H68" s="1"/>
      <c r="I68" s="1"/>
      <c r="J68" s="1"/>
      <c r="K68" s="1"/>
      <c r="L68" s="1"/>
      <c r="M68" s="1"/>
      <c r="N68" s="1"/>
      <c r="O68" s="1"/>
      <c r="P68" s="1"/>
      <c r="Q68" s="1"/>
      <c r="R68" s="1"/>
      <c r="S68" s="1"/>
      <c r="T68" s="1"/>
      <c r="U68" s="1"/>
      <c r="V68" s="7"/>
    </row>
    <row r="69" spans="2:22" x14ac:dyDescent="0.2">
      <c r="B69" s="1"/>
      <c r="C69" s="1"/>
      <c r="D69" s="1"/>
      <c r="E69" s="1"/>
      <c r="F69" s="1"/>
      <c r="G69" s="1"/>
      <c r="H69" s="1"/>
      <c r="I69" s="1"/>
      <c r="J69" s="1"/>
      <c r="K69" s="1"/>
      <c r="L69" s="1"/>
      <c r="M69" s="1"/>
      <c r="N69" s="1"/>
      <c r="O69" s="1"/>
      <c r="P69" s="1"/>
      <c r="Q69" s="1"/>
      <c r="R69" s="1"/>
      <c r="S69" s="1"/>
      <c r="T69" s="1"/>
      <c r="U69" s="1"/>
      <c r="V69" s="7"/>
    </row>
    <row r="70" spans="2:22" x14ac:dyDescent="0.2">
      <c r="B70" s="1"/>
      <c r="C70" s="1"/>
      <c r="D70" s="1"/>
      <c r="E70" s="1"/>
      <c r="F70" s="1"/>
      <c r="G70" s="1"/>
      <c r="H70" s="1"/>
      <c r="I70" s="1"/>
      <c r="J70" s="1"/>
      <c r="K70" s="1"/>
      <c r="L70" s="1"/>
      <c r="M70" s="1"/>
      <c r="N70" s="1"/>
      <c r="O70" s="1"/>
      <c r="P70" s="1"/>
      <c r="Q70" s="1"/>
      <c r="R70" s="1"/>
      <c r="S70" s="1"/>
      <c r="T70" s="1"/>
      <c r="U70" s="1"/>
      <c r="V70" s="7"/>
    </row>
    <row r="71" spans="2:22" x14ac:dyDescent="0.2">
      <c r="B71" s="1"/>
      <c r="C71" s="1"/>
      <c r="D71" s="1"/>
      <c r="E71" s="1"/>
      <c r="F71" s="1"/>
      <c r="G71" s="1"/>
      <c r="H71" s="1"/>
      <c r="I71" s="1"/>
      <c r="J71" s="1"/>
      <c r="K71" s="1"/>
      <c r="L71" s="1"/>
      <c r="M71" s="1"/>
      <c r="N71" s="1"/>
      <c r="O71" s="1"/>
      <c r="P71" s="1"/>
      <c r="Q71" s="1"/>
      <c r="R71" s="1"/>
      <c r="S71" s="1"/>
      <c r="T71" s="1"/>
      <c r="U71" s="1"/>
      <c r="V71" s="7"/>
    </row>
    <row r="72" spans="2:22" x14ac:dyDescent="0.2">
      <c r="B72" s="1"/>
      <c r="C72" s="1"/>
      <c r="D72" s="1"/>
      <c r="E72" s="1"/>
      <c r="F72" s="1"/>
      <c r="G72" s="1"/>
      <c r="H72" s="1"/>
      <c r="I72" s="1"/>
      <c r="J72" s="1"/>
      <c r="K72" s="1"/>
      <c r="L72" s="1"/>
      <c r="M72" s="1"/>
      <c r="N72" s="1"/>
      <c r="O72" s="1"/>
      <c r="P72" s="1"/>
      <c r="Q72" s="1"/>
      <c r="R72" s="1"/>
      <c r="S72" s="1"/>
      <c r="T72" s="1"/>
      <c r="U72" s="1"/>
      <c r="V72" s="7"/>
    </row>
    <row r="73" spans="2:22" x14ac:dyDescent="0.2">
      <c r="B73" s="1"/>
      <c r="C73" s="1"/>
      <c r="D73" s="1"/>
      <c r="E73" s="1"/>
      <c r="F73" s="1"/>
      <c r="G73" s="1"/>
      <c r="H73" s="1"/>
      <c r="I73" s="1"/>
      <c r="J73" s="1"/>
      <c r="K73" s="1"/>
      <c r="L73" s="1"/>
      <c r="M73" s="1"/>
      <c r="N73" s="1"/>
      <c r="O73" s="1"/>
      <c r="P73" s="1"/>
      <c r="Q73" s="1"/>
      <c r="R73" s="1"/>
      <c r="S73" s="1"/>
      <c r="T73" s="1"/>
      <c r="U73" s="1"/>
      <c r="V73" s="7"/>
    </row>
    <row r="74" spans="2:22" x14ac:dyDescent="0.2">
      <c r="B74" s="1"/>
      <c r="C74" s="1"/>
      <c r="D74" s="1"/>
      <c r="E74" s="1"/>
      <c r="F74" s="1"/>
      <c r="G74" s="1"/>
      <c r="H74" s="1"/>
      <c r="I74" s="1"/>
      <c r="J74" s="1"/>
      <c r="K74" s="1"/>
      <c r="L74" s="1"/>
      <c r="M74" s="1"/>
      <c r="N74" s="1"/>
      <c r="O74" s="1"/>
      <c r="P74" s="1"/>
      <c r="Q74" s="1"/>
      <c r="R74" s="1"/>
      <c r="S74" s="1"/>
      <c r="T74" s="1"/>
      <c r="U74" s="1"/>
      <c r="V74" s="7"/>
    </row>
    <row r="75" spans="2:22" x14ac:dyDescent="0.2">
      <c r="B75" s="1"/>
      <c r="C75" s="1"/>
      <c r="D75" s="1"/>
      <c r="E75" s="1"/>
      <c r="F75" s="1"/>
      <c r="G75" s="1"/>
      <c r="H75" s="1"/>
      <c r="I75" s="1"/>
      <c r="J75" s="1"/>
      <c r="K75" s="1"/>
      <c r="L75" s="1"/>
      <c r="M75" s="1"/>
      <c r="N75" s="1"/>
      <c r="O75" s="1"/>
      <c r="P75" s="1"/>
      <c r="Q75" s="1"/>
      <c r="R75" s="1"/>
      <c r="S75" s="1"/>
      <c r="T75" s="1"/>
      <c r="U75" s="1"/>
      <c r="V75" s="7"/>
    </row>
    <row r="76" spans="2:22" x14ac:dyDescent="0.2">
      <c r="B76" s="1"/>
      <c r="C76" s="1"/>
      <c r="D76" s="1"/>
      <c r="E76" s="1"/>
      <c r="F76" s="1"/>
      <c r="G76" s="1"/>
      <c r="H76" s="1"/>
      <c r="I76" s="1"/>
      <c r="J76" s="1"/>
      <c r="K76" s="1"/>
      <c r="L76" s="1"/>
      <c r="M76" s="1"/>
      <c r="N76" s="1"/>
      <c r="O76" s="1"/>
      <c r="P76" s="1"/>
      <c r="Q76" s="1"/>
      <c r="R76" s="1"/>
      <c r="S76" s="1"/>
      <c r="T76" s="1"/>
      <c r="U76" s="1"/>
      <c r="V76" s="7"/>
    </row>
    <row r="77" spans="2:22" x14ac:dyDescent="0.2">
      <c r="B77" s="1"/>
      <c r="C77" s="1"/>
      <c r="D77" s="1"/>
      <c r="E77" s="1"/>
      <c r="F77" s="1"/>
      <c r="G77" s="1"/>
      <c r="H77" s="1"/>
      <c r="I77" s="1"/>
      <c r="J77" s="1"/>
      <c r="K77" s="1"/>
      <c r="L77" s="1"/>
      <c r="M77" s="1"/>
      <c r="N77" s="1"/>
      <c r="O77" s="1"/>
      <c r="P77" s="1"/>
      <c r="Q77" s="1"/>
      <c r="R77" s="1"/>
      <c r="S77" s="1"/>
      <c r="T77" s="1"/>
      <c r="U77" s="1"/>
      <c r="V77" s="7"/>
    </row>
    <row r="78" spans="2:22" x14ac:dyDescent="0.2">
      <c r="B78" s="1"/>
      <c r="C78" s="1"/>
      <c r="D78" s="1"/>
      <c r="E78" s="1"/>
      <c r="F78" s="1"/>
      <c r="G78" s="1"/>
      <c r="H78" s="1"/>
      <c r="I78" s="1"/>
      <c r="J78" s="1"/>
      <c r="K78" s="1"/>
      <c r="L78" s="1"/>
      <c r="M78" s="1"/>
      <c r="N78" s="1"/>
      <c r="O78" s="1"/>
      <c r="P78" s="1"/>
      <c r="Q78" s="1"/>
      <c r="R78" s="1"/>
      <c r="S78" s="1"/>
      <c r="T78" s="1"/>
      <c r="U78" s="1"/>
      <c r="V78" s="7"/>
    </row>
    <row r="79" spans="2:22" x14ac:dyDescent="0.2">
      <c r="B79" s="1"/>
      <c r="C79" s="1"/>
      <c r="D79" s="1"/>
      <c r="E79" s="1"/>
      <c r="F79" s="1"/>
      <c r="G79" s="1"/>
      <c r="H79" s="1"/>
      <c r="I79" s="1"/>
      <c r="J79" s="1"/>
      <c r="K79" s="1"/>
      <c r="L79" s="1"/>
      <c r="M79" s="1"/>
      <c r="N79" s="1"/>
      <c r="O79" s="1"/>
      <c r="P79" s="1"/>
      <c r="Q79" s="1"/>
      <c r="R79" s="1"/>
      <c r="S79" s="1"/>
      <c r="T79" s="1"/>
      <c r="U79" s="1"/>
      <c r="V79" s="7"/>
    </row>
    <row r="80" spans="2:22" x14ac:dyDescent="0.2">
      <c r="B80" s="1"/>
      <c r="C80" s="1"/>
      <c r="D80" s="1"/>
      <c r="E80" s="1"/>
      <c r="F80" s="1"/>
      <c r="G80" s="1"/>
      <c r="H80" s="1"/>
      <c r="I80" s="1"/>
      <c r="J80" s="1"/>
      <c r="K80" s="1"/>
      <c r="L80" s="1"/>
      <c r="M80" s="1"/>
      <c r="N80" s="1"/>
      <c r="O80" s="1"/>
      <c r="P80" s="1"/>
      <c r="Q80" s="1"/>
      <c r="R80" s="1"/>
      <c r="S80" s="1"/>
      <c r="T80" s="1"/>
      <c r="U80" s="1"/>
      <c r="V80" s="7"/>
    </row>
    <row r="81" spans="2:22" x14ac:dyDescent="0.2">
      <c r="B81" s="1"/>
      <c r="C81" s="1"/>
      <c r="D81" s="1"/>
      <c r="E81" s="1"/>
      <c r="F81" s="1"/>
      <c r="G81" s="1"/>
      <c r="H81" s="1"/>
      <c r="I81" s="1"/>
      <c r="J81" s="1"/>
      <c r="K81" s="1"/>
      <c r="L81" s="1"/>
      <c r="M81" s="1"/>
      <c r="N81" s="1"/>
      <c r="O81" s="1"/>
      <c r="P81" s="1"/>
      <c r="Q81" s="1"/>
      <c r="R81" s="1"/>
      <c r="S81" s="1"/>
      <c r="T81" s="1"/>
      <c r="U81" s="1"/>
      <c r="V81" s="7"/>
    </row>
    <row r="82" spans="2:22" x14ac:dyDescent="0.2">
      <c r="B82" s="1"/>
      <c r="C82" s="1"/>
      <c r="D82" s="1"/>
      <c r="E82" s="1"/>
      <c r="F82" s="1"/>
      <c r="G82" s="1"/>
      <c r="H82" s="1"/>
      <c r="I82" s="1"/>
      <c r="J82" s="1"/>
      <c r="K82" s="1"/>
      <c r="L82" s="1"/>
      <c r="M82" s="1"/>
      <c r="N82" s="1"/>
      <c r="O82" s="1"/>
      <c r="P82" s="1"/>
      <c r="Q82" s="1"/>
      <c r="R82" s="1"/>
      <c r="S82" s="1"/>
      <c r="T82" s="1"/>
      <c r="U82" s="1"/>
      <c r="V82" s="7"/>
    </row>
    <row r="83" spans="2:22" x14ac:dyDescent="0.2">
      <c r="B83" s="1"/>
      <c r="C83" s="1"/>
      <c r="D83" s="1"/>
      <c r="E83" s="1"/>
      <c r="F83" s="1"/>
      <c r="G83" s="1"/>
      <c r="H83" s="1"/>
      <c r="I83" s="1"/>
      <c r="J83" s="1"/>
      <c r="K83" s="1"/>
      <c r="L83" s="1"/>
      <c r="M83" s="1"/>
      <c r="N83" s="1"/>
      <c r="O83" s="1"/>
      <c r="P83" s="1"/>
      <c r="Q83" s="1"/>
      <c r="R83" s="1"/>
      <c r="S83" s="1"/>
      <c r="T83" s="1"/>
      <c r="U83" s="1"/>
      <c r="V83" s="7"/>
    </row>
    <row r="84" spans="2:22" x14ac:dyDescent="0.2">
      <c r="B84" s="1"/>
      <c r="C84" s="1"/>
      <c r="D84" s="1"/>
      <c r="E84" s="1"/>
      <c r="F84" s="1"/>
      <c r="G84" s="1"/>
      <c r="H84" s="1"/>
      <c r="I84" s="1"/>
      <c r="J84" s="1"/>
      <c r="K84" s="1"/>
      <c r="L84" s="1"/>
      <c r="M84" s="1"/>
      <c r="N84" s="1"/>
      <c r="O84" s="1"/>
      <c r="P84" s="1"/>
      <c r="Q84" s="1"/>
      <c r="R84" s="1"/>
      <c r="S84" s="1"/>
      <c r="T84" s="1"/>
      <c r="U84" s="1"/>
      <c r="V84" s="7"/>
    </row>
    <row r="85" spans="2:22" x14ac:dyDescent="0.2">
      <c r="B85" s="1"/>
      <c r="C85" s="1"/>
      <c r="D85" s="1"/>
      <c r="E85" s="1"/>
      <c r="F85" s="1"/>
      <c r="G85" s="1"/>
      <c r="H85" s="1"/>
      <c r="I85" s="1"/>
      <c r="J85" s="1"/>
      <c r="K85" s="1"/>
      <c r="L85" s="1"/>
      <c r="M85" s="1"/>
      <c r="N85" s="1"/>
      <c r="O85" s="1"/>
      <c r="P85" s="1"/>
      <c r="Q85" s="1"/>
      <c r="R85" s="1"/>
      <c r="S85" s="1"/>
      <c r="T85" s="1"/>
      <c r="U85" s="1"/>
      <c r="V85" s="7"/>
    </row>
    <row r="86" spans="2:22" x14ac:dyDescent="0.2">
      <c r="B86" s="1"/>
      <c r="C86" s="1"/>
      <c r="D86" s="1"/>
      <c r="E86" s="1"/>
      <c r="F86" s="1"/>
      <c r="G86" s="1"/>
      <c r="H86" s="1"/>
      <c r="I86" s="1"/>
      <c r="J86" s="1"/>
      <c r="K86" s="1"/>
      <c r="L86" s="1"/>
      <c r="M86" s="1"/>
      <c r="N86" s="1"/>
      <c r="O86" s="1"/>
      <c r="P86" s="1"/>
      <c r="Q86" s="1"/>
      <c r="R86" s="1"/>
      <c r="S86" s="1"/>
      <c r="T86" s="1"/>
      <c r="U86" s="1"/>
      <c r="V86" s="7"/>
    </row>
    <row r="87" spans="2:22" x14ac:dyDescent="0.2">
      <c r="B87" s="1"/>
      <c r="C87" s="1"/>
      <c r="D87" s="1"/>
      <c r="E87" s="1"/>
      <c r="F87" s="1"/>
      <c r="G87" s="1"/>
      <c r="H87" s="1"/>
      <c r="I87" s="1"/>
      <c r="J87" s="1"/>
      <c r="K87" s="1"/>
      <c r="L87" s="1"/>
      <c r="M87" s="1"/>
      <c r="N87" s="1"/>
      <c r="O87" s="1"/>
      <c r="P87" s="1"/>
      <c r="Q87" s="1"/>
      <c r="R87" s="1"/>
      <c r="S87" s="1"/>
      <c r="T87" s="1"/>
      <c r="U87" s="1"/>
      <c r="V87" s="7"/>
    </row>
    <row r="88" spans="2:22" x14ac:dyDescent="0.2">
      <c r="B88" s="1"/>
      <c r="C88" s="1"/>
      <c r="D88" s="1"/>
      <c r="E88" s="1"/>
      <c r="F88" s="1"/>
      <c r="G88" s="1"/>
      <c r="H88" s="1"/>
      <c r="I88" s="1"/>
      <c r="J88" s="1"/>
      <c r="K88" s="1"/>
      <c r="L88" s="1"/>
      <c r="M88" s="1"/>
      <c r="N88" s="1"/>
      <c r="O88" s="1"/>
      <c r="P88" s="1"/>
      <c r="Q88" s="1"/>
      <c r="R88" s="1"/>
      <c r="S88" s="1"/>
      <c r="T88" s="1"/>
      <c r="U88" s="1"/>
      <c r="V88" s="7"/>
    </row>
    <row r="89" spans="2:22" x14ac:dyDescent="0.2">
      <c r="B89" s="1"/>
      <c r="C89" s="1"/>
      <c r="D89" s="1"/>
      <c r="E89" s="1"/>
      <c r="F89" s="1"/>
      <c r="G89" s="1"/>
      <c r="H89" s="1"/>
      <c r="I89" s="1"/>
      <c r="J89" s="1"/>
      <c r="K89" s="1"/>
      <c r="L89" s="1"/>
      <c r="M89" s="1"/>
      <c r="N89" s="1"/>
      <c r="O89" s="1"/>
      <c r="P89" s="1"/>
      <c r="Q89" s="1"/>
      <c r="R89" s="1"/>
      <c r="S89" s="1"/>
      <c r="T89" s="1"/>
      <c r="U89" s="1"/>
      <c r="V89" s="7"/>
    </row>
    <row r="90" spans="2:22" x14ac:dyDescent="0.2">
      <c r="B90" s="1"/>
      <c r="C90" s="1"/>
      <c r="D90" s="1"/>
      <c r="E90" s="1"/>
      <c r="F90" s="1"/>
      <c r="G90" s="1"/>
      <c r="H90" s="1"/>
      <c r="I90" s="1"/>
      <c r="J90" s="1"/>
      <c r="K90" s="1"/>
      <c r="L90" s="1"/>
      <c r="M90" s="1"/>
      <c r="N90" s="1"/>
      <c r="O90" s="1"/>
      <c r="P90" s="1"/>
      <c r="Q90" s="1"/>
      <c r="R90" s="1"/>
      <c r="S90" s="1"/>
      <c r="T90" s="1"/>
      <c r="U90" s="1"/>
      <c r="V90" s="7"/>
    </row>
    <row r="91" spans="2:22" x14ac:dyDescent="0.2">
      <c r="B91" s="1"/>
      <c r="C91" s="1"/>
      <c r="D91" s="1"/>
      <c r="E91" s="1"/>
      <c r="F91" s="1"/>
      <c r="G91" s="1"/>
      <c r="H91" s="1"/>
      <c r="I91" s="1"/>
      <c r="J91" s="1"/>
      <c r="K91" s="1"/>
      <c r="L91" s="1"/>
      <c r="M91" s="1"/>
      <c r="N91" s="1"/>
      <c r="O91" s="1"/>
      <c r="P91" s="1"/>
      <c r="Q91" s="1"/>
      <c r="R91" s="1"/>
      <c r="S91" s="1"/>
      <c r="T91" s="1"/>
      <c r="U91" s="1"/>
      <c r="V91" s="7"/>
    </row>
    <row r="92" spans="2:22" x14ac:dyDescent="0.2">
      <c r="B92" s="1"/>
      <c r="C92" s="1"/>
      <c r="D92" s="1"/>
      <c r="E92" s="1"/>
      <c r="F92" s="1"/>
      <c r="G92" s="1"/>
      <c r="H92" s="1"/>
      <c r="I92" s="1"/>
      <c r="J92" s="1"/>
      <c r="K92" s="1"/>
      <c r="L92" s="1"/>
      <c r="M92" s="1"/>
      <c r="N92" s="1"/>
      <c r="O92" s="1"/>
      <c r="P92" s="1"/>
      <c r="Q92" s="1"/>
      <c r="R92" s="1"/>
      <c r="S92" s="1"/>
      <c r="T92" s="1"/>
      <c r="U92" s="1"/>
      <c r="V92" s="7"/>
    </row>
    <row r="93" spans="2:22" x14ac:dyDescent="0.2">
      <c r="B93" s="1"/>
      <c r="C93" s="1"/>
      <c r="D93" s="1"/>
      <c r="E93" s="1"/>
      <c r="F93" s="1"/>
      <c r="G93" s="1"/>
      <c r="H93" s="1"/>
      <c r="I93" s="1"/>
      <c r="J93" s="1"/>
      <c r="K93" s="1"/>
      <c r="L93" s="1"/>
      <c r="M93" s="1"/>
      <c r="N93" s="1"/>
      <c r="O93" s="1"/>
      <c r="P93" s="1"/>
      <c r="Q93" s="1"/>
      <c r="R93" s="1"/>
      <c r="S93" s="1"/>
      <c r="T93" s="1"/>
      <c r="U93" s="1"/>
      <c r="V93" s="7"/>
    </row>
    <row r="94" spans="2:22" x14ac:dyDescent="0.2">
      <c r="B94" s="1"/>
      <c r="C94" s="1"/>
      <c r="D94" s="1"/>
      <c r="E94" s="1"/>
      <c r="F94" s="1"/>
      <c r="G94" s="1"/>
      <c r="H94" s="1"/>
      <c r="I94" s="1"/>
      <c r="J94" s="1"/>
      <c r="K94" s="1"/>
      <c r="L94" s="1"/>
      <c r="M94" s="1"/>
      <c r="N94" s="1"/>
      <c r="O94" s="1"/>
      <c r="P94" s="1"/>
      <c r="Q94" s="1"/>
      <c r="R94" s="1"/>
      <c r="S94" s="1"/>
      <c r="T94" s="1"/>
      <c r="U94" s="1"/>
      <c r="V94" s="7"/>
    </row>
    <row r="95" spans="2:22" x14ac:dyDescent="0.2">
      <c r="B95" s="1"/>
      <c r="C95" s="1"/>
      <c r="D95" s="1"/>
      <c r="E95" s="1"/>
      <c r="F95" s="1"/>
      <c r="G95" s="1"/>
      <c r="H95" s="1"/>
      <c r="I95" s="1"/>
      <c r="J95" s="1"/>
      <c r="K95" s="1"/>
      <c r="L95" s="1"/>
      <c r="M95" s="1"/>
      <c r="N95" s="1"/>
      <c r="O95" s="1"/>
      <c r="P95" s="1"/>
      <c r="Q95" s="1"/>
      <c r="R95" s="1"/>
      <c r="S95" s="1"/>
      <c r="T95" s="1"/>
      <c r="U95" s="1"/>
      <c r="V95" s="7"/>
    </row>
    <row r="96" spans="2:22" x14ac:dyDescent="0.2">
      <c r="B96" s="1"/>
      <c r="C96" s="1"/>
      <c r="D96" s="1"/>
      <c r="E96" s="1"/>
      <c r="F96" s="1"/>
      <c r="G96" s="1"/>
      <c r="H96" s="1"/>
      <c r="I96" s="1"/>
      <c r="J96" s="1"/>
      <c r="K96" s="1"/>
      <c r="L96" s="1"/>
      <c r="M96" s="1"/>
      <c r="N96" s="1"/>
      <c r="O96" s="1"/>
      <c r="P96" s="1"/>
      <c r="Q96" s="1"/>
      <c r="R96" s="1"/>
      <c r="S96" s="1"/>
      <c r="T96" s="1"/>
      <c r="U96" s="1"/>
      <c r="V96" s="7"/>
    </row>
    <row r="97" spans="2:22" x14ac:dyDescent="0.2">
      <c r="B97" s="1"/>
      <c r="C97" s="1"/>
      <c r="D97" s="1"/>
      <c r="E97" s="1"/>
      <c r="F97" s="1"/>
      <c r="G97" s="1"/>
      <c r="H97" s="1"/>
      <c r="I97" s="1"/>
      <c r="J97" s="1"/>
      <c r="K97" s="1"/>
      <c r="L97" s="1"/>
      <c r="M97" s="1"/>
      <c r="N97" s="1"/>
      <c r="O97" s="1"/>
      <c r="P97" s="1"/>
      <c r="Q97" s="1"/>
      <c r="R97" s="1"/>
      <c r="S97" s="1"/>
      <c r="T97" s="1"/>
      <c r="U97" s="1"/>
      <c r="V97" s="7"/>
    </row>
    <row r="98" spans="2:22" x14ac:dyDescent="0.2">
      <c r="B98" s="1"/>
      <c r="C98" s="1"/>
      <c r="D98" s="1"/>
      <c r="E98" s="1"/>
      <c r="F98" s="1"/>
      <c r="G98" s="1"/>
      <c r="H98" s="1"/>
      <c r="I98" s="1"/>
      <c r="J98" s="1"/>
      <c r="K98" s="1"/>
      <c r="L98" s="1"/>
      <c r="M98" s="1"/>
      <c r="N98" s="1"/>
      <c r="O98" s="1"/>
      <c r="P98" s="1"/>
      <c r="Q98" s="1"/>
      <c r="R98" s="1"/>
      <c r="S98" s="1"/>
      <c r="T98" s="1"/>
      <c r="U98" s="1"/>
      <c r="V98" s="7"/>
    </row>
    <row r="99" spans="2:22" x14ac:dyDescent="0.2">
      <c r="B99" s="1"/>
      <c r="C99" s="1"/>
      <c r="D99" s="1"/>
      <c r="E99" s="1"/>
      <c r="F99" s="1"/>
      <c r="G99" s="1"/>
      <c r="H99" s="1"/>
      <c r="I99" s="1"/>
      <c r="J99" s="1"/>
      <c r="K99" s="1"/>
      <c r="L99" s="1"/>
      <c r="M99" s="1"/>
      <c r="N99" s="1"/>
      <c r="O99" s="1"/>
      <c r="P99" s="1"/>
      <c r="Q99" s="1"/>
      <c r="R99" s="1"/>
      <c r="S99" s="1"/>
      <c r="T99" s="1"/>
      <c r="U99" s="1"/>
      <c r="V99" s="7"/>
    </row>
    <row r="100" spans="2:22" x14ac:dyDescent="0.2">
      <c r="B100" s="1"/>
      <c r="C100" s="1"/>
      <c r="D100" s="1"/>
      <c r="E100" s="1"/>
      <c r="F100" s="1"/>
      <c r="G100" s="1"/>
      <c r="H100" s="1"/>
      <c r="I100" s="1"/>
      <c r="J100" s="1"/>
      <c r="K100" s="1"/>
      <c r="L100" s="1"/>
      <c r="M100" s="1"/>
      <c r="N100" s="1"/>
      <c r="O100" s="1"/>
      <c r="P100" s="1"/>
      <c r="Q100" s="1"/>
      <c r="R100" s="1"/>
      <c r="S100" s="1"/>
      <c r="T100" s="1"/>
      <c r="U100" s="1"/>
      <c r="V100" s="7"/>
    </row>
    <row r="101" spans="2:22" x14ac:dyDescent="0.2">
      <c r="B101" s="1"/>
      <c r="C101" s="1"/>
      <c r="D101" s="1"/>
      <c r="E101" s="1"/>
      <c r="F101" s="1"/>
      <c r="G101" s="1"/>
      <c r="H101" s="1"/>
      <c r="I101" s="1"/>
      <c r="J101" s="1"/>
      <c r="K101" s="1"/>
      <c r="L101" s="1"/>
      <c r="M101" s="1"/>
      <c r="N101" s="1"/>
      <c r="O101" s="1"/>
      <c r="P101" s="1"/>
      <c r="Q101" s="1"/>
      <c r="R101" s="1"/>
      <c r="S101" s="1"/>
      <c r="T101" s="1"/>
      <c r="U101" s="1"/>
      <c r="V101" s="7"/>
    </row>
    <row r="102" spans="2:22" x14ac:dyDescent="0.2">
      <c r="B102" s="1"/>
      <c r="C102" s="1"/>
      <c r="D102" s="1"/>
      <c r="E102" s="1"/>
      <c r="F102" s="1"/>
      <c r="G102" s="1"/>
      <c r="H102" s="1"/>
      <c r="I102" s="1"/>
      <c r="J102" s="1"/>
      <c r="K102" s="1"/>
      <c r="L102" s="1"/>
      <c r="M102" s="1"/>
      <c r="N102" s="1"/>
      <c r="O102" s="1"/>
      <c r="P102" s="1"/>
      <c r="Q102" s="1"/>
      <c r="R102" s="1"/>
      <c r="S102" s="1"/>
      <c r="T102" s="1"/>
      <c r="U102" s="1"/>
      <c r="V102" s="7"/>
    </row>
    <row r="103" spans="2:22" x14ac:dyDescent="0.2">
      <c r="B103" s="1"/>
      <c r="C103" s="1"/>
      <c r="D103" s="1"/>
      <c r="E103" s="1"/>
      <c r="F103" s="1"/>
      <c r="G103" s="1"/>
      <c r="H103" s="1"/>
      <c r="I103" s="1"/>
      <c r="J103" s="1"/>
      <c r="K103" s="1"/>
      <c r="L103" s="1"/>
      <c r="M103" s="1"/>
      <c r="N103" s="1"/>
      <c r="O103" s="1"/>
      <c r="P103" s="1"/>
      <c r="Q103" s="1"/>
      <c r="R103" s="1"/>
      <c r="S103" s="1"/>
      <c r="T103" s="1"/>
      <c r="U103" s="1"/>
      <c r="V103" s="7"/>
    </row>
    <row r="104" spans="2:22" x14ac:dyDescent="0.2">
      <c r="B104" s="1"/>
      <c r="C104" s="1"/>
      <c r="D104" s="1"/>
      <c r="E104" s="1"/>
      <c r="F104" s="1"/>
      <c r="G104" s="1"/>
      <c r="H104" s="1"/>
      <c r="I104" s="1"/>
      <c r="J104" s="1"/>
      <c r="K104" s="1"/>
      <c r="L104" s="1"/>
      <c r="M104" s="1"/>
      <c r="N104" s="1"/>
      <c r="O104" s="1"/>
      <c r="P104" s="1"/>
      <c r="Q104" s="1"/>
      <c r="R104" s="1"/>
      <c r="S104" s="1"/>
      <c r="T104" s="1"/>
      <c r="U104" s="1"/>
      <c r="V104" s="7"/>
    </row>
    <row r="105" spans="2:22" x14ac:dyDescent="0.2">
      <c r="B105" s="1"/>
      <c r="C105" s="1"/>
      <c r="D105" s="1"/>
      <c r="E105" s="1"/>
      <c r="F105" s="1"/>
      <c r="G105" s="1"/>
      <c r="H105" s="1"/>
      <c r="I105" s="1"/>
      <c r="J105" s="1"/>
      <c r="K105" s="1"/>
      <c r="L105" s="1"/>
      <c r="M105" s="1"/>
      <c r="N105" s="1"/>
      <c r="O105" s="1"/>
      <c r="P105" s="1"/>
      <c r="Q105" s="1"/>
      <c r="R105" s="1"/>
      <c r="S105" s="1"/>
      <c r="T105" s="1"/>
      <c r="U105" s="1"/>
      <c r="V105" s="7"/>
    </row>
    <row r="106" spans="2:22" x14ac:dyDescent="0.2">
      <c r="B106" s="1"/>
      <c r="C106" s="1"/>
      <c r="D106" s="1"/>
      <c r="E106" s="1"/>
      <c r="F106" s="1"/>
      <c r="G106" s="1"/>
      <c r="H106" s="1"/>
      <c r="I106" s="1"/>
      <c r="J106" s="1"/>
      <c r="K106" s="1"/>
      <c r="L106" s="1"/>
      <c r="M106" s="1"/>
      <c r="N106" s="1"/>
      <c r="O106" s="1"/>
      <c r="P106" s="1"/>
      <c r="Q106" s="1"/>
      <c r="R106" s="1"/>
      <c r="S106" s="1"/>
      <c r="T106" s="1"/>
      <c r="U106" s="1"/>
      <c r="V106" s="7"/>
    </row>
    <row r="107" spans="2:22" x14ac:dyDescent="0.2">
      <c r="B107" s="1"/>
      <c r="C107" s="1"/>
      <c r="D107" s="1"/>
      <c r="E107" s="1"/>
      <c r="F107" s="1"/>
      <c r="G107" s="1"/>
      <c r="H107" s="1"/>
      <c r="I107" s="1"/>
      <c r="J107" s="1"/>
      <c r="K107" s="1"/>
      <c r="L107" s="1"/>
      <c r="M107" s="1"/>
      <c r="N107" s="1"/>
      <c r="O107" s="1"/>
      <c r="P107" s="1"/>
      <c r="Q107" s="1"/>
      <c r="R107" s="1"/>
      <c r="S107" s="1"/>
      <c r="T107" s="1"/>
      <c r="U107" s="1"/>
      <c r="V107" s="7"/>
    </row>
    <row r="108" spans="2:22" x14ac:dyDescent="0.2">
      <c r="B108" s="1"/>
      <c r="C108" s="1"/>
      <c r="D108" s="1"/>
      <c r="E108" s="1"/>
      <c r="F108" s="1"/>
      <c r="G108" s="1"/>
      <c r="H108" s="1"/>
      <c r="I108" s="1"/>
      <c r="J108" s="1"/>
      <c r="K108" s="1"/>
      <c r="L108" s="1"/>
      <c r="M108" s="1"/>
      <c r="N108" s="1"/>
      <c r="O108" s="1"/>
      <c r="P108" s="1"/>
      <c r="Q108" s="1"/>
      <c r="R108" s="1"/>
      <c r="S108" s="1"/>
      <c r="T108" s="1"/>
      <c r="U108" s="1"/>
      <c r="V108" s="7"/>
    </row>
    <row r="109" spans="2:22" x14ac:dyDescent="0.2">
      <c r="B109" s="1"/>
      <c r="C109" s="1"/>
      <c r="D109" s="1"/>
      <c r="E109" s="1"/>
      <c r="F109" s="1"/>
      <c r="G109" s="1"/>
      <c r="H109" s="1"/>
      <c r="I109" s="1"/>
      <c r="J109" s="1"/>
      <c r="K109" s="1"/>
      <c r="L109" s="1"/>
      <c r="M109" s="1"/>
      <c r="N109" s="1"/>
      <c r="O109" s="1"/>
      <c r="P109" s="1"/>
      <c r="Q109" s="1"/>
      <c r="R109" s="1"/>
      <c r="S109" s="1"/>
      <c r="T109" s="1"/>
      <c r="U109" s="1"/>
      <c r="V109" s="7"/>
    </row>
    <row r="110" spans="2:22" x14ac:dyDescent="0.2">
      <c r="B110" s="1"/>
      <c r="C110" s="1"/>
      <c r="D110" s="1"/>
      <c r="E110" s="1"/>
      <c r="F110" s="1"/>
      <c r="G110" s="1"/>
      <c r="H110" s="1"/>
      <c r="I110" s="1"/>
      <c r="J110" s="1"/>
      <c r="K110" s="1"/>
      <c r="L110" s="1"/>
      <c r="M110" s="1"/>
      <c r="N110" s="1"/>
      <c r="O110" s="1"/>
      <c r="P110" s="1"/>
      <c r="Q110" s="1"/>
      <c r="R110" s="1"/>
      <c r="S110" s="1"/>
      <c r="T110" s="1"/>
      <c r="U110" s="1"/>
      <c r="V110" s="7"/>
    </row>
    <row r="111" spans="2:22" x14ac:dyDescent="0.2">
      <c r="B111" s="1"/>
      <c r="C111" s="1"/>
      <c r="D111" s="1"/>
      <c r="E111" s="1"/>
      <c r="F111" s="1"/>
      <c r="G111" s="1"/>
      <c r="H111" s="1"/>
      <c r="I111" s="1"/>
      <c r="J111" s="1"/>
      <c r="K111" s="1"/>
      <c r="L111" s="1"/>
      <c r="M111" s="1"/>
      <c r="N111" s="1"/>
      <c r="O111" s="1"/>
      <c r="P111" s="1"/>
      <c r="Q111" s="1"/>
      <c r="R111" s="1"/>
      <c r="S111" s="1"/>
      <c r="T111" s="1"/>
      <c r="U111" s="1"/>
      <c r="V111" s="7"/>
    </row>
    <row r="112" spans="2:22" x14ac:dyDescent="0.2">
      <c r="B112" s="1"/>
      <c r="C112" s="1"/>
      <c r="D112" s="1"/>
      <c r="E112" s="1"/>
      <c r="F112" s="1"/>
      <c r="G112" s="1"/>
      <c r="H112" s="1"/>
      <c r="I112" s="1"/>
      <c r="J112" s="1"/>
      <c r="K112" s="1"/>
      <c r="L112" s="1"/>
      <c r="M112" s="1"/>
      <c r="N112" s="1"/>
      <c r="O112" s="1"/>
      <c r="P112" s="1"/>
      <c r="Q112" s="1"/>
      <c r="R112" s="1"/>
      <c r="S112" s="1"/>
      <c r="T112" s="1"/>
      <c r="U112" s="1"/>
      <c r="V112" s="7"/>
    </row>
    <row r="113" spans="2:22" x14ac:dyDescent="0.2">
      <c r="B113" s="1"/>
      <c r="C113" s="1"/>
      <c r="D113" s="1"/>
      <c r="E113" s="1"/>
      <c r="F113" s="1"/>
      <c r="G113" s="1"/>
      <c r="H113" s="1"/>
      <c r="I113" s="1"/>
      <c r="J113" s="1"/>
      <c r="K113" s="1"/>
      <c r="L113" s="1"/>
      <c r="M113" s="1"/>
      <c r="N113" s="1"/>
      <c r="O113" s="1"/>
      <c r="P113" s="1"/>
      <c r="Q113" s="1"/>
      <c r="R113" s="1"/>
      <c r="S113" s="1"/>
      <c r="T113" s="1"/>
      <c r="U113" s="1"/>
      <c r="V113" s="7"/>
    </row>
    <row r="114" spans="2:22" x14ac:dyDescent="0.2">
      <c r="B114" s="1"/>
      <c r="C114" s="1"/>
      <c r="D114" s="1"/>
      <c r="E114" s="1"/>
      <c r="F114" s="1"/>
      <c r="G114" s="1"/>
      <c r="H114" s="1"/>
      <c r="I114" s="1"/>
      <c r="J114" s="1"/>
      <c r="K114" s="1"/>
      <c r="L114" s="1"/>
      <c r="M114" s="1"/>
      <c r="N114" s="1"/>
      <c r="O114" s="1"/>
      <c r="P114" s="1"/>
      <c r="Q114" s="1"/>
      <c r="R114" s="1"/>
      <c r="S114" s="1"/>
      <c r="T114" s="1"/>
      <c r="U114" s="1"/>
      <c r="V114" s="7"/>
    </row>
    <row r="115" spans="2:22" x14ac:dyDescent="0.2">
      <c r="B115" s="1"/>
      <c r="C115" s="1"/>
      <c r="D115" s="1"/>
      <c r="E115" s="1"/>
      <c r="F115" s="1"/>
      <c r="G115" s="1"/>
      <c r="H115" s="1"/>
      <c r="I115" s="1"/>
      <c r="J115" s="1"/>
      <c r="K115" s="1"/>
      <c r="L115" s="1"/>
      <c r="M115" s="1"/>
      <c r="N115" s="1"/>
      <c r="O115" s="1"/>
      <c r="P115" s="1"/>
      <c r="Q115" s="1"/>
      <c r="R115" s="1"/>
      <c r="S115" s="1"/>
      <c r="T115" s="1"/>
      <c r="U115" s="1"/>
      <c r="V115" s="7"/>
    </row>
    <row r="116" spans="2:22" x14ac:dyDescent="0.2">
      <c r="B116" s="1"/>
      <c r="C116" s="1"/>
      <c r="D116" s="1"/>
      <c r="E116" s="1"/>
      <c r="F116" s="1"/>
      <c r="G116" s="1"/>
      <c r="H116" s="1"/>
      <c r="I116" s="1"/>
      <c r="J116" s="1"/>
      <c r="K116" s="1"/>
      <c r="L116" s="1"/>
      <c r="M116" s="1"/>
      <c r="N116" s="1"/>
      <c r="O116" s="1"/>
      <c r="P116" s="1"/>
      <c r="Q116" s="1"/>
      <c r="R116" s="1"/>
      <c r="S116" s="1"/>
      <c r="T116" s="1"/>
      <c r="U116" s="1"/>
      <c r="V116" s="7"/>
    </row>
    <row r="117" spans="2:22" x14ac:dyDescent="0.2">
      <c r="B117" s="1"/>
      <c r="C117" s="1"/>
      <c r="D117" s="1"/>
      <c r="E117" s="1"/>
      <c r="F117" s="1"/>
      <c r="G117" s="1"/>
      <c r="H117" s="1"/>
      <c r="I117" s="1"/>
      <c r="J117" s="1"/>
      <c r="K117" s="1"/>
      <c r="L117" s="1"/>
      <c r="M117" s="1"/>
      <c r="N117" s="1"/>
      <c r="O117" s="1"/>
      <c r="P117" s="1"/>
      <c r="Q117" s="1"/>
      <c r="R117" s="1"/>
      <c r="S117" s="1"/>
      <c r="T117" s="1"/>
      <c r="U117" s="1"/>
      <c r="V117" s="7"/>
    </row>
    <row r="118" spans="2:22" x14ac:dyDescent="0.2">
      <c r="B118" s="1"/>
      <c r="C118" s="1"/>
      <c r="D118" s="1"/>
      <c r="E118" s="1"/>
      <c r="F118" s="1"/>
      <c r="G118" s="1"/>
      <c r="H118" s="1"/>
      <c r="I118" s="1"/>
      <c r="J118" s="1"/>
      <c r="K118" s="1"/>
      <c r="L118" s="1"/>
      <c r="M118" s="1"/>
      <c r="N118" s="1"/>
      <c r="O118" s="1"/>
      <c r="P118" s="1"/>
      <c r="Q118" s="1"/>
      <c r="R118" s="1"/>
      <c r="S118" s="1"/>
      <c r="T118" s="1"/>
      <c r="U118" s="1"/>
      <c r="V118" s="7"/>
    </row>
    <row r="119" spans="2:22" x14ac:dyDescent="0.2">
      <c r="B119" s="1"/>
      <c r="C119" s="1"/>
      <c r="D119" s="1"/>
      <c r="E119" s="1"/>
      <c r="F119" s="1"/>
      <c r="G119" s="1"/>
      <c r="H119" s="1"/>
      <c r="I119" s="1"/>
      <c r="J119" s="1"/>
      <c r="K119" s="1"/>
      <c r="L119" s="1"/>
      <c r="M119" s="1"/>
      <c r="N119" s="1"/>
      <c r="O119" s="1"/>
      <c r="P119" s="1"/>
      <c r="Q119" s="1"/>
      <c r="R119" s="1"/>
      <c r="S119" s="1"/>
      <c r="T119" s="1"/>
      <c r="U119" s="1"/>
      <c r="V119" s="7"/>
    </row>
    <row r="120" spans="2:22" x14ac:dyDescent="0.2">
      <c r="B120" s="1"/>
      <c r="C120" s="1"/>
      <c r="D120" s="1"/>
      <c r="E120" s="1"/>
      <c r="F120" s="1"/>
      <c r="G120" s="1"/>
      <c r="H120" s="1"/>
      <c r="I120" s="1"/>
      <c r="J120" s="1"/>
      <c r="K120" s="1"/>
      <c r="L120" s="1"/>
      <c r="M120" s="1"/>
      <c r="N120" s="1"/>
      <c r="O120" s="1"/>
      <c r="P120" s="1"/>
      <c r="Q120" s="1"/>
      <c r="R120" s="1"/>
      <c r="S120" s="1"/>
      <c r="T120" s="1"/>
      <c r="U120" s="1"/>
      <c r="V120" s="7"/>
    </row>
    <row r="121" spans="2:22" x14ac:dyDescent="0.2">
      <c r="B121" s="1"/>
      <c r="C121" s="1"/>
      <c r="D121" s="1"/>
      <c r="E121" s="1"/>
      <c r="F121" s="1"/>
      <c r="G121" s="1"/>
      <c r="H121" s="1"/>
      <c r="I121" s="1"/>
      <c r="J121" s="1"/>
      <c r="K121" s="1"/>
      <c r="L121" s="1"/>
      <c r="M121" s="1"/>
      <c r="N121" s="1"/>
      <c r="O121" s="1"/>
      <c r="P121" s="1"/>
      <c r="Q121" s="1"/>
      <c r="R121" s="1"/>
      <c r="S121" s="1"/>
      <c r="T121" s="1"/>
      <c r="U121" s="1"/>
      <c r="V121" s="7"/>
    </row>
    <row r="122" spans="2:22" x14ac:dyDescent="0.2">
      <c r="B122" s="1"/>
      <c r="C122" s="1"/>
      <c r="D122" s="1"/>
      <c r="E122" s="1"/>
      <c r="F122" s="1"/>
      <c r="G122" s="1"/>
      <c r="H122" s="1"/>
      <c r="I122" s="1"/>
      <c r="J122" s="1"/>
      <c r="K122" s="1"/>
      <c r="L122" s="1"/>
      <c r="M122" s="1"/>
      <c r="N122" s="1"/>
      <c r="O122" s="1"/>
      <c r="P122" s="1"/>
      <c r="Q122" s="1"/>
      <c r="R122" s="1"/>
      <c r="S122" s="1"/>
      <c r="T122" s="1"/>
      <c r="U122" s="1"/>
      <c r="V122" s="7"/>
    </row>
    <row r="123" spans="2:22" x14ac:dyDescent="0.2">
      <c r="B123" s="1"/>
      <c r="C123" s="1"/>
      <c r="D123" s="1"/>
      <c r="E123" s="1"/>
      <c r="F123" s="1"/>
      <c r="G123" s="1"/>
      <c r="H123" s="1"/>
      <c r="I123" s="1"/>
      <c r="J123" s="1"/>
      <c r="K123" s="1"/>
      <c r="L123" s="1"/>
      <c r="M123" s="1"/>
      <c r="N123" s="1"/>
      <c r="O123" s="1"/>
      <c r="P123" s="1"/>
      <c r="Q123" s="1"/>
      <c r="R123" s="1"/>
      <c r="S123" s="1"/>
      <c r="T123" s="1"/>
      <c r="U123" s="1"/>
      <c r="V123" s="7"/>
    </row>
    <row r="124" spans="2:22" x14ac:dyDescent="0.2">
      <c r="B124" s="1"/>
      <c r="C124" s="1"/>
      <c r="D124" s="1"/>
      <c r="E124" s="1"/>
      <c r="F124" s="1"/>
      <c r="G124" s="1"/>
      <c r="H124" s="1"/>
      <c r="I124" s="1"/>
      <c r="J124" s="1"/>
      <c r="K124" s="1"/>
      <c r="L124" s="1"/>
      <c r="M124" s="1"/>
      <c r="N124" s="1"/>
      <c r="O124" s="1"/>
      <c r="P124" s="1"/>
      <c r="Q124" s="1"/>
      <c r="R124" s="1"/>
      <c r="S124" s="1"/>
      <c r="T124" s="1"/>
      <c r="U124" s="1"/>
      <c r="V124" s="7"/>
    </row>
    <row r="125" spans="2:22" x14ac:dyDescent="0.2">
      <c r="B125" s="1"/>
      <c r="C125" s="1"/>
      <c r="D125" s="1"/>
      <c r="E125" s="1"/>
      <c r="F125" s="1"/>
      <c r="G125" s="1"/>
      <c r="H125" s="1"/>
      <c r="I125" s="1"/>
      <c r="J125" s="1"/>
      <c r="K125" s="1"/>
      <c r="L125" s="1"/>
      <c r="M125" s="1"/>
      <c r="N125" s="1"/>
      <c r="O125" s="1"/>
      <c r="P125" s="1"/>
      <c r="Q125" s="1"/>
      <c r="R125" s="1"/>
      <c r="S125" s="1"/>
      <c r="T125" s="1"/>
      <c r="U125" s="1"/>
      <c r="V125" s="7"/>
    </row>
    <row r="126" spans="2:22" x14ac:dyDescent="0.2">
      <c r="B126" s="1"/>
      <c r="C126" s="1"/>
      <c r="D126" s="1"/>
      <c r="E126" s="1"/>
      <c r="F126" s="1"/>
      <c r="G126" s="1"/>
      <c r="H126" s="1"/>
      <c r="I126" s="1"/>
      <c r="J126" s="1"/>
      <c r="K126" s="1"/>
      <c r="L126" s="1"/>
      <c r="M126" s="1"/>
      <c r="N126" s="1"/>
      <c r="O126" s="1"/>
      <c r="P126" s="1"/>
      <c r="Q126" s="1"/>
      <c r="R126" s="1"/>
      <c r="S126" s="1"/>
      <c r="T126" s="1"/>
      <c r="U126" s="1"/>
      <c r="V126" s="7"/>
    </row>
    <row r="127" spans="2:22" x14ac:dyDescent="0.2">
      <c r="B127" s="1"/>
      <c r="C127" s="1"/>
      <c r="D127" s="1"/>
      <c r="E127" s="1"/>
      <c r="F127" s="1"/>
      <c r="G127" s="1"/>
      <c r="H127" s="1"/>
      <c r="I127" s="1"/>
      <c r="J127" s="1"/>
      <c r="K127" s="1"/>
      <c r="L127" s="1"/>
      <c r="M127" s="1"/>
      <c r="N127" s="1"/>
      <c r="O127" s="1"/>
      <c r="P127" s="1"/>
      <c r="Q127" s="1"/>
      <c r="R127" s="1"/>
      <c r="S127" s="1"/>
      <c r="T127" s="1"/>
      <c r="U127" s="1"/>
      <c r="V127" s="7"/>
    </row>
    <row r="128" spans="2:22" x14ac:dyDescent="0.2">
      <c r="B128" s="1"/>
      <c r="C128" s="1"/>
      <c r="D128" s="1"/>
      <c r="E128" s="1"/>
      <c r="F128" s="1"/>
      <c r="G128" s="1"/>
      <c r="H128" s="1"/>
      <c r="I128" s="1"/>
      <c r="J128" s="1"/>
      <c r="K128" s="1"/>
      <c r="L128" s="1"/>
      <c r="M128" s="1"/>
      <c r="N128" s="1"/>
      <c r="O128" s="1"/>
      <c r="P128" s="1"/>
      <c r="Q128" s="1"/>
      <c r="R128" s="1"/>
      <c r="S128" s="1"/>
      <c r="T128" s="1"/>
      <c r="U128" s="1"/>
      <c r="V128" s="7"/>
    </row>
    <row r="129" spans="2:22" x14ac:dyDescent="0.2">
      <c r="B129" s="1"/>
      <c r="C129" s="1"/>
      <c r="D129" s="1"/>
      <c r="E129" s="1"/>
      <c r="F129" s="1"/>
      <c r="G129" s="1"/>
      <c r="H129" s="1"/>
      <c r="I129" s="1"/>
      <c r="J129" s="1"/>
      <c r="K129" s="1"/>
      <c r="L129" s="1"/>
      <c r="M129" s="1"/>
      <c r="N129" s="1"/>
      <c r="O129" s="1"/>
      <c r="P129" s="1"/>
      <c r="Q129" s="1"/>
      <c r="R129" s="1"/>
      <c r="S129" s="1"/>
      <c r="T129" s="1"/>
      <c r="U129" s="1"/>
      <c r="V129" s="7"/>
    </row>
    <row r="130" spans="2:22" x14ac:dyDescent="0.2">
      <c r="B130" s="1"/>
      <c r="C130" s="1"/>
      <c r="D130" s="1"/>
      <c r="E130" s="1"/>
      <c r="F130" s="1"/>
      <c r="G130" s="1"/>
      <c r="H130" s="1"/>
      <c r="I130" s="1"/>
      <c r="J130" s="1"/>
      <c r="K130" s="1"/>
      <c r="L130" s="1"/>
      <c r="M130" s="1"/>
      <c r="N130" s="1"/>
      <c r="O130" s="1"/>
      <c r="P130" s="1"/>
      <c r="Q130" s="1"/>
      <c r="R130" s="1"/>
      <c r="S130" s="1"/>
      <c r="T130" s="1"/>
      <c r="U130" s="1"/>
      <c r="V130" s="7"/>
    </row>
    <row r="131" spans="2:22" x14ac:dyDescent="0.2">
      <c r="B131" s="1"/>
      <c r="C131" s="1"/>
      <c r="D131" s="1"/>
      <c r="E131" s="1"/>
      <c r="F131" s="1"/>
      <c r="G131" s="1"/>
      <c r="H131" s="1"/>
      <c r="I131" s="1"/>
      <c r="J131" s="1"/>
      <c r="K131" s="1"/>
      <c r="L131" s="1"/>
      <c r="M131" s="1"/>
      <c r="N131" s="1"/>
      <c r="O131" s="1"/>
      <c r="P131" s="1"/>
      <c r="Q131" s="1"/>
      <c r="R131" s="1"/>
      <c r="S131" s="1"/>
      <c r="T131" s="1"/>
      <c r="U131" s="1"/>
      <c r="V131" s="7"/>
    </row>
    <row r="132" spans="2:22" x14ac:dyDescent="0.2">
      <c r="B132" s="1"/>
      <c r="C132" s="1"/>
      <c r="D132" s="1"/>
      <c r="E132" s="1"/>
      <c r="F132" s="1"/>
      <c r="G132" s="1"/>
      <c r="H132" s="1"/>
      <c r="I132" s="1"/>
      <c r="J132" s="1"/>
      <c r="K132" s="1"/>
      <c r="L132" s="1"/>
      <c r="M132" s="1"/>
      <c r="N132" s="1"/>
      <c r="O132" s="1"/>
      <c r="P132" s="1"/>
      <c r="Q132" s="1"/>
      <c r="R132" s="1"/>
      <c r="S132" s="1"/>
      <c r="T132" s="1"/>
      <c r="U132" s="1"/>
      <c r="V132" s="7"/>
    </row>
    <row r="133" spans="2:22" x14ac:dyDescent="0.2">
      <c r="B133" s="1"/>
      <c r="C133" s="1"/>
      <c r="D133" s="1"/>
      <c r="E133" s="1"/>
      <c r="F133" s="1"/>
      <c r="G133" s="1"/>
      <c r="H133" s="1"/>
      <c r="I133" s="1"/>
      <c r="J133" s="1"/>
      <c r="K133" s="1"/>
      <c r="L133" s="1"/>
      <c r="M133" s="1"/>
      <c r="N133" s="1"/>
      <c r="O133" s="1"/>
      <c r="P133" s="1"/>
      <c r="Q133" s="1"/>
      <c r="R133" s="1"/>
      <c r="S133" s="1"/>
      <c r="T133" s="1"/>
      <c r="U133" s="1"/>
      <c r="V133" s="7"/>
    </row>
    <row r="134" spans="2:22" x14ac:dyDescent="0.2">
      <c r="B134" s="1"/>
      <c r="C134" s="1"/>
      <c r="D134" s="1"/>
      <c r="E134" s="1"/>
      <c r="F134" s="1"/>
      <c r="G134" s="1"/>
      <c r="H134" s="1"/>
      <c r="I134" s="1"/>
      <c r="J134" s="1"/>
      <c r="K134" s="1"/>
      <c r="L134" s="1"/>
      <c r="M134" s="1"/>
      <c r="N134" s="1"/>
      <c r="O134" s="1"/>
      <c r="P134" s="1"/>
      <c r="Q134" s="1"/>
      <c r="R134" s="1"/>
      <c r="S134" s="1"/>
      <c r="T134" s="1"/>
      <c r="U134" s="1"/>
      <c r="V134" s="7"/>
    </row>
    <row r="135" spans="2:22" x14ac:dyDescent="0.2">
      <c r="B135" s="1"/>
      <c r="C135" s="1"/>
      <c r="D135" s="1"/>
      <c r="E135" s="1"/>
      <c r="F135" s="1"/>
      <c r="G135" s="1"/>
      <c r="H135" s="1"/>
      <c r="I135" s="1"/>
      <c r="J135" s="1"/>
      <c r="K135" s="1"/>
      <c r="L135" s="1"/>
      <c r="M135" s="1"/>
      <c r="N135" s="1"/>
      <c r="O135" s="1"/>
      <c r="P135" s="1"/>
      <c r="Q135" s="1"/>
      <c r="R135" s="1"/>
      <c r="S135" s="1"/>
      <c r="T135" s="1"/>
      <c r="U135" s="1"/>
      <c r="V135" s="7"/>
    </row>
    <row r="136" spans="2:22" x14ac:dyDescent="0.2">
      <c r="B136" s="1"/>
      <c r="C136" s="1"/>
      <c r="D136" s="1"/>
      <c r="E136" s="1"/>
      <c r="F136" s="1"/>
      <c r="G136" s="1"/>
      <c r="H136" s="1"/>
      <c r="I136" s="1"/>
      <c r="J136" s="1"/>
      <c r="K136" s="1"/>
      <c r="L136" s="1"/>
      <c r="M136" s="1"/>
      <c r="N136" s="1"/>
      <c r="O136" s="1"/>
      <c r="P136" s="1"/>
      <c r="Q136" s="1"/>
      <c r="R136" s="1"/>
      <c r="S136" s="1"/>
      <c r="T136" s="1"/>
      <c r="U136" s="1"/>
      <c r="V136" s="7"/>
    </row>
    <row r="137" spans="2:22" x14ac:dyDescent="0.2">
      <c r="B137" s="1"/>
      <c r="C137" s="1"/>
      <c r="D137" s="1"/>
      <c r="E137" s="1"/>
      <c r="F137" s="1"/>
      <c r="G137" s="1"/>
      <c r="H137" s="1"/>
      <c r="I137" s="1"/>
      <c r="J137" s="1"/>
      <c r="K137" s="1"/>
      <c r="L137" s="1"/>
      <c r="M137" s="1"/>
      <c r="N137" s="1"/>
      <c r="O137" s="1"/>
      <c r="P137" s="1"/>
      <c r="Q137" s="1"/>
      <c r="R137" s="1"/>
      <c r="S137" s="1"/>
      <c r="T137" s="1"/>
      <c r="U137" s="1"/>
      <c r="V137" s="7"/>
    </row>
    <row r="138" spans="2:22" x14ac:dyDescent="0.2">
      <c r="B138" s="1"/>
      <c r="C138" s="1"/>
      <c r="D138" s="1"/>
      <c r="E138" s="1"/>
      <c r="F138" s="1"/>
      <c r="G138" s="1"/>
      <c r="H138" s="1"/>
      <c r="I138" s="1"/>
      <c r="J138" s="1"/>
      <c r="K138" s="1"/>
      <c r="L138" s="1"/>
      <c r="M138" s="1"/>
      <c r="N138" s="1"/>
      <c r="O138" s="1"/>
      <c r="P138" s="1"/>
      <c r="Q138" s="1"/>
      <c r="R138" s="1"/>
      <c r="S138" s="1"/>
      <c r="T138" s="1"/>
      <c r="U138" s="1"/>
      <c r="V138" s="7"/>
    </row>
    <row r="139" spans="2:22" x14ac:dyDescent="0.2">
      <c r="B139" s="1"/>
      <c r="C139" s="1"/>
      <c r="D139" s="1"/>
      <c r="E139" s="1"/>
      <c r="F139" s="1"/>
      <c r="G139" s="1"/>
      <c r="H139" s="1"/>
      <c r="I139" s="1"/>
      <c r="J139" s="1"/>
      <c r="K139" s="1"/>
      <c r="L139" s="1"/>
      <c r="M139" s="1"/>
      <c r="N139" s="1"/>
      <c r="O139" s="1"/>
      <c r="P139" s="1"/>
      <c r="Q139" s="1"/>
      <c r="R139" s="1"/>
      <c r="S139" s="1"/>
      <c r="T139" s="1"/>
      <c r="U139" s="1"/>
      <c r="V139" s="7"/>
    </row>
    <row r="140" spans="2:22" x14ac:dyDescent="0.2">
      <c r="B140" s="1"/>
      <c r="C140" s="1"/>
      <c r="D140" s="1"/>
      <c r="E140" s="1"/>
      <c r="F140" s="1"/>
      <c r="G140" s="1"/>
      <c r="H140" s="1"/>
      <c r="I140" s="1"/>
      <c r="J140" s="1"/>
      <c r="K140" s="1"/>
      <c r="L140" s="1"/>
      <c r="M140" s="1"/>
      <c r="N140" s="1"/>
      <c r="O140" s="1"/>
      <c r="P140" s="1"/>
      <c r="Q140" s="1"/>
      <c r="R140" s="1"/>
      <c r="S140" s="1"/>
      <c r="T140" s="1"/>
      <c r="U140" s="1"/>
      <c r="V140" s="7"/>
    </row>
    <row r="141" spans="2:22" x14ac:dyDescent="0.2">
      <c r="B141" s="1"/>
      <c r="C141" s="1"/>
      <c r="D141" s="1"/>
      <c r="E141" s="1"/>
      <c r="F141" s="1"/>
      <c r="G141" s="1"/>
      <c r="H141" s="1"/>
      <c r="I141" s="1"/>
      <c r="J141" s="1"/>
      <c r="K141" s="1"/>
      <c r="L141" s="1"/>
      <c r="M141" s="1"/>
      <c r="N141" s="1"/>
      <c r="O141" s="1"/>
      <c r="P141" s="1"/>
      <c r="Q141" s="1"/>
      <c r="R141" s="1"/>
      <c r="S141" s="1"/>
      <c r="T141" s="1"/>
      <c r="U141" s="1"/>
      <c r="V141" s="7"/>
    </row>
    <row r="142" spans="2:22" x14ac:dyDescent="0.2">
      <c r="B142" s="1"/>
      <c r="C142" s="1"/>
      <c r="D142" s="1"/>
      <c r="E142" s="1"/>
      <c r="F142" s="1"/>
      <c r="G142" s="1"/>
      <c r="H142" s="1"/>
      <c r="I142" s="1"/>
      <c r="J142" s="1"/>
      <c r="K142" s="1"/>
      <c r="L142" s="1"/>
      <c r="M142" s="1"/>
      <c r="N142" s="1"/>
      <c r="O142" s="1"/>
      <c r="P142" s="1"/>
      <c r="Q142" s="1"/>
      <c r="R142" s="1"/>
      <c r="S142" s="1"/>
      <c r="T142" s="1"/>
      <c r="U142" s="1"/>
      <c r="V142" s="7"/>
    </row>
    <row r="143" spans="2:22" x14ac:dyDescent="0.2">
      <c r="B143" s="1"/>
      <c r="C143" s="1"/>
      <c r="D143" s="1"/>
      <c r="E143" s="1"/>
      <c r="F143" s="1"/>
      <c r="G143" s="1"/>
      <c r="H143" s="1"/>
      <c r="I143" s="1"/>
      <c r="J143" s="1"/>
      <c r="K143" s="1"/>
      <c r="L143" s="1"/>
      <c r="M143" s="1"/>
      <c r="N143" s="1"/>
      <c r="O143" s="1"/>
      <c r="P143" s="1"/>
      <c r="Q143" s="1"/>
      <c r="R143" s="1"/>
      <c r="S143" s="1"/>
      <c r="T143" s="1"/>
      <c r="U143" s="1"/>
      <c r="V143" s="7"/>
    </row>
    <row r="144" spans="2:22" x14ac:dyDescent="0.2">
      <c r="B144" s="1"/>
      <c r="C144" s="1"/>
      <c r="D144" s="1"/>
      <c r="E144" s="1"/>
      <c r="F144" s="1"/>
      <c r="G144" s="1"/>
      <c r="H144" s="1"/>
      <c r="I144" s="1"/>
      <c r="J144" s="1"/>
      <c r="K144" s="1"/>
      <c r="L144" s="1"/>
      <c r="M144" s="1"/>
      <c r="N144" s="1"/>
      <c r="O144" s="1"/>
      <c r="P144" s="1"/>
      <c r="Q144" s="1"/>
      <c r="R144" s="1"/>
      <c r="S144" s="1"/>
      <c r="T144" s="1"/>
      <c r="U144" s="1"/>
      <c r="V144" s="7"/>
    </row>
    <row r="145" spans="2:22" x14ac:dyDescent="0.2">
      <c r="B145" s="1"/>
      <c r="C145" s="1"/>
      <c r="D145" s="1"/>
      <c r="E145" s="1"/>
      <c r="F145" s="1"/>
      <c r="G145" s="1"/>
      <c r="H145" s="1"/>
      <c r="I145" s="1"/>
      <c r="J145" s="1"/>
      <c r="K145" s="1"/>
      <c r="L145" s="1"/>
      <c r="M145" s="1"/>
      <c r="N145" s="1"/>
      <c r="O145" s="1"/>
      <c r="P145" s="1"/>
      <c r="Q145" s="1"/>
      <c r="R145" s="1"/>
      <c r="S145" s="1"/>
      <c r="T145" s="1"/>
      <c r="U145" s="1"/>
      <c r="V145" s="7"/>
    </row>
    <row r="146" spans="2:22" x14ac:dyDescent="0.2">
      <c r="B146" s="1"/>
      <c r="C146" s="1"/>
      <c r="D146" s="1"/>
      <c r="E146" s="1"/>
      <c r="F146" s="1"/>
      <c r="G146" s="1"/>
      <c r="H146" s="1"/>
      <c r="I146" s="1"/>
      <c r="J146" s="1"/>
      <c r="K146" s="1"/>
      <c r="L146" s="1"/>
      <c r="M146" s="1"/>
      <c r="N146" s="1"/>
      <c r="O146" s="1"/>
      <c r="P146" s="1"/>
      <c r="Q146" s="1"/>
      <c r="R146" s="1"/>
      <c r="S146" s="1"/>
      <c r="T146" s="1"/>
      <c r="U146" s="1"/>
      <c r="V146" s="7"/>
    </row>
    <row r="147" spans="2:22" x14ac:dyDescent="0.2">
      <c r="B147" s="1"/>
      <c r="C147" s="1"/>
      <c r="D147" s="1"/>
      <c r="E147" s="1"/>
      <c r="F147" s="1"/>
      <c r="G147" s="1"/>
      <c r="H147" s="1"/>
      <c r="I147" s="1"/>
      <c r="J147" s="1"/>
      <c r="K147" s="1"/>
      <c r="L147" s="1"/>
      <c r="M147" s="1"/>
      <c r="N147" s="1"/>
      <c r="O147" s="1"/>
      <c r="P147" s="1"/>
      <c r="Q147" s="1"/>
      <c r="R147" s="1"/>
      <c r="S147" s="1"/>
      <c r="T147" s="1"/>
      <c r="U147" s="1"/>
      <c r="V147" s="7"/>
    </row>
    <row r="148" spans="2:22" x14ac:dyDescent="0.2">
      <c r="B148" s="1"/>
      <c r="C148" s="1"/>
      <c r="D148" s="1"/>
      <c r="E148" s="1"/>
      <c r="F148" s="1"/>
      <c r="G148" s="1"/>
      <c r="H148" s="1"/>
      <c r="I148" s="1"/>
      <c r="J148" s="1"/>
      <c r="K148" s="1"/>
      <c r="L148" s="1"/>
      <c r="M148" s="1"/>
      <c r="N148" s="1"/>
      <c r="O148" s="1"/>
      <c r="P148" s="1"/>
      <c r="Q148" s="1"/>
      <c r="R148" s="1"/>
      <c r="S148" s="1"/>
      <c r="T148" s="1"/>
      <c r="U148" s="1"/>
      <c r="V148" s="7"/>
    </row>
    <row r="149" spans="2:22" x14ac:dyDescent="0.2">
      <c r="B149" s="1"/>
      <c r="C149" s="1"/>
      <c r="D149" s="1"/>
      <c r="E149" s="1"/>
      <c r="F149" s="1"/>
      <c r="G149" s="1"/>
      <c r="H149" s="1"/>
      <c r="I149" s="1"/>
      <c r="J149" s="1"/>
      <c r="K149" s="1"/>
      <c r="L149" s="1"/>
      <c r="M149" s="1"/>
      <c r="N149" s="1"/>
      <c r="O149" s="1"/>
      <c r="P149" s="1"/>
      <c r="Q149" s="1"/>
      <c r="R149" s="1"/>
      <c r="S149" s="1"/>
      <c r="T149" s="1"/>
      <c r="U149" s="1"/>
      <c r="V149" s="7"/>
    </row>
    <row r="150" spans="2:22" x14ac:dyDescent="0.2">
      <c r="B150" s="1"/>
      <c r="C150" s="1"/>
      <c r="D150" s="1"/>
      <c r="E150" s="1"/>
      <c r="F150" s="1"/>
      <c r="G150" s="1"/>
      <c r="H150" s="1"/>
      <c r="I150" s="1"/>
      <c r="J150" s="1"/>
      <c r="K150" s="1"/>
      <c r="L150" s="1"/>
      <c r="M150" s="1"/>
      <c r="N150" s="1"/>
      <c r="O150" s="1"/>
      <c r="P150" s="1"/>
      <c r="Q150" s="1"/>
      <c r="R150" s="1"/>
      <c r="S150" s="1"/>
      <c r="T150" s="1"/>
      <c r="U150" s="1"/>
      <c r="V150" s="7"/>
    </row>
    <row r="151" spans="2:22" x14ac:dyDescent="0.2">
      <c r="B151" s="1"/>
      <c r="C151" s="1"/>
      <c r="D151" s="1"/>
      <c r="E151" s="1"/>
      <c r="F151" s="1"/>
      <c r="G151" s="1"/>
      <c r="H151" s="1"/>
      <c r="I151" s="1"/>
      <c r="J151" s="1"/>
      <c r="K151" s="1"/>
      <c r="L151" s="1"/>
      <c r="M151" s="1"/>
      <c r="N151" s="1"/>
      <c r="O151" s="1"/>
      <c r="P151" s="1"/>
      <c r="Q151" s="1"/>
      <c r="R151" s="1"/>
      <c r="S151" s="1"/>
      <c r="T151" s="1"/>
      <c r="U151" s="1"/>
      <c r="V151" s="7"/>
    </row>
    <row r="152" spans="2:22" x14ac:dyDescent="0.2">
      <c r="B152" s="1"/>
      <c r="C152" s="1"/>
      <c r="D152" s="1"/>
      <c r="E152" s="1"/>
      <c r="F152" s="1"/>
      <c r="G152" s="1"/>
      <c r="H152" s="1"/>
      <c r="I152" s="1"/>
      <c r="J152" s="1"/>
      <c r="K152" s="1"/>
      <c r="L152" s="1"/>
      <c r="M152" s="1"/>
      <c r="N152" s="1"/>
      <c r="O152" s="1"/>
      <c r="P152" s="1"/>
      <c r="Q152" s="1"/>
      <c r="R152" s="1"/>
      <c r="S152" s="1"/>
      <c r="T152" s="1"/>
      <c r="U152" s="1"/>
      <c r="V152" s="7"/>
    </row>
    <row r="153" spans="2:22" x14ac:dyDescent="0.2">
      <c r="B153" s="1"/>
      <c r="C153" s="1"/>
      <c r="D153" s="1"/>
      <c r="E153" s="1"/>
      <c r="F153" s="1"/>
      <c r="G153" s="1"/>
      <c r="H153" s="1"/>
      <c r="I153" s="1"/>
      <c r="J153" s="1"/>
      <c r="K153" s="1"/>
      <c r="L153" s="1"/>
      <c r="M153" s="1"/>
      <c r="N153" s="1"/>
      <c r="O153" s="1"/>
      <c r="P153" s="1"/>
      <c r="Q153" s="1"/>
      <c r="R153" s="1"/>
      <c r="S153" s="1"/>
      <c r="T153" s="1"/>
      <c r="U153" s="1"/>
      <c r="V153" s="7"/>
    </row>
    <row r="154" spans="2:22" x14ac:dyDescent="0.2">
      <c r="B154" s="1"/>
      <c r="C154" s="1"/>
      <c r="D154" s="1"/>
      <c r="E154" s="1"/>
      <c r="F154" s="1"/>
      <c r="G154" s="1"/>
      <c r="H154" s="1"/>
      <c r="I154" s="1"/>
      <c r="J154" s="1"/>
      <c r="K154" s="1"/>
      <c r="L154" s="1"/>
      <c r="M154" s="1"/>
      <c r="N154" s="1"/>
      <c r="O154" s="1"/>
      <c r="P154" s="1"/>
      <c r="Q154" s="1"/>
      <c r="R154" s="1"/>
      <c r="S154" s="1"/>
      <c r="T154" s="1"/>
      <c r="U154" s="1"/>
      <c r="V154" s="7"/>
    </row>
    <row r="155" spans="2:22" x14ac:dyDescent="0.2">
      <c r="B155" s="1"/>
      <c r="C155" s="1"/>
      <c r="D155" s="1"/>
      <c r="E155" s="1"/>
      <c r="F155" s="1"/>
      <c r="G155" s="1"/>
      <c r="H155" s="1"/>
      <c r="I155" s="1"/>
      <c r="J155" s="1"/>
      <c r="K155" s="1"/>
      <c r="L155" s="1"/>
      <c r="M155" s="1"/>
      <c r="N155" s="1"/>
      <c r="O155" s="1"/>
      <c r="P155" s="1"/>
      <c r="Q155" s="1"/>
      <c r="R155" s="1"/>
      <c r="S155" s="1"/>
      <c r="T155" s="1"/>
      <c r="U155" s="1"/>
      <c r="V155" s="7"/>
    </row>
    <row r="156" spans="2:22" x14ac:dyDescent="0.2">
      <c r="B156" s="1"/>
      <c r="C156" s="1"/>
      <c r="D156" s="1"/>
      <c r="E156" s="1"/>
      <c r="F156" s="1"/>
      <c r="G156" s="1"/>
      <c r="H156" s="1"/>
      <c r="I156" s="1"/>
      <c r="J156" s="1"/>
      <c r="K156" s="1"/>
      <c r="L156" s="1"/>
      <c r="M156" s="1"/>
      <c r="N156" s="1"/>
      <c r="O156" s="1"/>
      <c r="P156" s="1"/>
      <c r="Q156" s="1"/>
      <c r="R156" s="1"/>
      <c r="S156" s="1"/>
      <c r="T156" s="1"/>
      <c r="U156" s="1"/>
      <c r="V156" s="7"/>
    </row>
    <row r="157" spans="2:22" x14ac:dyDescent="0.2">
      <c r="B157" s="1"/>
      <c r="C157" s="1"/>
      <c r="D157" s="1"/>
      <c r="E157" s="1"/>
      <c r="F157" s="1"/>
      <c r="G157" s="1"/>
      <c r="H157" s="1"/>
      <c r="I157" s="1"/>
      <c r="J157" s="1"/>
      <c r="K157" s="1"/>
      <c r="L157" s="1"/>
      <c r="M157" s="1"/>
      <c r="N157" s="1"/>
      <c r="O157" s="1"/>
      <c r="P157" s="1"/>
      <c r="Q157" s="1"/>
      <c r="R157" s="1"/>
      <c r="S157" s="1"/>
      <c r="T157" s="1"/>
      <c r="U157" s="1"/>
      <c r="V157" s="7"/>
    </row>
    <row r="158" spans="2:22" x14ac:dyDescent="0.2">
      <c r="B158" s="1"/>
      <c r="C158" s="1"/>
      <c r="D158" s="1"/>
      <c r="E158" s="1"/>
      <c r="F158" s="1"/>
      <c r="G158" s="1"/>
      <c r="H158" s="1"/>
      <c r="I158" s="1"/>
      <c r="J158" s="1"/>
      <c r="K158" s="1"/>
      <c r="L158" s="1"/>
      <c r="M158" s="1"/>
      <c r="N158" s="1"/>
      <c r="O158" s="1"/>
      <c r="P158" s="1"/>
      <c r="Q158" s="1"/>
      <c r="R158" s="1"/>
      <c r="S158" s="1"/>
      <c r="T158" s="1"/>
      <c r="U158" s="1"/>
      <c r="V158" s="7"/>
    </row>
    <row r="159" spans="2:22" x14ac:dyDescent="0.2">
      <c r="B159" s="1"/>
      <c r="C159" s="1"/>
      <c r="D159" s="1"/>
      <c r="E159" s="1"/>
      <c r="F159" s="1"/>
      <c r="G159" s="1"/>
      <c r="H159" s="1"/>
      <c r="I159" s="1"/>
      <c r="J159" s="1"/>
      <c r="K159" s="1"/>
      <c r="L159" s="1"/>
      <c r="M159" s="1"/>
      <c r="N159" s="1"/>
      <c r="O159" s="1"/>
      <c r="P159" s="1"/>
      <c r="Q159" s="1"/>
      <c r="R159" s="1"/>
      <c r="S159" s="1"/>
      <c r="T159" s="1"/>
      <c r="U159" s="1"/>
      <c r="V159" s="7"/>
    </row>
    <row r="160" spans="2:22" x14ac:dyDescent="0.2">
      <c r="B160" s="1"/>
      <c r="C160" s="1"/>
      <c r="D160" s="1"/>
      <c r="E160" s="1"/>
      <c r="F160" s="1"/>
      <c r="G160" s="1"/>
      <c r="H160" s="1"/>
      <c r="I160" s="1"/>
      <c r="J160" s="1"/>
      <c r="K160" s="1"/>
      <c r="L160" s="1"/>
      <c r="M160" s="1"/>
      <c r="N160" s="1"/>
      <c r="O160" s="1"/>
      <c r="P160" s="1"/>
      <c r="Q160" s="1"/>
      <c r="R160" s="1"/>
      <c r="S160" s="1"/>
      <c r="T160" s="1"/>
      <c r="U160" s="1"/>
      <c r="V160" s="7"/>
    </row>
    <row r="161" spans="2:22" x14ac:dyDescent="0.2">
      <c r="B161" s="1"/>
      <c r="C161" s="1"/>
      <c r="D161" s="1"/>
      <c r="E161" s="1"/>
      <c r="F161" s="1"/>
      <c r="G161" s="1"/>
      <c r="H161" s="1"/>
      <c r="I161" s="1"/>
      <c r="J161" s="1"/>
      <c r="K161" s="1"/>
      <c r="L161" s="1"/>
      <c r="M161" s="1"/>
      <c r="N161" s="1"/>
      <c r="O161" s="1"/>
      <c r="P161" s="1"/>
      <c r="Q161" s="1"/>
      <c r="R161" s="1"/>
      <c r="S161" s="1"/>
      <c r="T161" s="1"/>
      <c r="U161" s="1"/>
      <c r="V161" s="7"/>
    </row>
    <row r="162" spans="2:22" x14ac:dyDescent="0.2">
      <c r="B162" s="1"/>
      <c r="C162" s="1"/>
      <c r="D162" s="1"/>
      <c r="E162" s="1"/>
      <c r="F162" s="1"/>
      <c r="G162" s="1"/>
      <c r="H162" s="1"/>
      <c r="I162" s="1"/>
      <c r="J162" s="1"/>
      <c r="K162" s="1"/>
      <c r="L162" s="1"/>
      <c r="M162" s="1"/>
      <c r="N162" s="1"/>
      <c r="O162" s="1"/>
      <c r="P162" s="1"/>
      <c r="Q162" s="1"/>
      <c r="R162" s="1"/>
      <c r="S162" s="1"/>
      <c r="T162" s="1"/>
      <c r="U162" s="1"/>
      <c r="V162" s="7"/>
    </row>
    <row r="163" spans="2:22" x14ac:dyDescent="0.2">
      <c r="B163" s="1"/>
      <c r="C163" s="1"/>
      <c r="D163" s="1"/>
      <c r="E163" s="1"/>
      <c r="F163" s="1"/>
      <c r="G163" s="1"/>
      <c r="H163" s="1"/>
      <c r="I163" s="1"/>
      <c r="J163" s="1"/>
      <c r="K163" s="1"/>
      <c r="L163" s="1"/>
      <c r="M163" s="1"/>
      <c r="N163" s="1"/>
      <c r="O163" s="1"/>
      <c r="P163" s="1"/>
      <c r="Q163" s="1"/>
      <c r="R163" s="1"/>
      <c r="S163" s="1"/>
      <c r="T163" s="1"/>
      <c r="U163" s="1"/>
      <c r="V163" s="7"/>
    </row>
    <row r="164" spans="2:22" x14ac:dyDescent="0.2">
      <c r="B164" s="1"/>
      <c r="C164" s="1"/>
      <c r="D164" s="1"/>
      <c r="E164" s="1"/>
      <c r="F164" s="1"/>
      <c r="G164" s="1"/>
      <c r="H164" s="1"/>
      <c r="I164" s="1"/>
      <c r="J164" s="1"/>
      <c r="K164" s="1"/>
      <c r="L164" s="1"/>
      <c r="M164" s="1"/>
      <c r="N164" s="1"/>
      <c r="O164" s="1"/>
      <c r="P164" s="1"/>
      <c r="Q164" s="1"/>
      <c r="R164" s="1"/>
      <c r="S164" s="1"/>
      <c r="T164" s="1"/>
      <c r="U164" s="1"/>
      <c r="V164" s="7"/>
    </row>
    <row r="165" spans="2:22" x14ac:dyDescent="0.2">
      <c r="B165" s="1"/>
      <c r="C165" s="1"/>
      <c r="D165" s="1"/>
      <c r="E165" s="1"/>
      <c r="F165" s="1"/>
      <c r="G165" s="1"/>
      <c r="H165" s="1"/>
      <c r="I165" s="1"/>
      <c r="J165" s="1"/>
      <c r="K165" s="1"/>
      <c r="L165" s="1"/>
      <c r="M165" s="1"/>
      <c r="N165" s="1"/>
      <c r="O165" s="1"/>
      <c r="P165" s="1"/>
      <c r="Q165" s="1"/>
      <c r="R165" s="1"/>
      <c r="S165" s="1"/>
      <c r="T165" s="1"/>
      <c r="U165" s="1"/>
      <c r="V165" s="7"/>
    </row>
    <row r="166" spans="2:22" x14ac:dyDescent="0.2">
      <c r="B166" s="1"/>
      <c r="C166" s="1"/>
      <c r="D166" s="1"/>
      <c r="E166" s="1"/>
      <c r="F166" s="1"/>
      <c r="G166" s="1"/>
      <c r="H166" s="1"/>
      <c r="I166" s="1"/>
      <c r="J166" s="1"/>
      <c r="K166" s="1"/>
      <c r="L166" s="1"/>
      <c r="M166" s="1"/>
      <c r="N166" s="1"/>
      <c r="O166" s="1"/>
      <c r="P166" s="1"/>
      <c r="Q166" s="1"/>
      <c r="R166" s="1"/>
      <c r="S166" s="1"/>
      <c r="T166" s="1"/>
      <c r="U166" s="1"/>
      <c r="V166" s="7"/>
    </row>
    <row r="167" spans="2:22" x14ac:dyDescent="0.2">
      <c r="B167" s="1"/>
      <c r="C167" s="1"/>
      <c r="D167" s="1"/>
      <c r="E167" s="1"/>
      <c r="F167" s="1"/>
      <c r="G167" s="1"/>
      <c r="H167" s="1"/>
      <c r="I167" s="1"/>
      <c r="J167" s="1"/>
      <c r="K167" s="1"/>
      <c r="L167" s="1"/>
      <c r="M167" s="1"/>
      <c r="N167" s="1"/>
      <c r="O167" s="1"/>
      <c r="P167" s="1"/>
      <c r="Q167" s="1"/>
      <c r="R167" s="1"/>
      <c r="S167" s="1"/>
      <c r="T167" s="1"/>
      <c r="U167" s="1"/>
      <c r="V167" s="7"/>
    </row>
    <row r="168" spans="2:22" x14ac:dyDescent="0.2">
      <c r="B168" s="1"/>
      <c r="C168" s="1"/>
      <c r="D168" s="1"/>
      <c r="E168" s="1"/>
      <c r="F168" s="1"/>
      <c r="G168" s="1"/>
      <c r="H168" s="1"/>
      <c r="I168" s="1"/>
      <c r="J168" s="1"/>
      <c r="K168" s="1"/>
      <c r="L168" s="1"/>
      <c r="M168" s="1"/>
      <c r="N168" s="1"/>
      <c r="O168" s="1"/>
      <c r="P168" s="1"/>
      <c r="Q168" s="1"/>
      <c r="R168" s="1"/>
      <c r="S168" s="1"/>
      <c r="T168" s="1"/>
      <c r="U168" s="1"/>
      <c r="V168" s="7"/>
    </row>
    <row r="169" spans="2:22" x14ac:dyDescent="0.2">
      <c r="B169" s="1"/>
      <c r="C169" s="1"/>
      <c r="D169" s="1"/>
      <c r="E169" s="1"/>
      <c r="F169" s="1"/>
      <c r="G169" s="1"/>
      <c r="H169" s="1"/>
      <c r="I169" s="1"/>
      <c r="J169" s="1"/>
      <c r="K169" s="1"/>
      <c r="L169" s="1"/>
      <c r="M169" s="1"/>
      <c r="N169" s="1"/>
      <c r="O169" s="1"/>
      <c r="P169" s="1"/>
      <c r="Q169" s="1"/>
      <c r="R169" s="1"/>
      <c r="S169" s="1"/>
      <c r="T169" s="1"/>
      <c r="U169" s="1"/>
      <c r="V169" s="7"/>
    </row>
    <row r="170" spans="2:22" x14ac:dyDescent="0.2">
      <c r="B170" s="1"/>
      <c r="C170" s="1"/>
      <c r="D170" s="1"/>
      <c r="E170" s="1"/>
      <c r="F170" s="1"/>
      <c r="G170" s="1"/>
      <c r="H170" s="1"/>
      <c r="I170" s="1"/>
      <c r="J170" s="1"/>
      <c r="K170" s="1"/>
      <c r="L170" s="1"/>
      <c r="M170" s="1"/>
      <c r="N170" s="1"/>
      <c r="O170" s="1"/>
      <c r="P170" s="1"/>
      <c r="Q170" s="1"/>
      <c r="R170" s="1"/>
      <c r="S170" s="1"/>
      <c r="T170" s="1"/>
      <c r="U170" s="1"/>
      <c r="V170" s="7"/>
    </row>
    <row r="171" spans="2:22" x14ac:dyDescent="0.2">
      <c r="B171" s="1"/>
      <c r="C171" s="1"/>
      <c r="D171" s="1"/>
      <c r="E171" s="1"/>
      <c r="F171" s="1"/>
      <c r="G171" s="1"/>
      <c r="H171" s="1"/>
      <c r="I171" s="1"/>
      <c r="J171" s="1"/>
      <c r="K171" s="1"/>
      <c r="L171" s="1"/>
      <c r="M171" s="1"/>
      <c r="N171" s="1"/>
      <c r="O171" s="1"/>
      <c r="P171" s="1"/>
      <c r="Q171" s="1"/>
      <c r="R171" s="1"/>
      <c r="S171" s="1"/>
      <c r="T171" s="1"/>
      <c r="U171" s="1"/>
      <c r="V171" s="7"/>
    </row>
    <row r="172" spans="2:22" x14ac:dyDescent="0.2">
      <c r="B172" s="1"/>
      <c r="C172" s="1"/>
      <c r="D172" s="1"/>
      <c r="E172" s="1"/>
      <c r="F172" s="1"/>
      <c r="G172" s="1"/>
      <c r="H172" s="1"/>
      <c r="I172" s="1"/>
      <c r="J172" s="1"/>
      <c r="K172" s="1"/>
      <c r="L172" s="1"/>
      <c r="M172" s="1"/>
      <c r="N172" s="1"/>
      <c r="O172" s="1"/>
      <c r="P172" s="1"/>
      <c r="Q172" s="1"/>
      <c r="R172" s="1"/>
      <c r="S172" s="1"/>
      <c r="T172" s="1"/>
      <c r="U172" s="1"/>
      <c r="V172" s="7"/>
    </row>
    <row r="173" spans="2:22" x14ac:dyDescent="0.2">
      <c r="B173" s="1"/>
      <c r="C173" s="1"/>
      <c r="D173" s="1"/>
      <c r="E173" s="1"/>
      <c r="F173" s="1"/>
      <c r="G173" s="1"/>
      <c r="H173" s="1"/>
      <c r="I173" s="1"/>
      <c r="J173" s="1"/>
      <c r="K173" s="1"/>
      <c r="L173" s="1"/>
      <c r="M173" s="1"/>
      <c r="N173" s="1"/>
      <c r="O173" s="1"/>
      <c r="P173" s="1"/>
      <c r="Q173" s="1"/>
      <c r="R173" s="1"/>
      <c r="S173" s="1"/>
      <c r="T173" s="1"/>
      <c r="U173" s="1"/>
      <c r="V173" s="7"/>
    </row>
    <row r="174" spans="2:22" x14ac:dyDescent="0.2">
      <c r="B174" s="1"/>
      <c r="C174" s="1"/>
      <c r="D174" s="1"/>
      <c r="E174" s="1"/>
      <c r="F174" s="1"/>
      <c r="G174" s="1"/>
      <c r="H174" s="1"/>
      <c r="I174" s="1"/>
      <c r="J174" s="1"/>
      <c r="K174" s="1"/>
      <c r="L174" s="1"/>
      <c r="M174" s="1"/>
      <c r="N174" s="1"/>
      <c r="O174" s="1"/>
      <c r="P174" s="1"/>
      <c r="Q174" s="1"/>
      <c r="R174" s="1"/>
      <c r="S174" s="1"/>
      <c r="T174" s="1"/>
      <c r="U174" s="1"/>
      <c r="V174" s="7"/>
    </row>
    <row r="175" spans="2:22" x14ac:dyDescent="0.2">
      <c r="B175" s="1"/>
      <c r="C175" s="1"/>
      <c r="D175" s="1"/>
      <c r="E175" s="1"/>
      <c r="F175" s="1"/>
      <c r="G175" s="1"/>
      <c r="H175" s="1"/>
      <c r="I175" s="1"/>
      <c r="J175" s="1"/>
      <c r="K175" s="1"/>
      <c r="L175" s="1"/>
      <c r="M175" s="1"/>
      <c r="N175" s="1"/>
      <c r="O175" s="1"/>
      <c r="P175" s="1"/>
      <c r="Q175" s="1"/>
      <c r="R175" s="1"/>
      <c r="S175" s="1"/>
      <c r="T175" s="1"/>
      <c r="U175" s="1"/>
      <c r="V175" s="7"/>
    </row>
    <row r="176" spans="2:22" x14ac:dyDescent="0.2">
      <c r="B176" s="1"/>
      <c r="C176" s="1"/>
      <c r="D176" s="1"/>
      <c r="E176" s="1"/>
      <c r="F176" s="1"/>
      <c r="G176" s="1"/>
      <c r="H176" s="1"/>
      <c r="I176" s="1"/>
      <c r="J176" s="1"/>
      <c r="K176" s="1"/>
      <c r="L176" s="1"/>
      <c r="M176" s="1"/>
      <c r="N176" s="1"/>
      <c r="O176" s="1"/>
      <c r="P176" s="1"/>
      <c r="Q176" s="1"/>
      <c r="R176" s="1"/>
      <c r="S176" s="1"/>
      <c r="T176" s="1"/>
      <c r="U176" s="1"/>
      <c r="V176" s="7"/>
    </row>
    <row r="177" spans="2:22" x14ac:dyDescent="0.2">
      <c r="B177" s="1"/>
      <c r="C177" s="1"/>
      <c r="D177" s="1"/>
      <c r="E177" s="1"/>
      <c r="F177" s="1"/>
      <c r="G177" s="1"/>
      <c r="H177" s="1"/>
      <c r="I177" s="1"/>
      <c r="J177" s="1"/>
      <c r="K177" s="1"/>
      <c r="L177" s="1"/>
      <c r="M177" s="1"/>
      <c r="N177" s="1"/>
      <c r="O177" s="1"/>
      <c r="P177" s="1"/>
      <c r="Q177" s="1"/>
      <c r="R177" s="1"/>
      <c r="S177" s="1"/>
      <c r="T177" s="1"/>
      <c r="U177" s="1"/>
      <c r="V177" s="7"/>
    </row>
    <row r="178" spans="2:22" x14ac:dyDescent="0.2">
      <c r="B178" s="1"/>
      <c r="C178" s="1"/>
      <c r="D178" s="1"/>
      <c r="E178" s="1"/>
      <c r="F178" s="1"/>
      <c r="G178" s="1"/>
      <c r="H178" s="1"/>
      <c r="I178" s="1"/>
      <c r="J178" s="1"/>
      <c r="K178" s="1"/>
      <c r="L178" s="1"/>
      <c r="M178" s="1"/>
      <c r="N178" s="1"/>
      <c r="O178" s="1"/>
      <c r="P178" s="1"/>
      <c r="Q178" s="1"/>
      <c r="R178" s="1"/>
      <c r="S178" s="1"/>
      <c r="T178" s="1"/>
      <c r="U178" s="1"/>
      <c r="V178" s="7"/>
    </row>
    <row r="179" spans="2:22" x14ac:dyDescent="0.2">
      <c r="B179" s="1"/>
      <c r="C179" s="1"/>
      <c r="D179" s="1"/>
      <c r="E179" s="1"/>
      <c r="F179" s="1"/>
      <c r="G179" s="1"/>
      <c r="H179" s="1"/>
      <c r="I179" s="1"/>
      <c r="J179" s="1"/>
      <c r="K179" s="1"/>
      <c r="L179" s="1"/>
      <c r="M179" s="1"/>
      <c r="N179" s="1"/>
      <c r="O179" s="1"/>
      <c r="P179" s="1"/>
      <c r="Q179" s="1"/>
      <c r="R179" s="1"/>
      <c r="S179" s="1"/>
      <c r="T179" s="1"/>
      <c r="U179" s="1"/>
      <c r="V179" s="7"/>
    </row>
    <row r="180" spans="2:22" x14ac:dyDescent="0.2">
      <c r="B180" s="1"/>
      <c r="C180" s="1"/>
      <c r="D180" s="1"/>
      <c r="E180" s="1"/>
      <c r="F180" s="1"/>
      <c r="G180" s="1"/>
      <c r="H180" s="1"/>
      <c r="I180" s="1"/>
      <c r="J180" s="1"/>
      <c r="K180" s="1"/>
      <c r="L180" s="1"/>
      <c r="M180" s="1"/>
      <c r="N180" s="1"/>
      <c r="O180" s="1"/>
      <c r="P180" s="1"/>
      <c r="Q180" s="1"/>
      <c r="R180" s="1"/>
      <c r="S180" s="1"/>
      <c r="T180" s="1"/>
      <c r="U180" s="1"/>
      <c r="V180" s="7"/>
    </row>
    <row r="181" spans="2:22" x14ac:dyDescent="0.2">
      <c r="B181" s="1"/>
      <c r="C181" s="1"/>
      <c r="D181" s="1"/>
      <c r="E181" s="1"/>
      <c r="F181" s="1"/>
      <c r="G181" s="1"/>
      <c r="H181" s="1"/>
      <c r="I181" s="1"/>
      <c r="J181" s="1"/>
      <c r="K181" s="1"/>
      <c r="L181" s="1"/>
      <c r="M181" s="1"/>
      <c r="N181" s="1"/>
      <c r="O181" s="1"/>
      <c r="P181" s="1"/>
      <c r="Q181" s="1"/>
      <c r="R181" s="1"/>
      <c r="S181" s="1"/>
      <c r="T181" s="1"/>
      <c r="U181" s="1"/>
      <c r="V181" s="7"/>
    </row>
    <row r="182" spans="2:22" x14ac:dyDescent="0.2">
      <c r="B182" s="1"/>
      <c r="C182" s="1"/>
      <c r="D182" s="1"/>
      <c r="E182" s="1"/>
      <c r="F182" s="1"/>
      <c r="G182" s="1"/>
      <c r="H182" s="1"/>
      <c r="I182" s="1"/>
      <c r="J182" s="1"/>
      <c r="K182" s="1"/>
      <c r="L182" s="1"/>
      <c r="M182" s="1"/>
      <c r="N182" s="1"/>
      <c r="O182" s="1"/>
      <c r="P182" s="1"/>
      <c r="Q182" s="1"/>
      <c r="R182" s="1"/>
      <c r="S182" s="1"/>
      <c r="T182" s="1"/>
      <c r="U182" s="1"/>
      <c r="V182" s="7"/>
    </row>
    <row r="183" spans="2:22" x14ac:dyDescent="0.2">
      <c r="B183" s="1"/>
      <c r="C183" s="1"/>
      <c r="D183" s="1"/>
      <c r="E183" s="1"/>
      <c r="F183" s="1"/>
      <c r="G183" s="1"/>
      <c r="H183" s="1"/>
      <c r="I183" s="1"/>
      <c r="J183" s="1"/>
      <c r="K183" s="1"/>
      <c r="L183" s="1"/>
      <c r="M183" s="1"/>
      <c r="N183" s="1"/>
      <c r="O183" s="1"/>
      <c r="P183" s="1"/>
      <c r="Q183" s="1"/>
      <c r="R183" s="1"/>
      <c r="S183" s="1"/>
      <c r="T183" s="1"/>
      <c r="U183" s="1"/>
      <c r="V183" s="7"/>
    </row>
    <row r="184" spans="2:22" x14ac:dyDescent="0.2">
      <c r="B184" s="1"/>
      <c r="C184" s="1"/>
      <c r="D184" s="1"/>
      <c r="E184" s="1"/>
      <c r="F184" s="1"/>
      <c r="G184" s="1"/>
      <c r="H184" s="1"/>
      <c r="I184" s="1"/>
      <c r="J184" s="1"/>
      <c r="K184" s="1"/>
      <c r="L184" s="1"/>
      <c r="M184" s="1"/>
      <c r="N184" s="1"/>
      <c r="O184" s="1"/>
      <c r="P184" s="1"/>
      <c r="Q184" s="1"/>
      <c r="R184" s="1"/>
      <c r="S184" s="1"/>
      <c r="T184" s="1"/>
      <c r="U184" s="1"/>
      <c r="V184" s="7"/>
    </row>
    <row r="185" spans="2:22" x14ac:dyDescent="0.2">
      <c r="B185" s="1"/>
      <c r="C185" s="1"/>
      <c r="D185" s="1"/>
      <c r="E185" s="1"/>
      <c r="F185" s="1"/>
      <c r="G185" s="1"/>
      <c r="H185" s="1"/>
      <c r="I185" s="1"/>
      <c r="J185" s="1"/>
      <c r="K185" s="1"/>
      <c r="L185" s="1"/>
      <c r="M185" s="1"/>
      <c r="N185" s="1"/>
      <c r="O185" s="1"/>
      <c r="P185" s="1"/>
      <c r="Q185" s="1"/>
      <c r="R185" s="1"/>
      <c r="S185" s="1"/>
      <c r="T185" s="1"/>
      <c r="U185" s="1"/>
      <c r="V185" s="7"/>
    </row>
    <row r="186" spans="2:22" x14ac:dyDescent="0.2">
      <c r="B186" s="1"/>
      <c r="C186" s="1"/>
      <c r="D186" s="1"/>
      <c r="E186" s="1"/>
      <c r="F186" s="1"/>
      <c r="G186" s="1"/>
      <c r="H186" s="1"/>
      <c r="I186" s="1"/>
      <c r="J186" s="1"/>
      <c r="K186" s="1"/>
      <c r="L186" s="1"/>
      <c r="M186" s="1"/>
      <c r="N186" s="1"/>
      <c r="O186" s="1"/>
      <c r="P186" s="1"/>
      <c r="Q186" s="1"/>
      <c r="R186" s="1"/>
      <c r="S186" s="1"/>
      <c r="T186" s="1"/>
      <c r="U186" s="1"/>
      <c r="V186" s="7"/>
    </row>
    <row r="187" spans="2:22" x14ac:dyDescent="0.2">
      <c r="B187" s="1"/>
      <c r="C187" s="1"/>
      <c r="D187" s="1"/>
      <c r="E187" s="1"/>
      <c r="F187" s="1"/>
      <c r="G187" s="1"/>
      <c r="H187" s="1"/>
      <c r="I187" s="1"/>
      <c r="J187" s="1"/>
      <c r="K187" s="1"/>
      <c r="L187" s="1"/>
      <c r="M187" s="1"/>
      <c r="N187" s="1"/>
      <c r="O187" s="1"/>
      <c r="P187" s="1"/>
      <c r="Q187" s="1"/>
      <c r="R187" s="1"/>
      <c r="S187" s="1"/>
      <c r="T187" s="1"/>
      <c r="U187" s="1"/>
      <c r="V187" s="7"/>
    </row>
    <row r="188" spans="2:22" x14ac:dyDescent="0.2">
      <c r="B188" s="1"/>
      <c r="C188" s="1"/>
      <c r="D188" s="1"/>
      <c r="E188" s="1"/>
      <c r="F188" s="1"/>
      <c r="G188" s="1"/>
      <c r="H188" s="1"/>
      <c r="I188" s="1"/>
      <c r="J188" s="1"/>
      <c r="K188" s="1"/>
      <c r="L188" s="1"/>
      <c r="M188" s="1"/>
      <c r="N188" s="1"/>
      <c r="O188" s="1"/>
      <c r="P188" s="1"/>
      <c r="Q188" s="1"/>
      <c r="R188" s="1"/>
      <c r="S188" s="1"/>
      <c r="T188" s="1"/>
      <c r="U188" s="1"/>
      <c r="V188" s="7"/>
    </row>
    <row r="189" spans="2:22" x14ac:dyDescent="0.2">
      <c r="B189" s="1"/>
      <c r="C189" s="1"/>
      <c r="D189" s="1"/>
      <c r="E189" s="1"/>
      <c r="F189" s="1"/>
      <c r="G189" s="1"/>
      <c r="H189" s="1"/>
      <c r="I189" s="1"/>
      <c r="J189" s="1"/>
      <c r="K189" s="1"/>
      <c r="L189" s="1"/>
      <c r="M189" s="1"/>
      <c r="N189" s="1"/>
      <c r="O189" s="1"/>
      <c r="P189" s="1"/>
      <c r="Q189" s="1"/>
      <c r="R189" s="1"/>
      <c r="S189" s="1"/>
      <c r="T189" s="1"/>
      <c r="U189" s="1"/>
      <c r="V189" s="7"/>
    </row>
    <row r="190" spans="2:22" x14ac:dyDescent="0.2">
      <c r="B190" s="1"/>
      <c r="C190" s="1"/>
      <c r="D190" s="1"/>
      <c r="E190" s="1"/>
      <c r="F190" s="1"/>
      <c r="G190" s="1"/>
      <c r="H190" s="1"/>
      <c r="I190" s="1"/>
      <c r="J190" s="1"/>
      <c r="K190" s="1"/>
      <c r="L190" s="1"/>
      <c r="M190" s="1"/>
      <c r="N190" s="1"/>
      <c r="O190" s="1"/>
      <c r="P190" s="1"/>
      <c r="Q190" s="1"/>
      <c r="R190" s="1"/>
      <c r="S190" s="1"/>
      <c r="T190" s="1"/>
      <c r="U190" s="1"/>
      <c r="V190" s="7"/>
    </row>
    <row r="191" spans="2:22" x14ac:dyDescent="0.2">
      <c r="B191" s="1"/>
      <c r="C191" s="1"/>
      <c r="D191" s="1"/>
      <c r="E191" s="1"/>
      <c r="F191" s="1"/>
      <c r="G191" s="1"/>
      <c r="H191" s="1"/>
      <c r="I191" s="1"/>
      <c r="J191" s="1"/>
      <c r="K191" s="1"/>
      <c r="L191" s="1"/>
      <c r="M191" s="1"/>
      <c r="N191" s="1"/>
      <c r="O191" s="1"/>
      <c r="P191" s="1"/>
      <c r="Q191" s="1"/>
      <c r="R191" s="1"/>
      <c r="S191" s="1"/>
      <c r="T191" s="1"/>
      <c r="U191" s="1"/>
      <c r="V191" s="7"/>
    </row>
    <row r="192" spans="2:22" x14ac:dyDescent="0.2">
      <c r="B192" s="1"/>
      <c r="C192" s="1"/>
      <c r="D192" s="1"/>
      <c r="E192" s="1"/>
      <c r="F192" s="1"/>
      <c r="G192" s="1"/>
      <c r="H192" s="1"/>
      <c r="I192" s="1"/>
      <c r="J192" s="1"/>
      <c r="K192" s="1"/>
      <c r="L192" s="1"/>
      <c r="M192" s="1"/>
      <c r="N192" s="1"/>
      <c r="O192" s="1"/>
      <c r="P192" s="1"/>
      <c r="Q192" s="1"/>
      <c r="R192" s="1"/>
      <c r="S192" s="1"/>
      <c r="T192" s="1"/>
      <c r="U192" s="1"/>
      <c r="V192" s="7"/>
    </row>
    <row r="193" spans="2:22" x14ac:dyDescent="0.2">
      <c r="B193" s="1"/>
      <c r="C193" s="1"/>
      <c r="D193" s="1"/>
      <c r="E193" s="1"/>
      <c r="F193" s="1"/>
      <c r="G193" s="1"/>
      <c r="H193" s="1"/>
      <c r="I193" s="1"/>
      <c r="J193" s="1"/>
      <c r="K193" s="1"/>
      <c r="L193" s="1"/>
      <c r="M193" s="1"/>
      <c r="N193" s="1"/>
      <c r="O193" s="1"/>
      <c r="P193" s="1"/>
      <c r="Q193" s="1"/>
      <c r="R193" s="1"/>
      <c r="S193" s="1"/>
      <c r="T193" s="1"/>
      <c r="U193" s="1"/>
      <c r="V193" s="7"/>
    </row>
    <row r="194" spans="2:22" x14ac:dyDescent="0.2">
      <c r="B194" s="1"/>
      <c r="C194" s="1"/>
      <c r="D194" s="1"/>
      <c r="E194" s="1"/>
      <c r="F194" s="1"/>
      <c r="G194" s="1"/>
      <c r="H194" s="1"/>
      <c r="I194" s="1"/>
      <c r="J194" s="1"/>
      <c r="K194" s="1"/>
      <c r="L194" s="1"/>
      <c r="M194" s="1"/>
      <c r="N194" s="1"/>
      <c r="O194" s="1"/>
      <c r="P194" s="1"/>
      <c r="Q194" s="1"/>
      <c r="R194" s="1"/>
      <c r="S194" s="1"/>
      <c r="T194" s="1"/>
      <c r="U194" s="1"/>
      <c r="V194" s="7"/>
    </row>
    <row r="195" spans="2:22" x14ac:dyDescent="0.2">
      <c r="B195" s="1"/>
      <c r="C195" s="1"/>
      <c r="D195" s="1"/>
      <c r="E195" s="1"/>
      <c r="F195" s="1"/>
      <c r="G195" s="1"/>
      <c r="H195" s="1"/>
      <c r="I195" s="1"/>
      <c r="J195" s="1"/>
      <c r="K195" s="1"/>
      <c r="L195" s="1"/>
      <c r="M195" s="1"/>
      <c r="N195" s="1"/>
      <c r="O195" s="1"/>
      <c r="P195" s="1"/>
      <c r="Q195" s="1"/>
      <c r="R195" s="1"/>
      <c r="S195" s="1"/>
      <c r="T195" s="1"/>
      <c r="U195" s="1"/>
      <c r="V195" s="7"/>
    </row>
    <row r="196" spans="2:22" x14ac:dyDescent="0.2">
      <c r="B196" s="1"/>
      <c r="C196" s="1"/>
      <c r="D196" s="1"/>
      <c r="E196" s="1"/>
      <c r="F196" s="1"/>
      <c r="G196" s="1"/>
      <c r="H196" s="1"/>
      <c r="I196" s="1"/>
      <c r="J196" s="1"/>
      <c r="K196" s="1"/>
      <c r="L196" s="1"/>
      <c r="M196" s="1"/>
      <c r="N196" s="1"/>
      <c r="O196" s="1"/>
      <c r="P196" s="1"/>
      <c r="Q196" s="1"/>
      <c r="R196" s="1"/>
      <c r="S196" s="1"/>
      <c r="T196" s="1"/>
      <c r="U196" s="1"/>
      <c r="V196" s="7"/>
    </row>
    <row r="197" spans="2:22" x14ac:dyDescent="0.2">
      <c r="B197" s="1"/>
      <c r="C197" s="1"/>
      <c r="D197" s="1"/>
      <c r="E197" s="1"/>
      <c r="F197" s="1"/>
      <c r="G197" s="1"/>
      <c r="H197" s="1"/>
      <c r="I197" s="1"/>
      <c r="J197" s="1"/>
      <c r="K197" s="1"/>
      <c r="L197" s="1"/>
      <c r="M197" s="1"/>
      <c r="N197" s="1"/>
      <c r="O197" s="1"/>
      <c r="P197" s="1"/>
      <c r="Q197" s="1"/>
      <c r="R197" s="1"/>
      <c r="S197" s="1"/>
      <c r="T197" s="1"/>
      <c r="U197" s="1"/>
      <c r="V197" s="7"/>
    </row>
    <row r="198" spans="2:22" x14ac:dyDescent="0.2">
      <c r="B198" s="1"/>
      <c r="C198" s="1"/>
      <c r="D198" s="1"/>
      <c r="E198" s="1"/>
      <c r="F198" s="1"/>
      <c r="G198" s="1"/>
      <c r="H198" s="1"/>
      <c r="I198" s="1"/>
      <c r="J198" s="1"/>
      <c r="K198" s="1"/>
      <c r="L198" s="1"/>
      <c r="M198" s="1"/>
      <c r="N198" s="1"/>
      <c r="O198" s="1"/>
      <c r="P198" s="1"/>
      <c r="Q198" s="1"/>
      <c r="R198" s="1"/>
      <c r="S198" s="1"/>
      <c r="T198" s="1"/>
      <c r="U198" s="1"/>
      <c r="V198" s="7"/>
    </row>
    <row r="199" spans="2:22" x14ac:dyDescent="0.2">
      <c r="B199" s="1"/>
      <c r="C199" s="1"/>
      <c r="D199" s="1"/>
      <c r="E199" s="1"/>
      <c r="F199" s="1"/>
      <c r="G199" s="1"/>
      <c r="H199" s="1"/>
      <c r="I199" s="1"/>
      <c r="J199" s="1"/>
      <c r="K199" s="1"/>
      <c r="L199" s="1"/>
      <c r="M199" s="1"/>
      <c r="N199" s="1"/>
      <c r="O199" s="1"/>
      <c r="P199" s="1"/>
      <c r="Q199" s="1"/>
      <c r="R199" s="1"/>
      <c r="S199" s="1"/>
      <c r="T199" s="1"/>
      <c r="U199" s="1"/>
      <c r="V199" s="7"/>
    </row>
    <row r="200" spans="2:22" x14ac:dyDescent="0.2">
      <c r="B200" s="1"/>
      <c r="C200" s="1"/>
      <c r="D200" s="1"/>
      <c r="E200" s="1"/>
      <c r="F200" s="1"/>
      <c r="G200" s="1"/>
      <c r="H200" s="1"/>
      <c r="I200" s="1"/>
      <c r="J200" s="1"/>
      <c r="K200" s="1"/>
      <c r="L200" s="1"/>
      <c r="M200" s="1"/>
      <c r="N200" s="1"/>
      <c r="O200" s="1"/>
      <c r="P200" s="1"/>
      <c r="Q200" s="1"/>
      <c r="R200" s="1"/>
      <c r="S200" s="1"/>
      <c r="T200" s="1"/>
      <c r="U200" s="1"/>
      <c r="V200" s="7"/>
    </row>
    <row r="201" spans="2:22" x14ac:dyDescent="0.2">
      <c r="B201" s="1"/>
      <c r="C201" s="1"/>
      <c r="D201" s="1"/>
      <c r="E201" s="1"/>
      <c r="F201" s="1"/>
      <c r="G201" s="1"/>
      <c r="H201" s="1"/>
      <c r="I201" s="1"/>
      <c r="J201" s="1"/>
      <c r="K201" s="1"/>
      <c r="L201" s="1"/>
      <c r="M201" s="1"/>
      <c r="N201" s="1"/>
      <c r="O201" s="1"/>
      <c r="P201" s="1"/>
      <c r="Q201" s="1"/>
      <c r="R201" s="1"/>
      <c r="S201" s="1"/>
      <c r="T201" s="1"/>
      <c r="U201" s="1"/>
      <c r="V201" s="7"/>
    </row>
    <row r="202" spans="2:22" x14ac:dyDescent="0.2">
      <c r="B202" s="1"/>
      <c r="C202" s="1"/>
      <c r="D202" s="1"/>
      <c r="E202" s="1"/>
      <c r="F202" s="1"/>
      <c r="G202" s="1"/>
      <c r="H202" s="1"/>
      <c r="I202" s="1"/>
      <c r="J202" s="1"/>
      <c r="K202" s="1"/>
      <c r="L202" s="1"/>
      <c r="M202" s="1"/>
      <c r="N202" s="1"/>
      <c r="O202" s="1"/>
      <c r="P202" s="1"/>
      <c r="Q202" s="1"/>
      <c r="R202" s="1"/>
      <c r="S202" s="1"/>
      <c r="T202" s="1"/>
      <c r="U202" s="1"/>
      <c r="V202" s="7"/>
    </row>
    <row r="203" spans="2:22" x14ac:dyDescent="0.2">
      <c r="B203" s="1"/>
      <c r="C203" s="1"/>
      <c r="D203" s="1"/>
      <c r="E203" s="1"/>
      <c r="F203" s="1"/>
      <c r="G203" s="1"/>
      <c r="H203" s="1"/>
      <c r="I203" s="1"/>
      <c r="J203" s="1"/>
      <c r="K203" s="1"/>
      <c r="L203" s="1"/>
      <c r="M203" s="1"/>
      <c r="N203" s="1"/>
      <c r="O203" s="1"/>
      <c r="P203" s="1"/>
      <c r="Q203" s="1"/>
      <c r="R203" s="1"/>
      <c r="S203" s="1"/>
      <c r="T203" s="1"/>
      <c r="U203" s="1"/>
      <c r="V203" s="7"/>
    </row>
    <row r="204" spans="2:22" x14ac:dyDescent="0.2">
      <c r="B204" s="1"/>
      <c r="C204" s="1"/>
      <c r="D204" s="1"/>
      <c r="E204" s="1"/>
      <c r="F204" s="1"/>
      <c r="G204" s="1"/>
      <c r="H204" s="1"/>
      <c r="I204" s="1"/>
      <c r="J204" s="1"/>
      <c r="K204" s="1"/>
      <c r="L204" s="1"/>
      <c r="M204" s="1"/>
      <c r="N204" s="1"/>
      <c r="O204" s="1"/>
      <c r="P204" s="1"/>
      <c r="Q204" s="1"/>
      <c r="R204" s="1"/>
      <c r="S204" s="1"/>
      <c r="T204" s="1"/>
      <c r="U204" s="1"/>
      <c r="V204" s="7"/>
    </row>
    <row r="205" spans="2:22" x14ac:dyDescent="0.2">
      <c r="B205" s="1"/>
      <c r="C205" s="1"/>
      <c r="D205" s="1"/>
      <c r="E205" s="1"/>
      <c r="F205" s="1"/>
      <c r="G205" s="1"/>
      <c r="H205" s="1"/>
      <c r="I205" s="1"/>
      <c r="J205" s="1"/>
      <c r="K205" s="1"/>
      <c r="L205" s="1"/>
      <c r="M205" s="1"/>
      <c r="N205" s="1"/>
      <c r="O205" s="1"/>
      <c r="P205" s="1"/>
      <c r="Q205" s="1"/>
      <c r="R205" s="1"/>
      <c r="S205" s="1"/>
      <c r="T205" s="1"/>
      <c r="U205" s="1"/>
      <c r="V205" s="7"/>
    </row>
    <row r="206" spans="2:22" x14ac:dyDescent="0.2">
      <c r="B206" s="1"/>
      <c r="C206" s="1"/>
      <c r="D206" s="1"/>
      <c r="E206" s="1"/>
      <c r="F206" s="1"/>
      <c r="G206" s="1"/>
      <c r="H206" s="1"/>
      <c r="I206" s="1"/>
      <c r="J206" s="1"/>
      <c r="K206" s="1"/>
      <c r="L206" s="1"/>
      <c r="M206" s="1"/>
      <c r="N206" s="1"/>
      <c r="O206" s="1"/>
      <c r="P206" s="1"/>
      <c r="Q206" s="1"/>
      <c r="R206" s="1"/>
      <c r="S206" s="1"/>
      <c r="T206" s="1"/>
      <c r="U206" s="1"/>
      <c r="V206" s="7"/>
    </row>
    <row r="207" spans="2:22" x14ac:dyDescent="0.2">
      <c r="B207" s="1"/>
      <c r="C207" s="1"/>
      <c r="D207" s="1"/>
      <c r="E207" s="1"/>
      <c r="F207" s="1"/>
      <c r="G207" s="1"/>
      <c r="H207" s="1"/>
      <c r="I207" s="1"/>
      <c r="J207" s="1"/>
      <c r="K207" s="1"/>
      <c r="L207" s="1"/>
      <c r="M207" s="1"/>
      <c r="N207" s="1"/>
      <c r="O207" s="1"/>
      <c r="P207" s="1"/>
      <c r="Q207" s="1"/>
      <c r="R207" s="1"/>
      <c r="S207" s="1"/>
      <c r="T207" s="1"/>
      <c r="U207" s="1"/>
      <c r="V207" s="7"/>
    </row>
    <row r="208" spans="2:22" x14ac:dyDescent="0.2">
      <c r="B208" s="1"/>
      <c r="C208" s="1"/>
      <c r="D208" s="1"/>
      <c r="E208" s="1"/>
      <c r="F208" s="1"/>
      <c r="G208" s="1"/>
      <c r="H208" s="1"/>
      <c r="I208" s="1"/>
      <c r="J208" s="1"/>
      <c r="K208" s="1"/>
      <c r="L208" s="1"/>
      <c r="M208" s="1"/>
      <c r="N208" s="1"/>
      <c r="O208" s="1"/>
      <c r="P208" s="1"/>
      <c r="Q208" s="1"/>
      <c r="R208" s="1"/>
      <c r="S208" s="1"/>
      <c r="T208" s="1"/>
      <c r="U208" s="1"/>
      <c r="V208" s="7"/>
    </row>
    <row r="209" spans="2:22" x14ac:dyDescent="0.2">
      <c r="B209" s="1"/>
      <c r="C209" s="1"/>
      <c r="D209" s="1"/>
      <c r="E209" s="1"/>
      <c r="F209" s="1"/>
      <c r="G209" s="1"/>
      <c r="H209" s="1"/>
      <c r="I209" s="1"/>
      <c r="J209" s="1"/>
      <c r="K209" s="1"/>
      <c r="L209" s="1"/>
      <c r="M209" s="1"/>
      <c r="N209" s="1"/>
      <c r="O209" s="1"/>
      <c r="P209" s="1"/>
      <c r="Q209" s="1"/>
      <c r="R209" s="1"/>
      <c r="S209" s="1"/>
      <c r="T209" s="1"/>
      <c r="U209" s="1"/>
      <c r="V209" s="7"/>
    </row>
    <row r="210" spans="2:22" x14ac:dyDescent="0.2">
      <c r="B210" s="1"/>
      <c r="C210" s="1"/>
      <c r="D210" s="1"/>
      <c r="E210" s="1"/>
      <c r="F210" s="1"/>
      <c r="G210" s="1"/>
      <c r="H210" s="1"/>
      <c r="I210" s="1"/>
      <c r="J210" s="1"/>
      <c r="K210" s="1"/>
      <c r="L210" s="1"/>
      <c r="M210" s="1"/>
      <c r="N210" s="1"/>
      <c r="O210" s="1"/>
      <c r="P210" s="1"/>
      <c r="Q210" s="1"/>
      <c r="R210" s="1"/>
      <c r="S210" s="1"/>
      <c r="T210" s="1"/>
      <c r="U210" s="1"/>
      <c r="V210" s="7"/>
    </row>
    <row r="211" spans="2:22" x14ac:dyDescent="0.2">
      <c r="B211" s="1"/>
      <c r="C211" s="1"/>
      <c r="D211" s="1"/>
      <c r="E211" s="1"/>
      <c r="F211" s="1"/>
      <c r="G211" s="1"/>
      <c r="H211" s="1"/>
      <c r="I211" s="1"/>
      <c r="J211" s="1"/>
      <c r="K211" s="1"/>
      <c r="L211" s="1"/>
      <c r="M211" s="1"/>
      <c r="N211" s="1"/>
      <c r="O211" s="1"/>
      <c r="P211" s="1"/>
      <c r="Q211" s="1"/>
      <c r="R211" s="1"/>
      <c r="S211" s="1"/>
      <c r="T211" s="1"/>
      <c r="U211" s="1"/>
      <c r="V211" s="7"/>
    </row>
    <row r="212" spans="2:22" x14ac:dyDescent="0.2">
      <c r="B212" s="1"/>
      <c r="C212" s="1"/>
      <c r="D212" s="1"/>
      <c r="E212" s="1"/>
      <c r="F212" s="1"/>
      <c r="G212" s="1"/>
      <c r="H212" s="1"/>
      <c r="I212" s="1"/>
      <c r="J212" s="1"/>
      <c r="K212" s="1"/>
      <c r="L212" s="1"/>
      <c r="M212" s="1"/>
      <c r="N212" s="1"/>
      <c r="O212" s="1"/>
      <c r="P212" s="1"/>
      <c r="Q212" s="1"/>
      <c r="R212" s="1"/>
      <c r="S212" s="1"/>
      <c r="T212" s="1"/>
      <c r="U212" s="1"/>
      <c r="V212" s="7"/>
    </row>
    <row r="213" spans="2:22" x14ac:dyDescent="0.2">
      <c r="B213" s="1"/>
      <c r="C213" s="1"/>
      <c r="D213" s="1"/>
      <c r="E213" s="1"/>
      <c r="F213" s="1"/>
      <c r="G213" s="1"/>
      <c r="H213" s="1"/>
      <c r="I213" s="1"/>
      <c r="J213" s="1"/>
      <c r="K213" s="1"/>
      <c r="L213" s="1"/>
      <c r="M213" s="1"/>
      <c r="N213" s="1"/>
      <c r="O213" s="1"/>
      <c r="P213" s="1"/>
      <c r="Q213" s="1"/>
      <c r="R213" s="1"/>
      <c r="S213" s="1"/>
      <c r="T213" s="1"/>
      <c r="U213" s="1"/>
      <c r="V213" s="7"/>
    </row>
    <row r="214" spans="2:22" x14ac:dyDescent="0.2">
      <c r="B214" s="1"/>
      <c r="C214" s="1"/>
      <c r="D214" s="1"/>
      <c r="E214" s="1"/>
      <c r="F214" s="1"/>
      <c r="G214" s="1"/>
      <c r="H214" s="1"/>
      <c r="I214" s="1"/>
      <c r="J214" s="1"/>
      <c r="K214" s="1"/>
      <c r="L214" s="1"/>
      <c r="M214" s="1"/>
      <c r="N214" s="1"/>
      <c r="O214" s="1"/>
      <c r="P214" s="1"/>
      <c r="Q214" s="1"/>
      <c r="R214" s="1"/>
      <c r="S214" s="1"/>
      <c r="T214" s="1"/>
      <c r="U214" s="1"/>
      <c r="V214" s="7"/>
    </row>
    <row r="215" spans="2:22" x14ac:dyDescent="0.2">
      <c r="B215" s="1"/>
      <c r="C215" s="1"/>
      <c r="D215" s="1"/>
      <c r="E215" s="1"/>
      <c r="F215" s="1"/>
      <c r="G215" s="1"/>
      <c r="H215" s="1"/>
      <c r="I215" s="1"/>
      <c r="J215" s="1"/>
      <c r="K215" s="1"/>
      <c r="L215" s="1"/>
      <c r="M215" s="1"/>
      <c r="N215" s="1"/>
      <c r="O215" s="1"/>
      <c r="P215" s="1"/>
      <c r="Q215" s="1"/>
      <c r="R215" s="1"/>
      <c r="S215" s="1"/>
      <c r="T215" s="1"/>
      <c r="U215" s="1"/>
      <c r="V215" s="7"/>
    </row>
    <row r="216" spans="2:22" x14ac:dyDescent="0.2">
      <c r="B216" s="1"/>
      <c r="C216" s="1"/>
      <c r="D216" s="1"/>
      <c r="E216" s="1"/>
      <c r="F216" s="1"/>
      <c r="G216" s="1"/>
      <c r="H216" s="1"/>
      <c r="I216" s="1"/>
      <c r="J216" s="1"/>
      <c r="K216" s="1"/>
      <c r="L216" s="1"/>
      <c r="M216" s="1"/>
      <c r="N216" s="1"/>
      <c r="O216" s="1"/>
      <c r="P216" s="1"/>
      <c r="Q216" s="1"/>
      <c r="R216" s="1"/>
      <c r="S216" s="1"/>
      <c r="T216" s="1"/>
      <c r="U216" s="1"/>
      <c r="V216" s="7"/>
    </row>
    <row r="217" spans="2:22" x14ac:dyDescent="0.2">
      <c r="B217" s="1"/>
      <c r="C217" s="1"/>
      <c r="D217" s="1"/>
      <c r="E217" s="1"/>
      <c r="F217" s="1"/>
      <c r="G217" s="1"/>
      <c r="H217" s="1"/>
      <c r="I217" s="1"/>
      <c r="J217" s="1"/>
      <c r="K217" s="1"/>
      <c r="L217" s="1"/>
      <c r="M217" s="1"/>
      <c r="N217" s="1"/>
      <c r="O217" s="1"/>
      <c r="P217" s="1"/>
      <c r="Q217" s="1"/>
      <c r="R217" s="1"/>
      <c r="S217" s="1"/>
      <c r="T217" s="1"/>
      <c r="U217" s="1"/>
      <c r="V217" s="7"/>
    </row>
    <row r="218" spans="2:22" x14ac:dyDescent="0.2">
      <c r="B218" s="1"/>
      <c r="C218" s="1"/>
      <c r="D218" s="1"/>
      <c r="E218" s="1"/>
      <c r="F218" s="1"/>
      <c r="G218" s="1"/>
      <c r="H218" s="1"/>
      <c r="I218" s="1"/>
      <c r="J218" s="1"/>
      <c r="K218" s="1"/>
      <c r="L218" s="1"/>
      <c r="M218" s="1"/>
      <c r="N218" s="1"/>
      <c r="O218" s="1"/>
      <c r="P218" s="1"/>
      <c r="Q218" s="1"/>
      <c r="R218" s="1"/>
      <c r="S218" s="1"/>
      <c r="T218" s="1"/>
      <c r="U218" s="1"/>
      <c r="V218" s="7"/>
    </row>
    <row r="219" spans="2:22" x14ac:dyDescent="0.2">
      <c r="B219" s="1"/>
      <c r="C219" s="1"/>
      <c r="D219" s="1"/>
      <c r="E219" s="1"/>
      <c r="F219" s="1"/>
      <c r="G219" s="1"/>
      <c r="H219" s="1"/>
      <c r="I219" s="1"/>
      <c r="J219" s="1"/>
      <c r="K219" s="1"/>
      <c r="L219" s="1"/>
      <c r="M219" s="1"/>
      <c r="N219" s="1"/>
      <c r="O219" s="1"/>
      <c r="P219" s="1"/>
      <c r="Q219" s="1"/>
      <c r="R219" s="1"/>
      <c r="S219" s="1"/>
      <c r="T219" s="1"/>
      <c r="U219" s="1"/>
      <c r="V219" s="7"/>
    </row>
    <row r="220" spans="2:22" x14ac:dyDescent="0.2">
      <c r="B220" s="1"/>
      <c r="C220" s="1"/>
      <c r="D220" s="1"/>
      <c r="E220" s="1"/>
      <c r="F220" s="1"/>
      <c r="G220" s="1"/>
      <c r="H220" s="1"/>
      <c r="I220" s="1"/>
      <c r="J220" s="1"/>
      <c r="K220" s="1"/>
      <c r="L220" s="1"/>
      <c r="M220" s="1"/>
      <c r="N220" s="1"/>
      <c r="O220" s="1"/>
      <c r="P220" s="1"/>
      <c r="Q220" s="1"/>
      <c r="R220" s="1"/>
      <c r="S220" s="1"/>
      <c r="T220" s="1"/>
      <c r="U220" s="1"/>
      <c r="V220" s="7"/>
    </row>
    <row r="221" spans="2:22" x14ac:dyDescent="0.2">
      <c r="B221" s="1"/>
      <c r="C221" s="1"/>
      <c r="D221" s="1"/>
      <c r="E221" s="1"/>
      <c r="F221" s="1"/>
      <c r="G221" s="1"/>
      <c r="H221" s="1"/>
      <c r="I221" s="1"/>
      <c r="J221" s="1"/>
      <c r="K221" s="1"/>
      <c r="L221" s="1"/>
      <c r="M221" s="1"/>
      <c r="N221" s="1"/>
      <c r="O221" s="1"/>
      <c r="P221" s="1"/>
      <c r="Q221" s="1"/>
      <c r="R221" s="1"/>
      <c r="S221" s="1"/>
      <c r="T221" s="1"/>
      <c r="U221" s="1"/>
      <c r="V221" s="7"/>
    </row>
    <row r="222" spans="2:22" x14ac:dyDescent="0.2">
      <c r="B222" s="1"/>
      <c r="C222" s="1"/>
      <c r="D222" s="1"/>
      <c r="E222" s="1"/>
      <c r="F222" s="1"/>
      <c r="G222" s="1"/>
      <c r="H222" s="1"/>
      <c r="I222" s="1"/>
      <c r="J222" s="1"/>
      <c r="K222" s="1"/>
      <c r="L222" s="1"/>
      <c r="M222" s="1"/>
      <c r="N222" s="1"/>
      <c r="O222" s="1"/>
      <c r="P222" s="1"/>
      <c r="Q222" s="1"/>
      <c r="R222" s="1"/>
      <c r="S222" s="1"/>
      <c r="T222" s="1"/>
      <c r="U222" s="1"/>
      <c r="V222" s="7"/>
    </row>
    <row r="223" spans="2:22" x14ac:dyDescent="0.2">
      <c r="B223" s="1"/>
      <c r="C223" s="1"/>
      <c r="D223" s="1"/>
      <c r="E223" s="1"/>
      <c r="F223" s="1"/>
      <c r="G223" s="1"/>
      <c r="H223" s="1"/>
      <c r="I223" s="1"/>
      <c r="J223" s="1"/>
      <c r="K223" s="1"/>
      <c r="L223" s="1"/>
      <c r="M223" s="1"/>
      <c r="N223" s="1"/>
      <c r="O223" s="1"/>
      <c r="P223" s="1"/>
      <c r="Q223" s="1"/>
      <c r="R223" s="1"/>
      <c r="S223" s="1"/>
      <c r="T223" s="1"/>
      <c r="U223" s="1"/>
      <c r="V223" s="7"/>
    </row>
    <row r="224" spans="2:22" x14ac:dyDescent="0.2">
      <c r="B224" s="1"/>
      <c r="C224" s="1"/>
      <c r="D224" s="1"/>
      <c r="E224" s="1"/>
      <c r="F224" s="1"/>
      <c r="G224" s="1"/>
      <c r="H224" s="1"/>
      <c r="I224" s="1"/>
      <c r="J224" s="1"/>
      <c r="K224" s="1"/>
      <c r="L224" s="1"/>
      <c r="M224" s="1"/>
      <c r="N224" s="1"/>
      <c r="O224" s="1"/>
      <c r="P224" s="1"/>
      <c r="Q224" s="1"/>
      <c r="R224" s="1"/>
      <c r="S224" s="1"/>
      <c r="T224" s="1"/>
      <c r="U224" s="1"/>
      <c r="V224" s="7"/>
    </row>
    <row r="225" spans="2:22" x14ac:dyDescent="0.2">
      <c r="B225" s="1"/>
      <c r="C225" s="1"/>
      <c r="D225" s="1"/>
      <c r="E225" s="1"/>
      <c r="F225" s="1"/>
      <c r="G225" s="1"/>
      <c r="H225" s="1"/>
      <c r="I225" s="1"/>
      <c r="J225" s="1"/>
      <c r="K225" s="1"/>
      <c r="L225" s="1"/>
      <c r="M225" s="1"/>
      <c r="N225" s="1"/>
      <c r="O225" s="1"/>
      <c r="P225" s="1"/>
      <c r="Q225" s="1"/>
      <c r="R225" s="1"/>
      <c r="S225" s="1"/>
      <c r="T225" s="1"/>
      <c r="U225" s="1"/>
      <c r="V225" s="7"/>
    </row>
    <row r="226" spans="2:22" x14ac:dyDescent="0.2">
      <c r="B226" s="1"/>
      <c r="C226" s="1"/>
      <c r="D226" s="1"/>
      <c r="E226" s="1"/>
      <c r="F226" s="1"/>
      <c r="G226" s="1"/>
      <c r="H226" s="1"/>
      <c r="I226" s="1"/>
      <c r="J226" s="1"/>
      <c r="K226" s="1"/>
      <c r="L226" s="1"/>
      <c r="M226" s="1"/>
      <c r="N226" s="1"/>
      <c r="O226" s="1"/>
      <c r="P226" s="1"/>
      <c r="Q226" s="1"/>
      <c r="R226" s="1"/>
      <c r="S226" s="1"/>
      <c r="T226" s="1"/>
      <c r="U226" s="1"/>
      <c r="V226" s="7"/>
    </row>
    <row r="227" spans="2:22" x14ac:dyDescent="0.2">
      <c r="B227" s="1"/>
      <c r="C227" s="1"/>
      <c r="D227" s="1"/>
      <c r="E227" s="1"/>
      <c r="F227" s="1"/>
      <c r="G227" s="1"/>
      <c r="H227" s="1"/>
      <c r="I227" s="1"/>
      <c r="J227" s="1"/>
      <c r="K227" s="1"/>
      <c r="L227" s="1"/>
      <c r="M227" s="1"/>
      <c r="N227" s="1"/>
      <c r="O227" s="1"/>
      <c r="P227" s="1"/>
      <c r="Q227" s="1"/>
      <c r="R227" s="1"/>
      <c r="S227" s="1"/>
      <c r="T227" s="1"/>
      <c r="U227" s="1"/>
      <c r="V227" s="7"/>
    </row>
    <row r="228" spans="2:22" x14ac:dyDescent="0.2">
      <c r="B228" s="1"/>
      <c r="C228" s="1"/>
      <c r="D228" s="1"/>
      <c r="E228" s="1"/>
      <c r="F228" s="1"/>
      <c r="G228" s="1"/>
      <c r="H228" s="1"/>
      <c r="I228" s="1"/>
      <c r="J228" s="1"/>
      <c r="K228" s="1"/>
      <c r="L228" s="1"/>
      <c r="M228" s="1"/>
      <c r="N228" s="1"/>
      <c r="O228" s="1"/>
      <c r="P228" s="1"/>
      <c r="Q228" s="1"/>
      <c r="R228" s="1"/>
      <c r="S228" s="1"/>
      <c r="T228" s="1"/>
      <c r="U228" s="1"/>
      <c r="V228" s="7"/>
    </row>
    <row r="229" spans="2:22" x14ac:dyDescent="0.2">
      <c r="B229" s="1"/>
      <c r="C229" s="1"/>
      <c r="D229" s="1"/>
      <c r="E229" s="1"/>
      <c r="F229" s="1"/>
      <c r="G229" s="1"/>
      <c r="H229" s="1"/>
      <c r="I229" s="1"/>
      <c r="J229" s="1"/>
      <c r="K229" s="1"/>
      <c r="L229" s="1"/>
      <c r="M229" s="1"/>
      <c r="N229" s="1"/>
      <c r="O229" s="1"/>
      <c r="P229" s="1"/>
      <c r="Q229" s="1"/>
      <c r="R229" s="1"/>
      <c r="S229" s="1"/>
      <c r="T229" s="1"/>
      <c r="U229" s="1"/>
      <c r="V229" s="7"/>
    </row>
    <row r="230" spans="2:22" x14ac:dyDescent="0.2">
      <c r="B230" s="1"/>
      <c r="C230" s="1"/>
      <c r="D230" s="1"/>
      <c r="E230" s="1"/>
      <c r="F230" s="1"/>
      <c r="G230" s="1"/>
      <c r="H230" s="1"/>
      <c r="I230" s="1"/>
      <c r="J230" s="1"/>
      <c r="K230" s="1"/>
      <c r="L230" s="1"/>
      <c r="M230" s="1"/>
      <c r="N230" s="1"/>
      <c r="O230" s="1"/>
      <c r="P230" s="1"/>
      <c r="Q230" s="1"/>
      <c r="R230" s="1"/>
      <c r="S230" s="1"/>
      <c r="T230" s="1"/>
      <c r="U230" s="1"/>
      <c r="V230" s="7"/>
    </row>
    <row r="231" spans="2:22" x14ac:dyDescent="0.2">
      <c r="B231" s="1"/>
      <c r="C231" s="1"/>
      <c r="D231" s="1"/>
      <c r="E231" s="1"/>
      <c r="F231" s="1"/>
      <c r="G231" s="1"/>
      <c r="H231" s="1"/>
      <c r="I231" s="1"/>
      <c r="J231" s="1"/>
      <c r="K231" s="1"/>
      <c r="L231" s="1"/>
      <c r="M231" s="1"/>
      <c r="N231" s="1"/>
      <c r="O231" s="1"/>
      <c r="P231" s="1"/>
      <c r="Q231" s="1"/>
      <c r="R231" s="1"/>
      <c r="S231" s="1"/>
      <c r="T231" s="1"/>
      <c r="U231" s="1"/>
      <c r="V231" s="7"/>
    </row>
    <row r="232" spans="2:22" x14ac:dyDescent="0.2">
      <c r="B232" s="1"/>
      <c r="C232" s="1"/>
      <c r="D232" s="1"/>
      <c r="E232" s="1"/>
      <c r="F232" s="1"/>
      <c r="G232" s="1"/>
      <c r="H232" s="1"/>
      <c r="I232" s="1"/>
      <c r="J232" s="1"/>
      <c r="K232" s="1"/>
      <c r="L232" s="1"/>
      <c r="M232" s="1"/>
      <c r="N232" s="1"/>
      <c r="O232" s="1"/>
      <c r="P232" s="1"/>
      <c r="Q232" s="1"/>
      <c r="R232" s="1"/>
      <c r="S232" s="1"/>
      <c r="T232" s="1"/>
      <c r="U232" s="1"/>
      <c r="V232" s="7"/>
    </row>
    <row r="233" spans="2:22" x14ac:dyDescent="0.2">
      <c r="B233" s="1"/>
      <c r="C233" s="1"/>
      <c r="D233" s="1"/>
      <c r="E233" s="1"/>
      <c r="F233" s="1"/>
      <c r="G233" s="1"/>
      <c r="H233" s="1"/>
      <c r="I233" s="1"/>
      <c r="J233" s="1"/>
      <c r="K233" s="1"/>
      <c r="L233" s="1"/>
      <c r="M233" s="1"/>
      <c r="N233" s="1"/>
      <c r="O233" s="1"/>
      <c r="P233" s="1"/>
      <c r="Q233" s="1"/>
      <c r="R233" s="1"/>
      <c r="S233" s="1"/>
      <c r="T233" s="1"/>
      <c r="U233" s="1"/>
      <c r="V233" s="7"/>
    </row>
    <row r="234" spans="2:22" x14ac:dyDescent="0.2">
      <c r="B234" s="1"/>
      <c r="C234" s="1"/>
      <c r="D234" s="1"/>
      <c r="E234" s="1"/>
      <c r="F234" s="1"/>
      <c r="G234" s="1"/>
      <c r="H234" s="1"/>
      <c r="I234" s="1"/>
      <c r="J234" s="1"/>
      <c r="K234" s="1"/>
      <c r="L234" s="1"/>
      <c r="M234" s="1"/>
      <c r="N234" s="1"/>
      <c r="O234" s="1"/>
      <c r="P234" s="1"/>
      <c r="Q234" s="1"/>
      <c r="R234" s="1"/>
      <c r="S234" s="1"/>
      <c r="T234" s="1"/>
      <c r="U234" s="1"/>
      <c r="V234" s="7"/>
    </row>
    <row r="235" spans="2:22" x14ac:dyDescent="0.2">
      <c r="B235" s="1"/>
      <c r="C235" s="1"/>
      <c r="D235" s="1"/>
      <c r="E235" s="1"/>
      <c r="F235" s="1"/>
      <c r="G235" s="1"/>
      <c r="H235" s="1"/>
      <c r="I235" s="1"/>
      <c r="J235" s="1"/>
      <c r="K235" s="1"/>
      <c r="L235" s="1"/>
      <c r="M235" s="1"/>
      <c r="N235" s="1"/>
      <c r="O235" s="1"/>
      <c r="P235" s="1"/>
      <c r="Q235" s="1"/>
      <c r="R235" s="1"/>
      <c r="S235" s="1"/>
      <c r="T235" s="1"/>
      <c r="U235" s="1"/>
      <c r="V235" s="7"/>
    </row>
    <row r="236" spans="2:22" x14ac:dyDescent="0.2">
      <c r="B236" s="1"/>
      <c r="C236" s="1"/>
      <c r="D236" s="1"/>
      <c r="E236" s="1"/>
      <c r="F236" s="1"/>
      <c r="G236" s="1"/>
      <c r="H236" s="1"/>
      <c r="I236" s="1"/>
      <c r="J236" s="1"/>
      <c r="K236" s="1"/>
      <c r="L236" s="1"/>
      <c r="M236" s="1"/>
      <c r="N236" s="1"/>
      <c r="O236" s="1"/>
      <c r="P236" s="1"/>
      <c r="Q236" s="1"/>
      <c r="R236" s="1"/>
      <c r="S236" s="1"/>
      <c r="T236" s="1"/>
      <c r="U236" s="1"/>
      <c r="V236" s="7"/>
    </row>
    <row r="237" spans="2:22" x14ac:dyDescent="0.2">
      <c r="B237" s="1"/>
      <c r="C237" s="1"/>
      <c r="D237" s="1"/>
      <c r="E237" s="1"/>
      <c r="F237" s="1"/>
      <c r="G237" s="1"/>
      <c r="H237" s="1"/>
      <c r="I237" s="1"/>
      <c r="J237" s="1"/>
      <c r="K237" s="1"/>
      <c r="L237" s="1"/>
      <c r="M237" s="1"/>
      <c r="N237" s="1"/>
      <c r="O237" s="1"/>
      <c r="P237" s="1"/>
      <c r="Q237" s="1"/>
      <c r="R237" s="1"/>
      <c r="S237" s="1"/>
      <c r="T237" s="1"/>
      <c r="U237" s="1"/>
      <c r="V237" s="7"/>
    </row>
    <row r="238" spans="2:22" x14ac:dyDescent="0.2">
      <c r="B238" s="1"/>
      <c r="C238" s="1"/>
      <c r="D238" s="1"/>
      <c r="E238" s="1"/>
      <c r="F238" s="1"/>
      <c r="G238" s="1"/>
      <c r="H238" s="1"/>
      <c r="I238" s="1"/>
      <c r="J238" s="1"/>
      <c r="K238" s="1"/>
      <c r="L238" s="1"/>
      <c r="M238" s="1"/>
      <c r="N238" s="1"/>
      <c r="O238" s="1"/>
      <c r="P238" s="1"/>
      <c r="Q238" s="1"/>
      <c r="R238" s="1"/>
      <c r="S238" s="1"/>
      <c r="T238" s="1"/>
      <c r="U238" s="1"/>
      <c r="V238" s="7"/>
    </row>
    <row r="239" spans="2:22" x14ac:dyDescent="0.2">
      <c r="B239" s="1"/>
      <c r="C239" s="1"/>
      <c r="D239" s="1"/>
      <c r="E239" s="1"/>
      <c r="F239" s="1"/>
      <c r="G239" s="1"/>
      <c r="H239" s="1"/>
      <c r="I239" s="1"/>
      <c r="J239" s="1"/>
      <c r="K239" s="1"/>
      <c r="L239" s="1"/>
      <c r="M239" s="1"/>
      <c r="N239" s="1"/>
      <c r="O239" s="1"/>
      <c r="P239" s="1"/>
      <c r="Q239" s="1"/>
      <c r="R239" s="1"/>
      <c r="S239" s="1"/>
      <c r="T239" s="1"/>
      <c r="U239" s="1"/>
      <c r="V239" s="7"/>
    </row>
    <row r="240" spans="2:22" x14ac:dyDescent="0.2">
      <c r="B240" s="1"/>
      <c r="C240" s="1"/>
      <c r="D240" s="1"/>
      <c r="E240" s="1"/>
      <c r="F240" s="1"/>
      <c r="G240" s="1"/>
      <c r="H240" s="1"/>
      <c r="I240" s="1"/>
      <c r="J240" s="1"/>
      <c r="K240" s="1"/>
      <c r="L240" s="1"/>
      <c r="M240" s="1"/>
      <c r="N240" s="1"/>
      <c r="O240" s="1"/>
      <c r="P240" s="1"/>
      <c r="Q240" s="1"/>
      <c r="R240" s="1"/>
      <c r="S240" s="1"/>
      <c r="T240" s="1"/>
      <c r="U240" s="1"/>
      <c r="V240" s="7"/>
    </row>
    <row r="241" spans="2:22" x14ac:dyDescent="0.2">
      <c r="B241" s="1"/>
      <c r="C241" s="1"/>
      <c r="D241" s="1"/>
      <c r="E241" s="1"/>
      <c r="F241" s="1"/>
      <c r="G241" s="1"/>
      <c r="H241" s="1"/>
      <c r="I241" s="1"/>
      <c r="J241" s="1"/>
      <c r="K241" s="1"/>
      <c r="L241" s="1"/>
      <c r="M241" s="1"/>
      <c r="N241" s="1"/>
      <c r="O241" s="1"/>
      <c r="P241" s="1"/>
      <c r="Q241" s="1"/>
      <c r="R241" s="1"/>
      <c r="S241" s="1"/>
      <c r="T241" s="1"/>
      <c r="U241" s="1"/>
      <c r="V241" s="7"/>
    </row>
    <row r="242" spans="2:22" x14ac:dyDescent="0.2">
      <c r="B242" s="1"/>
      <c r="C242" s="1"/>
      <c r="D242" s="1"/>
      <c r="E242" s="1"/>
      <c r="F242" s="1"/>
      <c r="G242" s="1"/>
      <c r="H242" s="1"/>
      <c r="I242" s="1"/>
      <c r="J242" s="1"/>
      <c r="K242" s="1"/>
      <c r="L242" s="1"/>
      <c r="M242" s="1"/>
      <c r="N242" s="1"/>
      <c r="O242" s="1"/>
      <c r="P242" s="1"/>
      <c r="Q242" s="1"/>
      <c r="R242" s="1"/>
      <c r="S242" s="1"/>
      <c r="T242" s="1"/>
      <c r="U242" s="1"/>
      <c r="V242" s="7"/>
    </row>
    <row r="243" spans="2:22" x14ac:dyDescent="0.2">
      <c r="B243" s="1"/>
      <c r="C243" s="1"/>
      <c r="D243" s="1"/>
      <c r="E243" s="1"/>
      <c r="F243" s="1"/>
      <c r="G243" s="1"/>
      <c r="H243" s="1"/>
      <c r="I243" s="1"/>
      <c r="J243" s="1"/>
      <c r="K243" s="1"/>
      <c r="L243" s="1"/>
      <c r="M243" s="1"/>
      <c r="N243" s="1"/>
      <c r="O243" s="1"/>
      <c r="P243" s="1"/>
      <c r="Q243" s="1"/>
      <c r="R243" s="1"/>
      <c r="S243" s="1"/>
      <c r="T243" s="1"/>
      <c r="U243" s="1"/>
      <c r="V243" s="7"/>
    </row>
    <row r="244" spans="2:22" x14ac:dyDescent="0.2">
      <c r="B244" s="1"/>
      <c r="C244" s="1"/>
      <c r="D244" s="1"/>
      <c r="E244" s="1"/>
      <c r="F244" s="1"/>
      <c r="G244" s="1"/>
      <c r="H244" s="1"/>
      <c r="I244" s="1"/>
      <c r="J244" s="1"/>
      <c r="K244" s="1"/>
      <c r="L244" s="1"/>
      <c r="M244" s="1"/>
      <c r="N244" s="1"/>
      <c r="O244" s="1"/>
      <c r="P244" s="1"/>
      <c r="Q244" s="1"/>
      <c r="R244" s="1"/>
      <c r="S244" s="1"/>
      <c r="T244" s="1"/>
      <c r="U244" s="1"/>
      <c r="V244" s="7"/>
    </row>
    <row r="245" spans="2:22" x14ac:dyDescent="0.2">
      <c r="B245" s="1"/>
      <c r="C245" s="1"/>
      <c r="D245" s="1"/>
      <c r="E245" s="1"/>
      <c r="F245" s="1"/>
      <c r="G245" s="1"/>
      <c r="H245" s="1"/>
      <c r="I245" s="1"/>
      <c r="J245" s="1"/>
      <c r="K245" s="1"/>
      <c r="L245" s="1"/>
      <c r="M245" s="1"/>
      <c r="N245" s="1"/>
      <c r="O245" s="1"/>
      <c r="P245" s="1"/>
      <c r="Q245" s="1"/>
      <c r="R245" s="1"/>
      <c r="S245" s="1"/>
      <c r="T245" s="1"/>
      <c r="U245" s="1"/>
      <c r="V245" s="7"/>
    </row>
    <row r="246" spans="2:22" x14ac:dyDescent="0.2">
      <c r="B246" s="1"/>
      <c r="C246" s="1"/>
      <c r="D246" s="1"/>
      <c r="E246" s="1"/>
      <c r="F246" s="1"/>
      <c r="G246" s="1"/>
      <c r="H246" s="1"/>
      <c r="I246" s="1"/>
      <c r="J246" s="1"/>
      <c r="K246" s="1"/>
      <c r="L246" s="1"/>
      <c r="M246" s="1"/>
      <c r="N246" s="1"/>
      <c r="O246" s="1"/>
      <c r="P246" s="1"/>
      <c r="Q246" s="1"/>
      <c r="R246" s="1"/>
      <c r="S246" s="1"/>
      <c r="T246" s="1"/>
      <c r="U246" s="1"/>
      <c r="V246" s="7"/>
    </row>
    <row r="247" spans="2:22" x14ac:dyDescent="0.2">
      <c r="B247" s="1"/>
      <c r="C247" s="1"/>
      <c r="D247" s="1"/>
      <c r="E247" s="1"/>
      <c r="F247" s="1"/>
      <c r="G247" s="1"/>
      <c r="H247" s="1"/>
      <c r="I247" s="1"/>
      <c r="J247" s="1"/>
      <c r="K247" s="1"/>
      <c r="L247" s="1"/>
      <c r="M247" s="1"/>
      <c r="N247" s="1"/>
      <c r="O247" s="1"/>
      <c r="P247" s="1"/>
      <c r="Q247" s="1"/>
      <c r="R247" s="1"/>
      <c r="S247" s="1"/>
      <c r="T247" s="1"/>
      <c r="U247" s="1"/>
      <c r="V247" s="7"/>
    </row>
    <row r="248" spans="2:22" x14ac:dyDescent="0.2">
      <c r="B248" s="1"/>
      <c r="C248" s="1"/>
      <c r="D248" s="1"/>
      <c r="E248" s="1"/>
      <c r="F248" s="1"/>
      <c r="G248" s="1"/>
      <c r="H248" s="1"/>
      <c r="I248" s="1"/>
      <c r="J248" s="1"/>
      <c r="K248" s="1"/>
      <c r="L248" s="1"/>
      <c r="M248" s="1"/>
      <c r="N248" s="1"/>
      <c r="O248" s="1"/>
      <c r="P248" s="1"/>
      <c r="Q248" s="1"/>
      <c r="R248" s="1"/>
      <c r="S248" s="1"/>
      <c r="T248" s="1"/>
      <c r="U248" s="1"/>
      <c r="V248" s="7"/>
    </row>
    <row r="249" spans="2:22" x14ac:dyDescent="0.2">
      <c r="B249" s="1"/>
      <c r="C249" s="1"/>
      <c r="D249" s="1"/>
      <c r="E249" s="1"/>
      <c r="F249" s="1"/>
      <c r="G249" s="1"/>
      <c r="H249" s="1"/>
      <c r="I249" s="1"/>
      <c r="J249" s="1"/>
      <c r="K249" s="1"/>
      <c r="L249" s="1"/>
      <c r="M249" s="1"/>
      <c r="N249" s="1"/>
      <c r="O249" s="1"/>
      <c r="P249" s="1"/>
      <c r="Q249" s="1"/>
      <c r="R249" s="1"/>
      <c r="S249" s="1"/>
      <c r="T249" s="1"/>
      <c r="U249" s="1"/>
      <c r="V249" s="7"/>
    </row>
    <row r="250" spans="2:22" x14ac:dyDescent="0.2">
      <c r="B250" s="1"/>
      <c r="C250" s="1"/>
      <c r="D250" s="1"/>
      <c r="E250" s="1"/>
      <c r="F250" s="1"/>
      <c r="G250" s="1"/>
      <c r="H250" s="1"/>
      <c r="I250" s="1"/>
      <c r="J250" s="1"/>
      <c r="K250" s="1"/>
      <c r="L250" s="1"/>
      <c r="M250" s="1"/>
      <c r="N250" s="1"/>
      <c r="O250" s="1"/>
      <c r="P250" s="1"/>
      <c r="Q250" s="1"/>
      <c r="R250" s="1"/>
      <c r="S250" s="1"/>
      <c r="T250" s="1"/>
      <c r="U250" s="1"/>
      <c r="V250" s="7"/>
    </row>
    <row r="251" spans="2:22" x14ac:dyDescent="0.2">
      <c r="B251" s="1"/>
      <c r="C251" s="1"/>
      <c r="D251" s="1"/>
      <c r="E251" s="1"/>
      <c r="F251" s="1"/>
      <c r="G251" s="1"/>
      <c r="H251" s="1"/>
      <c r="I251" s="1"/>
      <c r="J251" s="1"/>
      <c r="K251" s="1"/>
      <c r="L251" s="1"/>
      <c r="M251" s="1"/>
      <c r="N251" s="1"/>
      <c r="O251" s="1"/>
      <c r="P251" s="1"/>
      <c r="Q251" s="1"/>
      <c r="R251" s="1"/>
      <c r="S251" s="1"/>
      <c r="T251" s="1"/>
      <c r="U251" s="1"/>
      <c r="V251" s="7"/>
    </row>
    <row r="252" spans="2:22" x14ac:dyDescent="0.2">
      <c r="B252" s="1"/>
      <c r="C252" s="1"/>
      <c r="D252" s="1"/>
      <c r="E252" s="1"/>
      <c r="F252" s="1"/>
      <c r="G252" s="1"/>
      <c r="H252" s="1"/>
      <c r="I252" s="1"/>
      <c r="J252" s="1"/>
      <c r="K252" s="1"/>
      <c r="L252" s="1"/>
      <c r="M252" s="1"/>
      <c r="N252" s="1"/>
      <c r="O252" s="1"/>
      <c r="P252" s="1"/>
      <c r="Q252" s="1"/>
      <c r="R252" s="1"/>
      <c r="S252" s="1"/>
      <c r="T252" s="1"/>
      <c r="U252" s="1"/>
      <c r="V252" s="7"/>
    </row>
    <row r="253" spans="2:22" x14ac:dyDescent="0.2">
      <c r="B253" s="1"/>
      <c r="C253" s="1"/>
      <c r="D253" s="1"/>
      <c r="E253" s="1"/>
      <c r="F253" s="1"/>
      <c r="G253" s="1"/>
      <c r="H253" s="1"/>
      <c r="I253" s="1"/>
      <c r="J253" s="1"/>
      <c r="K253" s="1"/>
      <c r="L253" s="1"/>
      <c r="M253" s="1"/>
      <c r="N253" s="1"/>
      <c r="O253" s="1"/>
      <c r="P253" s="1"/>
      <c r="Q253" s="1"/>
      <c r="R253" s="1"/>
      <c r="S253" s="1"/>
      <c r="T253" s="1"/>
      <c r="U253" s="1"/>
      <c r="V253" s="7"/>
    </row>
    <row r="254" spans="2:22" x14ac:dyDescent="0.2">
      <c r="B254" s="1"/>
      <c r="C254" s="1"/>
      <c r="D254" s="1"/>
      <c r="E254" s="1"/>
      <c r="F254" s="1"/>
      <c r="G254" s="1"/>
      <c r="H254" s="1"/>
      <c r="I254" s="1"/>
      <c r="J254" s="1"/>
      <c r="K254" s="1"/>
      <c r="L254" s="1"/>
      <c r="M254" s="1"/>
      <c r="N254" s="1"/>
      <c r="O254" s="1"/>
      <c r="P254" s="1"/>
      <c r="Q254" s="1"/>
      <c r="R254" s="1"/>
      <c r="S254" s="1"/>
      <c r="T254" s="1"/>
      <c r="U254" s="1"/>
      <c r="V254" s="7"/>
    </row>
    <row r="255" spans="2:22" x14ac:dyDescent="0.2">
      <c r="B255" s="1"/>
      <c r="C255" s="1"/>
      <c r="D255" s="1"/>
      <c r="E255" s="1"/>
      <c r="F255" s="1"/>
      <c r="G255" s="1"/>
      <c r="H255" s="1"/>
      <c r="I255" s="1"/>
      <c r="J255" s="1"/>
      <c r="K255" s="1"/>
      <c r="L255" s="1"/>
      <c r="M255" s="1"/>
      <c r="N255" s="1"/>
      <c r="O255" s="1"/>
      <c r="P255" s="1"/>
      <c r="Q255" s="1"/>
      <c r="R255" s="1"/>
      <c r="S255" s="1"/>
      <c r="T255" s="1"/>
      <c r="U255" s="1"/>
      <c r="V255" s="7"/>
    </row>
    <row r="256" spans="2:22" x14ac:dyDescent="0.2">
      <c r="B256" s="1"/>
      <c r="C256" s="1"/>
      <c r="D256" s="1"/>
      <c r="E256" s="1"/>
      <c r="F256" s="1"/>
      <c r="G256" s="1"/>
      <c r="H256" s="1"/>
      <c r="I256" s="1"/>
      <c r="J256" s="1"/>
      <c r="K256" s="1"/>
      <c r="L256" s="1"/>
      <c r="M256" s="1"/>
      <c r="N256" s="1"/>
      <c r="O256" s="1"/>
      <c r="P256" s="1"/>
      <c r="Q256" s="1"/>
      <c r="R256" s="1"/>
      <c r="S256" s="1"/>
      <c r="T256" s="1"/>
      <c r="U256" s="1"/>
      <c r="V256" s="7"/>
    </row>
    <row r="257" spans="2:22" x14ac:dyDescent="0.2">
      <c r="B257" s="1"/>
      <c r="C257" s="1"/>
      <c r="D257" s="1"/>
      <c r="E257" s="1"/>
      <c r="F257" s="1"/>
      <c r="G257" s="1"/>
      <c r="H257" s="1"/>
      <c r="I257" s="1"/>
      <c r="J257" s="1"/>
      <c r="K257" s="1"/>
      <c r="L257" s="1"/>
      <c r="M257" s="1"/>
      <c r="N257" s="1"/>
      <c r="O257" s="1"/>
      <c r="P257" s="1"/>
      <c r="Q257" s="1"/>
      <c r="R257" s="1"/>
      <c r="S257" s="1"/>
      <c r="T257" s="1"/>
      <c r="U257" s="1"/>
      <c r="V257" s="7"/>
    </row>
    <row r="258" spans="2:22" x14ac:dyDescent="0.2">
      <c r="B258" s="1"/>
      <c r="C258" s="1"/>
      <c r="D258" s="1"/>
      <c r="E258" s="1"/>
      <c r="F258" s="1"/>
      <c r="G258" s="1"/>
      <c r="H258" s="1"/>
      <c r="I258" s="1"/>
      <c r="J258" s="1"/>
      <c r="K258" s="1"/>
      <c r="L258" s="1"/>
      <c r="M258" s="1"/>
      <c r="N258" s="1"/>
      <c r="O258" s="1"/>
      <c r="P258" s="1"/>
      <c r="Q258" s="1"/>
      <c r="R258" s="1"/>
      <c r="S258" s="1"/>
      <c r="T258" s="1"/>
      <c r="U258" s="1"/>
      <c r="V258" s="7"/>
    </row>
    <row r="259" spans="2:22" x14ac:dyDescent="0.2">
      <c r="B259" s="1"/>
      <c r="C259" s="1"/>
      <c r="D259" s="1"/>
      <c r="E259" s="1"/>
      <c r="F259" s="1"/>
      <c r="G259" s="1"/>
      <c r="H259" s="1"/>
      <c r="I259" s="1"/>
      <c r="J259" s="1"/>
      <c r="K259" s="1"/>
      <c r="L259" s="1"/>
      <c r="M259" s="1"/>
      <c r="N259" s="1"/>
      <c r="O259" s="1"/>
      <c r="P259" s="1"/>
      <c r="Q259" s="1"/>
      <c r="R259" s="1"/>
      <c r="S259" s="1"/>
      <c r="T259" s="1"/>
      <c r="U259" s="1"/>
      <c r="V259" s="7"/>
    </row>
    <row r="260" spans="2:22" x14ac:dyDescent="0.2">
      <c r="B260" s="1"/>
      <c r="C260" s="1"/>
      <c r="D260" s="1"/>
      <c r="E260" s="1"/>
      <c r="F260" s="1"/>
      <c r="G260" s="1"/>
      <c r="H260" s="1"/>
      <c r="I260" s="1"/>
      <c r="J260" s="1"/>
      <c r="K260" s="1"/>
      <c r="L260" s="1"/>
      <c r="M260" s="1"/>
      <c r="N260" s="1"/>
      <c r="O260" s="1"/>
      <c r="P260" s="1"/>
      <c r="Q260" s="1"/>
      <c r="R260" s="1"/>
      <c r="S260" s="1"/>
      <c r="T260" s="1"/>
      <c r="U260" s="1"/>
      <c r="V260" s="7"/>
    </row>
    <row r="261" spans="2:22" x14ac:dyDescent="0.2">
      <c r="B261" s="1"/>
      <c r="C261" s="1"/>
      <c r="D261" s="1"/>
      <c r="E261" s="1"/>
      <c r="F261" s="1"/>
      <c r="G261" s="1"/>
      <c r="H261" s="1"/>
      <c r="I261" s="1"/>
      <c r="J261" s="1"/>
      <c r="K261" s="1"/>
      <c r="L261" s="1"/>
      <c r="M261" s="1"/>
      <c r="N261" s="1"/>
      <c r="O261" s="1"/>
      <c r="P261" s="1"/>
      <c r="Q261" s="1"/>
      <c r="R261" s="1"/>
      <c r="S261" s="1"/>
      <c r="T261" s="1"/>
      <c r="U261" s="1"/>
      <c r="V261" s="7"/>
    </row>
    <row r="262" spans="2:22" x14ac:dyDescent="0.2">
      <c r="B262" s="1"/>
      <c r="C262" s="1"/>
      <c r="D262" s="1"/>
      <c r="E262" s="1"/>
      <c r="F262" s="1"/>
      <c r="G262" s="1"/>
      <c r="H262" s="1"/>
      <c r="I262" s="1"/>
      <c r="J262" s="1"/>
      <c r="K262" s="1"/>
      <c r="L262" s="1"/>
      <c r="M262" s="1"/>
      <c r="N262" s="1"/>
      <c r="O262" s="1"/>
      <c r="P262" s="1"/>
      <c r="Q262" s="1"/>
      <c r="R262" s="1"/>
      <c r="S262" s="1"/>
      <c r="T262" s="1"/>
      <c r="U262" s="1"/>
      <c r="V262" s="7"/>
    </row>
    <row r="263" spans="2:22" x14ac:dyDescent="0.2">
      <c r="B263" s="1"/>
      <c r="C263" s="1"/>
      <c r="D263" s="1"/>
      <c r="E263" s="1"/>
      <c r="F263" s="1"/>
      <c r="G263" s="1"/>
      <c r="H263" s="1"/>
      <c r="I263" s="1"/>
      <c r="J263" s="1"/>
      <c r="K263" s="1"/>
      <c r="L263" s="1"/>
      <c r="M263" s="1"/>
      <c r="N263" s="1"/>
      <c r="O263" s="1"/>
      <c r="P263" s="1"/>
      <c r="Q263" s="1"/>
      <c r="R263" s="1"/>
      <c r="S263" s="1"/>
      <c r="T263" s="1"/>
      <c r="U263" s="1"/>
      <c r="V263" s="7"/>
    </row>
    <row r="264" spans="2:22" x14ac:dyDescent="0.2">
      <c r="B264" s="1"/>
      <c r="C264" s="1"/>
      <c r="D264" s="1"/>
      <c r="E264" s="1"/>
      <c r="F264" s="1"/>
      <c r="G264" s="1"/>
      <c r="H264" s="1"/>
      <c r="I264" s="1"/>
      <c r="J264" s="1"/>
      <c r="K264" s="1"/>
      <c r="L264" s="1"/>
      <c r="M264" s="1"/>
      <c r="N264" s="1"/>
      <c r="O264" s="1"/>
      <c r="P264" s="1"/>
      <c r="Q264" s="1"/>
      <c r="R264" s="1"/>
      <c r="S264" s="1"/>
      <c r="T264" s="1"/>
      <c r="U264" s="1"/>
      <c r="V264" s="7"/>
    </row>
    <row r="265" spans="2:22" x14ac:dyDescent="0.2">
      <c r="B265" s="1"/>
      <c r="C265" s="1"/>
      <c r="D265" s="1"/>
      <c r="E265" s="1"/>
      <c r="F265" s="1"/>
      <c r="G265" s="1"/>
      <c r="H265" s="1"/>
      <c r="I265" s="1"/>
      <c r="J265" s="1"/>
      <c r="K265" s="1"/>
      <c r="L265" s="1"/>
      <c r="M265" s="1"/>
      <c r="N265" s="1"/>
      <c r="O265" s="1"/>
      <c r="P265" s="1"/>
      <c r="Q265" s="1"/>
      <c r="R265" s="1"/>
      <c r="S265" s="1"/>
      <c r="T265" s="1"/>
      <c r="U265" s="1"/>
      <c r="V265" s="7"/>
    </row>
    <row r="266" spans="2:22" x14ac:dyDescent="0.2">
      <c r="B266" s="1"/>
      <c r="C266" s="1"/>
      <c r="D266" s="1"/>
      <c r="E266" s="1"/>
      <c r="F266" s="1"/>
      <c r="G266" s="1"/>
      <c r="H266" s="1"/>
      <c r="I266" s="1"/>
      <c r="J266" s="1"/>
      <c r="K266" s="1"/>
      <c r="L266" s="1"/>
      <c r="M266" s="1"/>
      <c r="N266" s="1"/>
      <c r="O266" s="1"/>
      <c r="P266" s="1"/>
      <c r="Q266" s="1"/>
      <c r="R266" s="1"/>
      <c r="S266" s="1"/>
      <c r="T266" s="1"/>
      <c r="U266" s="1"/>
      <c r="V266" s="7"/>
    </row>
    <row r="267" spans="2:22" x14ac:dyDescent="0.2">
      <c r="B267" s="1"/>
      <c r="C267" s="1"/>
      <c r="D267" s="1"/>
      <c r="E267" s="1"/>
      <c r="F267" s="1"/>
      <c r="G267" s="1"/>
      <c r="H267" s="1"/>
      <c r="I267" s="1"/>
      <c r="J267" s="1"/>
      <c r="K267" s="1"/>
      <c r="L267" s="1"/>
      <c r="M267" s="1"/>
      <c r="N267" s="1"/>
      <c r="O267" s="1"/>
      <c r="P267" s="1"/>
      <c r="Q267" s="1"/>
      <c r="R267" s="1"/>
      <c r="S267" s="1"/>
      <c r="T267" s="1"/>
      <c r="U267" s="1"/>
      <c r="V267" s="7"/>
    </row>
    <row r="268" spans="2:22" x14ac:dyDescent="0.2">
      <c r="B268" s="1"/>
      <c r="C268" s="1"/>
      <c r="D268" s="1"/>
      <c r="E268" s="1"/>
      <c r="F268" s="1"/>
      <c r="G268" s="1"/>
      <c r="H268" s="1"/>
      <c r="I268" s="1"/>
      <c r="J268" s="1"/>
      <c r="K268" s="1"/>
      <c r="L268" s="1"/>
      <c r="M268" s="1"/>
      <c r="N268" s="1"/>
      <c r="O268" s="1"/>
      <c r="P268" s="1"/>
      <c r="Q268" s="1"/>
      <c r="R268" s="1"/>
      <c r="S268" s="1"/>
      <c r="T268" s="1"/>
      <c r="U268" s="1"/>
      <c r="V268" s="7"/>
    </row>
    <row r="269" spans="2:22" x14ac:dyDescent="0.2">
      <c r="B269" s="1"/>
      <c r="C269" s="1"/>
      <c r="D269" s="1"/>
      <c r="E269" s="1"/>
      <c r="F269" s="1"/>
      <c r="G269" s="1"/>
      <c r="H269" s="1"/>
      <c r="I269" s="1"/>
      <c r="J269" s="1"/>
      <c r="K269" s="1"/>
      <c r="L269" s="1"/>
      <c r="M269" s="1"/>
      <c r="N269" s="1"/>
      <c r="O269" s="1"/>
      <c r="P269" s="1"/>
      <c r="Q269" s="1"/>
      <c r="R269" s="1"/>
      <c r="S269" s="1"/>
      <c r="T269" s="1"/>
      <c r="U269" s="1"/>
      <c r="V269" s="7"/>
    </row>
    <row r="270" spans="2:22" x14ac:dyDescent="0.2">
      <c r="B270" s="1"/>
      <c r="C270" s="1"/>
      <c r="D270" s="1"/>
      <c r="E270" s="1"/>
      <c r="F270" s="1"/>
      <c r="G270" s="1"/>
      <c r="H270" s="1"/>
      <c r="I270" s="1"/>
      <c r="J270" s="1"/>
      <c r="K270" s="1"/>
      <c r="L270" s="1"/>
      <c r="M270" s="1"/>
      <c r="N270" s="1"/>
      <c r="O270" s="1"/>
      <c r="P270" s="1"/>
      <c r="Q270" s="1"/>
      <c r="R270" s="1"/>
      <c r="S270" s="1"/>
      <c r="T270" s="1"/>
      <c r="U270" s="1"/>
      <c r="V270" s="7"/>
    </row>
    <row r="271" spans="2:22" x14ac:dyDescent="0.2">
      <c r="B271" s="1"/>
      <c r="C271" s="1"/>
      <c r="D271" s="1"/>
      <c r="E271" s="1"/>
      <c r="F271" s="1"/>
      <c r="G271" s="1"/>
      <c r="H271" s="1"/>
      <c r="I271" s="1"/>
      <c r="J271" s="1"/>
      <c r="K271" s="1"/>
      <c r="L271" s="1"/>
      <c r="M271" s="1"/>
      <c r="N271" s="1"/>
      <c r="O271" s="1"/>
      <c r="P271" s="1"/>
      <c r="Q271" s="1"/>
      <c r="R271" s="1"/>
      <c r="S271" s="1"/>
      <c r="T271" s="1"/>
      <c r="U271" s="1"/>
      <c r="V271" s="7"/>
    </row>
    <row r="272" spans="2:22" x14ac:dyDescent="0.2">
      <c r="B272" s="1"/>
      <c r="C272" s="1"/>
      <c r="D272" s="1"/>
      <c r="E272" s="1"/>
      <c r="F272" s="1"/>
      <c r="G272" s="1"/>
      <c r="H272" s="1"/>
      <c r="I272" s="1"/>
      <c r="J272" s="1"/>
      <c r="K272" s="1"/>
      <c r="L272" s="1"/>
      <c r="M272" s="1"/>
      <c r="N272" s="1"/>
      <c r="O272" s="1"/>
      <c r="P272" s="1"/>
      <c r="Q272" s="1"/>
      <c r="R272" s="1"/>
      <c r="S272" s="1"/>
      <c r="T272" s="1"/>
      <c r="U272" s="1"/>
      <c r="V272" s="7"/>
    </row>
    <row r="273" spans="2:22" x14ac:dyDescent="0.2">
      <c r="B273" s="1"/>
      <c r="C273" s="1"/>
      <c r="D273" s="1"/>
      <c r="E273" s="1"/>
      <c r="F273" s="1"/>
      <c r="G273" s="1"/>
      <c r="H273" s="1"/>
      <c r="I273" s="1"/>
      <c r="J273" s="1"/>
      <c r="K273" s="1"/>
      <c r="L273" s="1"/>
      <c r="M273" s="1"/>
      <c r="N273" s="1"/>
      <c r="O273" s="1"/>
      <c r="P273" s="1"/>
      <c r="Q273" s="1"/>
      <c r="R273" s="1"/>
      <c r="S273" s="1"/>
      <c r="T273" s="1"/>
      <c r="U273" s="1"/>
      <c r="V273" s="7"/>
    </row>
    <row r="274" spans="2:22" x14ac:dyDescent="0.2">
      <c r="B274" s="1"/>
      <c r="C274" s="1"/>
      <c r="D274" s="1"/>
      <c r="E274" s="1"/>
      <c r="F274" s="1"/>
      <c r="G274" s="1"/>
      <c r="H274" s="1"/>
      <c r="I274" s="1"/>
      <c r="J274" s="1"/>
      <c r="K274" s="1"/>
      <c r="L274" s="1"/>
      <c r="M274" s="1"/>
      <c r="N274" s="1"/>
      <c r="O274" s="1"/>
      <c r="P274" s="1"/>
      <c r="Q274" s="1"/>
      <c r="R274" s="1"/>
      <c r="S274" s="1"/>
      <c r="T274" s="1"/>
      <c r="U274" s="1"/>
      <c r="V274" s="7"/>
    </row>
    <row r="275" spans="2:22" x14ac:dyDescent="0.2">
      <c r="B275" s="1"/>
      <c r="C275" s="1"/>
      <c r="D275" s="1"/>
      <c r="E275" s="1"/>
      <c r="F275" s="1"/>
      <c r="G275" s="1"/>
      <c r="H275" s="1"/>
      <c r="I275" s="1"/>
      <c r="J275" s="1"/>
      <c r="K275" s="1"/>
      <c r="L275" s="1"/>
      <c r="M275" s="1"/>
      <c r="N275" s="1"/>
      <c r="O275" s="1"/>
      <c r="P275" s="1"/>
      <c r="Q275" s="1"/>
      <c r="R275" s="1"/>
      <c r="S275" s="1"/>
      <c r="T275" s="1"/>
      <c r="U275" s="1"/>
      <c r="V275" s="7"/>
    </row>
    <row r="276" spans="2:22" x14ac:dyDescent="0.2">
      <c r="B276" s="1"/>
      <c r="C276" s="1"/>
      <c r="D276" s="1"/>
      <c r="E276" s="1"/>
      <c r="F276" s="1"/>
      <c r="G276" s="1"/>
      <c r="H276" s="1"/>
      <c r="I276" s="1"/>
      <c r="J276" s="1"/>
      <c r="K276" s="1"/>
      <c r="L276" s="1"/>
      <c r="M276" s="1"/>
      <c r="N276" s="1"/>
      <c r="O276" s="1"/>
      <c r="P276" s="1"/>
      <c r="Q276" s="1"/>
      <c r="R276" s="1"/>
      <c r="S276" s="1"/>
      <c r="T276" s="1"/>
      <c r="U276" s="1"/>
      <c r="V276" s="7"/>
    </row>
    <row r="277" spans="2:22" x14ac:dyDescent="0.2">
      <c r="B277" s="1"/>
      <c r="C277" s="1"/>
      <c r="D277" s="1"/>
      <c r="E277" s="1"/>
      <c r="F277" s="1"/>
      <c r="G277" s="1"/>
      <c r="H277" s="1"/>
      <c r="I277" s="1"/>
      <c r="J277" s="1"/>
      <c r="K277" s="1"/>
      <c r="L277" s="1"/>
      <c r="M277" s="1"/>
      <c r="N277" s="1"/>
      <c r="O277" s="1"/>
      <c r="P277" s="1"/>
      <c r="Q277" s="1"/>
      <c r="R277" s="1"/>
      <c r="S277" s="1"/>
      <c r="T277" s="1"/>
      <c r="U277" s="1"/>
      <c r="V277" s="7"/>
    </row>
    <row r="278" spans="2:22" x14ac:dyDescent="0.2">
      <c r="B278" s="1"/>
      <c r="C278" s="1"/>
      <c r="D278" s="1"/>
      <c r="E278" s="1"/>
      <c r="F278" s="1"/>
      <c r="G278" s="1"/>
      <c r="H278" s="1"/>
      <c r="I278" s="1"/>
      <c r="J278" s="1"/>
      <c r="K278" s="1"/>
      <c r="L278" s="1"/>
      <c r="M278" s="1"/>
      <c r="N278" s="1"/>
      <c r="O278" s="1"/>
      <c r="P278" s="1"/>
      <c r="Q278" s="1"/>
      <c r="R278" s="1"/>
      <c r="S278" s="1"/>
      <c r="T278" s="1"/>
      <c r="U278" s="1"/>
      <c r="V278" s="7"/>
    </row>
    <row r="279" spans="2:22" x14ac:dyDescent="0.2">
      <c r="B279" s="1"/>
      <c r="C279" s="1"/>
      <c r="D279" s="1"/>
      <c r="E279" s="1"/>
      <c r="F279" s="1"/>
      <c r="G279" s="1"/>
      <c r="H279" s="1"/>
      <c r="I279" s="1"/>
      <c r="J279" s="1"/>
      <c r="K279" s="1"/>
      <c r="L279" s="1"/>
      <c r="M279" s="1"/>
      <c r="N279" s="1"/>
      <c r="O279" s="1"/>
      <c r="P279" s="1"/>
      <c r="Q279" s="1"/>
      <c r="R279" s="1"/>
      <c r="S279" s="1"/>
      <c r="T279" s="1"/>
      <c r="U279" s="1"/>
      <c r="V279" s="7"/>
    </row>
    <row r="280" spans="2:22" x14ac:dyDescent="0.2">
      <c r="B280" s="1"/>
      <c r="C280" s="1"/>
      <c r="D280" s="1"/>
      <c r="E280" s="1"/>
      <c r="F280" s="1"/>
      <c r="G280" s="1"/>
      <c r="H280" s="1"/>
      <c r="I280" s="1"/>
      <c r="J280" s="1"/>
      <c r="K280" s="1"/>
      <c r="L280" s="1"/>
      <c r="M280" s="1"/>
      <c r="N280" s="1"/>
      <c r="O280" s="1"/>
      <c r="P280" s="1"/>
      <c r="Q280" s="1"/>
      <c r="R280" s="1"/>
      <c r="S280" s="1"/>
      <c r="T280" s="1"/>
      <c r="U280" s="1"/>
      <c r="V280" s="7"/>
    </row>
    <row r="281" spans="2:22" x14ac:dyDescent="0.2">
      <c r="B281" s="1"/>
      <c r="C281" s="1"/>
      <c r="D281" s="1"/>
      <c r="E281" s="1"/>
      <c r="F281" s="1"/>
      <c r="G281" s="1"/>
      <c r="H281" s="1"/>
      <c r="I281" s="1"/>
      <c r="J281" s="1"/>
      <c r="K281" s="1"/>
      <c r="L281" s="1"/>
      <c r="M281" s="1"/>
      <c r="N281" s="1"/>
      <c r="O281" s="1"/>
      <c r="P281" s="1"/>
      <c r="Q281" s="1"/>
      <c r="R281" s="1"/>
      <c r="S281" s="1"/>
      <c r="T281" s="1"/>
      <c r="U281" s="1"/>
      <c r="V281" s="7"/>
    </row>
    <row r="282" spans="2:22" x14ac:dyDescent="0.2">
      <c r="B282" s="1"/>
      <c r="C282" s="1"/>
      <c r="D282" s="1"/>
      <c r="E282" s="1"/>
      <c r="F282" s="1"/>
      <c r="G282" s="1"/>
      <c r="H282" s="1"/>
      <c r="I282" s="1"/>
      <c r="J282" s="1"/>
      <c r="K282" s="1"/>
      <c r="L282" s="1"/>
      <c r="M282" s="1"/>
      <c r="N282" s="1"/>
      <c r="O282" s="1"/>
      <c r="P282" s="1"/>
      <c r="Q282" s="1"/>
      <c r="R282" s="1"/>
      <c r="S282" s="1"/>
      <c r="T282" s="1"/>
      <c r="U282" s="1"/>
      <c r="V282" s="7"/>
    </row>
    <row r="283" spans="2:22" x14ac:dyDescent="0.2">
      <c r="B283" s="1"/>
      <c r="C283" s="1"/>
      <c r="D283" s="1"/>
      <c r="E283" s="1"/>
      <c r="F283" s="1"/>
      <c r="G283" s="1"/>
      <c r="H283" s="1"/>
      <c r="I283" s="1"/>
      <c r="J283" s="1"/>
      <c r="K283" s="1"/>
      <c r="L283" s="1"/>
      <c r="M283" s="1"/>
      <c r="N283" s="1"/>
      <c r="O283" s="1"/>
      <c r="P283" s="1"/>
      <c r="Q283" s="1"/>
      <c r="R283" s="1"/>
      <c r="S283" s="1"/>
      <c r="T283" s="1"/>
      <c r="U283" s="1"/>
      <c r="V283" s="7"/>
    </row>
    <row r="284" spans="2:22" x14ac:dyDescent="0.2">
      <c r="B284" s="1"/>
      <c r="C284" s="1"/>
      <c r="D284" s="1"/>
      <c r="E284" s="1"/>
      <c r="F284" s="1"/>
      <c r="G284" s="1"/>
      <c r="H284" s="1"/>
      <c r="I284" s="1"/>
      <c r="J284" s="1"/>
      <c r="K284" s="1"/>
      <c r="L284" s="1"/>
      <c r="M284" s="1"/>
      <c r="N284" s="1"/>
      <c r="O284" s="1"/>
      <c r="P284" s="1"/>
      <c r="Q284" s="1"/>
      <c r="R284" s="1"/>
      <c r="S284" s="1"/>
      <c r="T284" s="1"/>
      <c r="U284" s="1"/>
      <c r="V284" s="7"/>
    </row>
    <row r="285" spans="2:22" x14ac:dyDescent="0.2">
      <c r="B285" s="1"/>
      <c r="C285" s="1"/>
      <c r="D285" s="1"/>
      <c r="E285" s="1"/>
      <c r="F285" s="1"/>
      <c r="G285" s="1"/>
      <c r="H285" s="1"/>
      <c r="I285" s="1"/>
      <c r="J285" s="1"/>
      <c r="K285" s="1"/>
      <c r="L285" s="1"/>
      <c r="M285" s="1"/>
      <c r="N285" s="1"/>
      <c r="O285" s="1"/>
      <c r="P285" s="1"/>
      <c r="Q285" s="1"/>
      <c r="R285" s="1"/>
      <c r="S285" s="1"/>
      <c r="T285" s="1"/>
      <c r="U285" s="1"/>
      <c r="V285" s="7"/>
    </row>
    <row r="286" spans="2:22" x14ac:dyDescent="0.2">
      <c r="B286" s="1"/>
      <c r="C286" s="1"/>
      <c r="D286" s="1"/>
      <c r="E286" s="1"/>
      <c r="F286" s="1"/>
      <c r="G286" s="1"/>
      <c r="H286" s="1"/>
      <c r="I286" s="1"/>
      <c r="J286" s="1"/>
      <c r="K286" s="1"/>
      <c r="L286" s="1"/>
      <c r="M286" s="1"/>
      <c r="N286" s="1"/>
      <c r="O286" s="1"/>
      <c r="P286" s="1"/>
      <c r="Q286" s="1"/>
      <c r="R286" s="1"/>
      <c r="S286" s="1"/>
      <c r="T286" s="1"/>
      <c r="U286" s="1"/>
      <c r="V286" s="7"/>
    </row>
    <row r="287" spans="2:22" x14ac:dyDescent="0.2">
      <c r="B287" s="1"/>
      <c r="C287" s="1"/>
      <c r="D287" s="1"/>
      <c r="E287" s="1"/>
      <c r="F287" s="1"/>
      <c r="G287" s="1"/>
      <c r="H287" s="1"/>
      <c r="I287" s="1"/>
      <c r="J287" s="1"/>
      <c r="K287" s="1"/>
      <c r="L287" s="1"/>
      <c r="M287" s="1"/>
      <c r="N287" s="1"/>
      <c r="O287" s="1"/>
      <c r="P287" s="1"/>
      <c r="Q287" s="1"/>
      <c r="R287" s="1"/>
      <c r="S287" s="1"/>
      <c r="T287" s="1"/>
      <c r="U287" s="1"/>
      <c r="V287" s="7"/>
    </row>
    <row r="288" spans="2:22" x14ac:dyDescent="0.2">
      <c r="B288" s="1"/>
      <c r="C288" s="1"/>
      <c r="D288" s="1"/>
      <c r="E288" s="1"/>
      <c r="F288" s="1"/>
      <c r="G288" s="1"/>
      <c r="H288" s="1"/>
      <c r="I288" s="1"/>
      <c r="J288" s="1"/>
      <c r="K288" s="1"/>
      <c r="L288" s="1"/>
      <c r="M288" s="1"/>
      <c r="N288" s="1"/>
      <c r="O288" s="1"/>
      <c r="P288" s="1"/>
      <c r="Q288" s="1"/>
      <c r="R288" s="1"/>
      <c r="S288" s="1"/>
      <c r="T288" s="1"/>
      <c r="U288" s="1"/>
      <c r="V288" s="7"/>
    </row>
    <row r="289" spans="2:22" x14ac:dyDescent="0.2">
      <c r="B289" s="1"/>
      <c r="C289" s="1"/>
      <c r="D289" s="1"/>
      <c r="E289" s="1"/>
      <c r="F289" s="1"/>
      <c r="G289" s="1"/>
      <c r="H289" s="1"/>
      <c r="I289" s="1"/>
      <c r="J289" s="1"/>
      <c r="K289" s="1"/>
      <c r="L289" s="1"/>
      <c r="M289" s="1"/>
      <c r="N289" s="1"/>
      <c r="O289" s="1"/>
      <c r="P289" s="1"/>
      <c r="Q289" s="1"/>
      <c r="R289" s="1"/>
      <c r="S289" s="1"/>
      <c r="T289" s="1"/>
      <c r="U289" s="1"/>
      <c r="V289" s="7"/>
    </row>
    <row r="290" spans="2:22" x14ac:dyDescent="0.2">
      <c r="B290" s="1"/>
      <c r="C290" s="1"/>
      <c r="D290" s="1"/>
      <c r="E290" s="1"/>
      <c r="F290" s="1"/>
      <c r="G290" s="1"/>
      <c r="H290" s="1"/>
      <c r="I290" s="1"/>
      <c r="J290" s="1"/>
      <c r="K290" s="1"/>
      <c r="L290" s="1"/>
      <c r="M290" s="1"/>
      <c r="N290" s="1"/>
      <c r="O290" s="1"/>
      <c r="P290" s="1"/>
      <c r="Q290" s="1"/>
      <c r="R290" s="1"/>
      <c r="S290" s="1"/>
      <c r="T290" s="1"/>
      <c r="U290" s="1"/>
      <c r="V290" s="7"/>
    </row>
    <row r="291" spans="2:22" x14ac:dyDescent="0.2">
      <c r="B291" s="1"/>
      <c r="C291" s="1"/>
      <c r="D291" s="1"/>
      <c r="E291" s="1"/>
      <c r="F291" s="1"/>
      <c r="G291" s="1"/>
      <c r="H291" s="1"/>
      <c r="I291" s="1"/>
      <c r="J291" s="1"/>
      <c r="K291" s="1"/>
      <c r="L291" s="1"/>
      <c r="M291" s="1"/>
      <c r="N291" s="1"/>
      <c r="O291" s="1"/>
      <c r="P291" s="1"/>
      <c r="Q291" s="1"/>
      <c r="R291" s="1"/>
      <c r="S291" s="1"/>
      <c r="T291" s="1"/>
      <c r="U291" s="1"/>
      <c r="V291" s="7"/>
    </row>
    <row r="292" spans="2:22" x14ac:dyDescent="0.2">
      <c r="B292" s="1"/>
      <c r="C292" s="1"/>
      <c r="D292" s="1"/>
      <c r="E292" s="1"/>
      <c r="F292" s="1"/>
      <c r="G292" s="1"/>
      <c r="H292" s="1"/>
      <c r="I292" s="1"/>
      <c r="J292" s="1"/>
      <c r="K292" s="1"/>
      <c r="L292" s="1"/>
      <c r="M292" s="1"/>
      <c r="N292" s="1"/>
      <c r="O292" s="1"/>
      <c r="P292" s="1"/>
      <c r="Q292" s="1"/>
      <c r="R292" s="1"/>
      <c r="S292" s="1"/>
      <c r="T292" s="1"/>
      <c r="U292" s="1"/>
      <c r="V292" s="7"/>
    </row>
    <row r="293" spans="2:22" x14ac:dyDescent="0.2">
      <c r="B293" s="1"/>
      <c r="C293" s="1"/>
      <c r="D293" s="1"/>
      <c r="E293" s="1"/>
      <c r="F293" s="1"/>
      <c r="G293" s="1"/>
      <c r="H293" s="1"/>
      <c r="I293" s="1"/>
      <c r="J293" s="1"/>
      <c r="K293" s="1"/>
      <c r="L293" s="1"/>
      <c r="M293" s="1"/>
      <c r="N293" s="1"/>
      <c r="O293" s="1"/>
      <c r="P293" s="1"/>
      <c r="Q293" s="1"/>
      <c r="R293" s="1"/>
      <c r="S293" s="1"/>
      <c r="T293" s="1"/>
      <c r="U293" s="1"/>
      <c r="V293" s="7"/>
    </row>
    <row r="294" spans="2:22" x14ac:dyDescent="0.2">
      <c r="B294" s="1"/>
      <c r="C294" s="1"/>
      <c r="D294" s="1"/>
      <c r="E294" s="1"/>
      <c r="F294" s="1"/>
      <c r="G294" s="1"/>
      <c r="H294" s="1"/>
      <c r="I294" s="1"/>
      <c r="J294" s="1"/>
      <c r="K294" s="1"/>
      <c r="L294" s="1"/>
      <c r="M294" s="1"/>
      <c r="N294" s="1"/>
      <c r="O294" s="1"/>
      <c r="P294" s="1"/>
      <c r="Q294" s="1"/>
      <c r="R294" s="1"/>
      <c r="S294" s="1"/>
      <c r="T294" s="1"/>
      <c r="U294" s="1"/>
      <c r="V294" s="7"/>
    </row>
    <row r="295" spans="2:22" x14ac:dyDescent="0.2">
      <c r="B295" s="1"/>
      <c r="C295" s="1"/>
      <c r="D295" s="1"/>
      <c r="E295" s="1"/>
      <c r="F295" s="1"/>
      <c r="G295" s="1"/>
      <c r="H295" s="1"/>
      <c r="I295" s="1"/>
      <c r="J295" s="1"/>
      <c r="K295" s="1"/>
      <c r="L295" s="1"/>
      <c r="M295" s="1"/>
      <c r="N295" s="1"/>
      <c r="O295" s="1"/>
      <c r="P295" s="1"/>
      <c r="Q295" s="1"/>
      <c r="R295" s="1"/>
      <c r="S295" s="1"/>
      <c r="T295" s="1"/>
      <c r="U295" s="1"/>
      <c r="V295" s="7"/>
    </row>
    <row r="296" spans="2:22" x14ac:dyDescent="0.2">
      <c r="B296" s="1"/>
      <c r="C296" s="1"/>
      <c r="D296" s="1"/>
      <c r="E296" s="1"/>
      <c r="F296" s="1"/>
      <c r="G296" s="1"/>
      <c r="H296" s="1"/>
      <c r="I296" s="1"/>
      <c r="J296" s="1"/>
      <c r="K296" s="1"/>
      <c r="L296" s="1"/>
      <c r="M296" s="1"/>
      <c r="N296" s="1"/>
      <c r="O296" s="1"/>
      <c r="P296" s="1"/>
      <c r="Q296" s="1"/>
      <c r="R296" s="1"/>
      <c r="S296" s="1"/>
      <c r="T296" s="1"/>
      <c r="U296" s="1"/>
      <c r="V296" s="7"/>
    </row>
    <row r="297" spans="2:22" x14ac:dyDescent="0.2">
      <c r="B297" s="1"/>
      <c r="C297" s="1"/>
      <c r="D297" s="1"/>
      <c r="E297" s="1"/>
      <c r="F297" s="1"/>
      <c r="G297" s="1"/>
      <c r="H297" s="1"/>
      <c r="I297" s="1"/>
      <c r="J297" s="1"/>
      <c r="K297" s="1"/>
      <c r="L297" s="1"/>
      <c r="M297" s="1"/>
      <c r="N297" s="1"/>
      <c r="O297" s="1"/>
      <c r="P297" s="1"/>
      <c r="Q297" s="1"/>
      <c r="R297" s="1"/>
      <c r="S297" s="1"/>
      <c r="T297" s="1"/>
      <c r="U297" s="1"/>
      <c r="V297" s="7"/>
    </row>
    <row r="298" spans="2:22" x14ac:dyDescent="0.2">
      <c r="B298" s="1"/>
      <c r="C298" s="1"/>
      <c r="D298" s="1"/>
      <c r="E298" s="1"/>
      <c r="F298" s="1"/>
      <c r="G298" s="1"/>
      <c r="H298" s="1"/>
      <c r="I298" s="1"/>
      <c r="J298" s="1"/>
      <c r="K298" s="1"/>
      <c r="L298" s="1"/>
      <c r="M298" s="1"/>
      <c r="N298" s="1"/>
      <c r="O298" s="1"/>
      <c r="P298" s="1"/>
      <c r="Q298" s="1"/>
      <c r="R298" s="1"/>
      <c r="S298" s="1"/>
      <c r="T298" s="1"/>
      <c r="U298" s="1"/>
      <c r="V298" s="7"/>
    </row>
    <row r="299" spans="2:22" x14ac:dyDescent="0.2">
      <c r="B299" s="1"/>
      <c r="C299" s="1"/>
      <c r="D299" s="1"/>
      <c r="E299" s="1"/>
      <c r="F299" s="1"/>
      <c r="G299" s="1"/>
      <c r="H299" s="1"/>
      <c r="I299" s="1"/>
      <c r="J299" s="1"/>
      <c r="K299" s="1"/>
      <c r="L299" s="1"/>
      <c r="M299" s="1"/>
      <c r="N299" s="1"/>
      <c r="O299" s="1"/>
      <c r="P299" s="1"/>
      <c r="Q299" s="1"/>
      <c r="R299" s="1"/>
      <c r="S299" s="1"/>
      <c r="T299" s="1"/>
      <c r="U299" s="1"/>
      <c r="V299" s="7"/>
    </row>
    <row r="300" spans="2:22" x14ac:dyDescent="0.2">
      <c r="B300" s="1"/>
      <c r="C300" s="1"/>
      <c r="D300" s="1"/>
      <c r="E300" s="1"/>
      <c r="F300" s="1"/>
      <c r="G300" s="1"/>
      <c r="H300" s="1"/>
      <c r="I300" s="1"/>
      <c r="J300" s="1"/>
      <c r="K300" s="1"/>
      <c r="L300" s="1"/>
      <c r="M300" s="1"/>
      <c r="N300" s="1"/>
      <c r="O300" s="1"/>
      <c r="P300" s="1"/>
      <c r="Q300" s="1"/>
      <c r="R300" s="1"/>
      <c r="S300" s="1"/>
      <c r="T300" s="1"/>
      <c r="U300" s="1"/>
      <c r="V300" s="7"/>
    </row>
    <row r="301" spans="2:22" x14ac:dyDescent="0.2">
      <c r="B301" s="1"/>
      <c r="C301" s="1"/>
      <c r="D301" s="1"/>
      <c r="E301" s="1"/>
      <c r="F301" s="1"/>
      <c r="G301" s="1"/>
      <c r="H301" s="1"/>
      <c r="I301" s="1"/>
      <c r="J301" s="1"/>
      <c r="K301" s="1"/>
      <c r="L301" s="1"/>
      <c r="M301" s="1"/>
      <c r="N301" s="1"/>
      <c r="O301" s="1"/>
      <c r="P301" s="1"/>
      <c r="Q301" s="1"/>
      <c r="R301" s="1"/>
      <c r="S301" s="1"/>
      <c r="T301" s="1"/>
      <c r="U301" s="1"/>
      <c r="V301" s="7"/>
    </row>
    <row r="302" spans="2:22" x14ac:dyDescent="0.2">
      <c r="B302" s="1"/>
      <c r="C302" s="1"/>
      <c r="D302" s="1"/>
      <c r="E302" s="1"/>
      <c r="F302" s="1"/>
      <c r="G302" s="1"/>
      <c r="H302" s="1"/>
      <c r="I302" s="1"/>
      <c r="J302" s="1"/>
      <c r="K302" s="1"/>
      <c r="L302" s="1"/>
      <c r="M302" s="1"/>
      <c r="N302" s="1"/>
      <c r="O302" s="1"/>
      <c r="P302" s="1"/>
      <c r="Q302" s="1"/>
      <c r="R302" s="1"/>
      <c r="S302" s="1"/>
      <c r="T302" s="1"/>
      <c r="U302" s="1"/>
      <c r="V302" s="7"/>
    </row>
    <row r="303" spans="2:22" x14ac:dyDescent="0.2">
      <c r="B303" s="1"/>
      <c r="C303" s="1"/>
      <c r="D303" s="1"/>
      <c r="E303" s="1"/>
      <c r="F303" s="1"/>
      <c r="G303" s="1"/>
      <c r="H303" s="1"/>
      <c r="I303" s="1"/>
      <c r="J303" s="1"/>
      <c r="K303" s="1"/>
      <c r="L303" s="1"/>
      <c r="M303" s="1"/>
      <c r="N303" s="1"/>
      <c r="O303" s="1"/>
      <c r="P303" s="1"/>
      <c r="Q303" s="1"/>
      <c r="R303" s="1"/>
      <c r="S303" s="1"/>
      <c r="T303" s="1"/>
      <c r="U303" s="1"/>
      <c r="V303" s="7"/>
    </row>
    <row r="304" spans="2:22" x14ac:dyDescent="0.2">
      <c r="B304" s="1"/>
      <c r="C304" s="1"/>
      <c r="D304" s="1"/>
      <c r="E304" s="1"/>
      <c r="F304" s="1"/>
      <c r="G304" s="1"/>
      <c r="H304" s="1"/>
      <c r="I304" s="1"/>
      <c r="J304" s="1"/>
      <c r="K304" s="1"/>
      <c r="L304" s="1"/>
      <c r="M304" s="1"/>
      <c r="N304" s="1"/>
      <c r="O304" s="1"/>
      <c r="P304" s="1"/>
      <c r="Q304" s="1"/>
      <c r="R304" s="1"/>
      <c r="S304" s="1"/>
      <c r="T304" s="1"/>
      <c r="U304" s="1"/>
      <c r="V304" s="7"/>
    </row>
    <row r="305" spans="2:22" x14ac:dyDescent="0.2">
      <c r="B305" s="1"/>
      <c r="C305" s="1"/>
      <c r="D305" s="1"/>
      <c r="E305" s="1"/>
      <c r="F305" s="1"/>
      <c r="G305" s="1"/>
      <c r="H305" s="1"/>
      <c r="I305" s="1"/>
      <c r="J305" s="1"/>
      <c r="K305" s="1"/>
      <c r="L305" s="1"/>
      <c r="M305" s="1"/>
      <c r="N305" s="1"/>
      <c r="O305" s="1"/>
      <c r="P305" s="1"/>
      <c r="Q305" s="1"/>
      <c r="R305" s="1"/>
      <c r="S305" s="1"/>
      <c r="T305" s="1"/>
      <c r="U305" s="1"/>
      <c r="V305" s="7"/>
    </row>
    <row r="306" spans="2:22" x14ac:dyDescent="0.2">
      <c r="B306" s="1"/>
      <c r="C306" s="1"/>
      <c r="D306" s="1"/>
      <c r="E306" s="1"/>
      <c r="F306" s="1"/>
      <c r="G306" s="1"/>
      <c r="H306" s="1"/>
      <c r="I306" s="1"/>
      <c r="J306" s="1"/>
      <c r="K306" s="1"/>
      <c r="L306" s="1"/>
      <c r="M306" s="1"/>
      <c r="N306" s="1"/>
      <c r="O306" s="1"/>
      <c r="P306" s="1"/>
      <c r="Q306" s="1"/>
      <c r="R306" s="1"/>
      <c r="S306" s="1"/>
      <c r="T306" s="1"/>
      <c r="U306" s="1"/>
      <c r="V306" s="7"/>
    </row>
    <row r="307" spans="2:22" x14ac:dyDescent="0.2">
      <c r="B307" s="1"/>
      <c r="C307" s="1"/>
      <c r="D307" s="1"/>
      <c r="E307" s="1"/>
      <c r="F307" s="1"/>
      <c r="G307" s="1"/>
      <c r="H307" s="1"/>
      <c r="I307" s="1"/>
      <c r="J307" s="1"/>
      <c r="K307" s="1"/>
      <c r="L307" s="1"/>
      <c r="M307" s="1"/>
      <c r="N307" s="1"/>
      <c r="O307" s="1"/>
      <c r="P307" s="1"/>
      <c r="Q307" s="1"/>
      <c r="R307" s="1"/>
      <c r="S307" s="1"/>
      <c r="T307" s="1"/>
      <c r="U307" s="1"/>
      <c r="V307" s="7"/>
    </row>
    <row r="308" spans="2:22" x14ac:dyDescent="0.2">
      <c r="B308" s="1"/>
      <c r="C308" s="1"/>
      <c r="D308" s="1"/>
      <c r="E308" s="1"/>
      <c r="F308" s="1"/>
      <c r="G308" s="1"/>
      <c r="H308" s="1"/>
      <c r="I308" s="1"/>
      <c r="J308" s="1"/>
      <c r="K308" s="1"/>
      <c r="L308" s="1"/>
      <c r="M308" s="1"/>
      <c r="N308" s="1"/>
      <c r="O308" s="1"/>
      <c r="P308" s="1"/>
      <c r="Q308" s="1"/>
      <c r="R308" s="1"/>
      <c r="S308" s="1"/>
      <c r="T308" s="1"/>
      <c r="U308" s="1"/>
      <c r="V308" s="7"/>
    </row>
    <row r="309" spans="2:22" x14ac:dyDescent="0.2">
      <c r="B309" s="1"/>
      <c r="C309" s="1"/>
      <c r="D309" s="1"/>
      <c r="E309" s="1"/>
      <c r="F309" s="1"/>
      <c r="G309" s="1"/>
      <c r="H309" s="1"/>
      <c r="I309" s="1"/>
      <c r="J309" s="1"/>
      <c r="K309" s="1"/>
      <c r="L309" s="1"/>
      <c r="M309" s="1"/>
      <c r="N309" s="1"/>
      <c r="O309" s="1"/>
      <c r="P309" s="1"/>
      <c r="Q309" s="1"/>
      <c r="R309" s="1"/>
      <c r="S309" s="1"/>
      <c r="T309" s="1"/>
      <c r="U309" s="1"/>
      <c r="V309" s="7"/>
    </row>
    <row r="310" spans="2:22" x14ac:dyDescent="0.2">
      <c r="B310" s="1"/>
      <c r="C310" s="1"/>
      <c r="D310" s="1"/>
      <c r="E310" s="1"/>
      <c r="F310" s="1"/>
      <c r="G310" s="1"/>
      <c r="H310" s="1"/>
      <c r="I310" s="1"/>
      <c r="J310" s="1"/>
      <c r="K310" s="1"/>
      <c r="L310" s="1"/>
      <c r="M310" s="1"/>
      <c r="N310" s="1"/>
      <c r="O310" s="1"/>
      <c r="P310" s="1"/>
      <c r="Q310" s="1"/>
      <c r="R310" s="1"/>
      <c r="S310" s="1"/>
      <c r="T310" s="1"/>
      <c r="U310" s="1"/>
      <c r="V310" s="7"/>
    </row>
    <row r="311" spans="2:22" x14ac:dyDescent="0.2">
      <c r="B311" s="1"/>
      <c r="C311" s="1"/>
      <c r="D311" s="1"/>
      <c r="E311" s="1"/>
      <c r="F311" s="1"/>
      <c r="G311" s="1"/>
      <c r="H311" s="1"/>
      <c r="I311" s="1"/>
      <c r="J311" s="1"/>
      <c r="K311" s="1"/>
      <c r="L311" s="1"/>
      <c r="M311" s="1"/>
      <c r="N311" s="1"/>
      <c r="O311" s="1"/>
      <c r="P311" s="1"/>
      <c r="Q311" s="1"/>
      <c r="R311" s="1"/>
      <c r="S311" s="1"/>
      <c r="T311" s="1"/>
      <c r="U311" s="1"/>
      <c r="V311" s="7"/>
    </row>
    <row r="312" spans="2:22" x14ac:dyDescent="0.2">
      <c r="B312" s="1"/>
      <c r="C312" s="1"/>
      <c r="D312" s="1"/>
      <c r="E312" s="1"/>
      <c r="F312" s="1"/>
      <c r="G312" s="1"/>
      <c r="H312" s="1"/>
      <c r="I312" s="1"/>
      <c r="J312" s="1"/>
      <c r="K312" s="1"/>
      <c r="L312" s="1"/>
      <c r="M312" s="1"/>
      <c r="N312" s="1"/>
      <c r="O312" s="1"/>
      <c r="P312" s="1"/>
      <c r="Q312" s="1"/>
      <c r="R312" s="1"/>
      <c r="S312" s="1"/>
      <c r="T312" s="1"/>
      <c r="U312" s="1"/>
      <c r="V312" s="7"/>
    </row>
    <row r="313" spans="2:22" x14ac:dyDescent="0.2">
      <c r="B313" s="1"/>
      <c r="C313" s="1"/>
      <c r="D313" s="1"/>
      <c r="E313" s="1"/>
      <c r="F313" s="1"/>
      <c r="G313" s="1"/>
      <c r="H313" s="1"/>
      <c r="I313" s="1"/>
      <c r="J313" s="1"/>
      <c r="K313" s="1"/>
      <c r="L313" s="1"/>
      <c r="M313" s="1"/>
      <c r="N313" s="1"/>
      <c r="O313" s="1"/>
      <c r="P313" s="1"/>
      <c r="Q313" s="1"/>
      <c r="R313" s="1"/>
      <c r="S313" s="1"/>
      <c r="T313" s="1"/>
      <c r="U313" s="1"/>
      <c r="V313" s="7"/>
    </row>
    <row r="314" spans="2:22" x14ac:dyDescent="0.2">
      <c r="B314" s="1"/>
      <c r="C314" s="1"/>
      <c r="D314" s="1"/>
      <c r="E314" s="1"/>
      <c r="F314" s="1"/>
      <c r="G314" s="1"/>
      <c r="H314" s="1"/>
      <c r="I314" s="1"/>
      <c r="J314" s="1"/>
      <c r="K314" s="1"/>
      <c r="L314" s="1"/>
      <c r="M314" s="1"/>
      <c r="N314" s="1"/>
      <c r="O314" s="1"/>
      <c r="P314" s="1"/>
      <c r="Q314" s="1"/>
      <c r="R314" s="1"/>
      <c r="S314" s="1"/>
      <c r="T314" s="1"/>
      <c r="U314" s="1"/>
      <c r="V314" s="7"/>
    </row>
    <row r="315" spans="2:22" x14ac:dyDescent="0.2">
      <c r="B315" s="1"/>
      <c r="C315" s="1"/>
      <c r="D315" s="1"/>
      <c r="E315" s="1"/>
      <c r="F315" s="1"/>
      <c r="G315" s="1"/>
      <c r="H315" s="1"/>
      <c r="I315" s="1"/>
      <c r="J315" s="1"/>
      <c r="K315" s="1"/>
      <c r="L315" s="1"/>
      <c r="M315" s="1"/>
      <c r="N315" s="1"/>
      <c r="O315" s="1"/>
      <c r="P315" s="1"/>
      <c r="Q315" s="1"/>
      <c r="R315" s="1"/>
      <c r="S315" s="1"/>
      <c r="T315" s="1"/>
      <c r="U315" s="1"/>
      <c r="V315" s="7"/>
    </row>
    <row r="316" spans="2:22" x14ac:dyDescent="0.2">
      <c r="B316" s="1"/>
      <c r="C316" s="1"/>
      <c r="D316" s="1"/>
      <c r="E316" s="1"/>
      <c r="F316" s="1"/>
      <c r="G316" s="1"/>
      <c r="H316" s="1"/>
      <c r="I316" s="1"/>
      <c r="J316" s="1"/>
      <c r="K316" s="1"/>
      <c r="L316" s="1"/>
      <c r="M316" s="1"/>
      <c r="N316" s="1"/>
      <c r="O316" s="1"/>
      <c r="P316" s="1"/>
      <c r="Q316" s="1"/>
      <c r="R316" s="1"/>
      <c r="S316" s="1"/>
      <c r="T316" s="1"/>
      <c r="U316" s="1"/>
      <c r="V316" s="7"/>
    </row>
    <row r="317" spans="2:22" x14ac:dyDescent="0.2">
      <c r="B317" s="1"/>
      <c r="C317" s="1"/>
      <c r="D317" s="1"/>
      <c r="E317" s="1"/>
      <c r="F317" s="1"/>
      <c r="G317" s="1"/>
      <c r="H317" s="1"/>
      <c r="I317" s="1"/>
      <c r="J317" s="1"/>
      <c r="K317" s="1"/>
      <c r="L317" s="1"/>
      <c r="M317" s="1"/>
      <c r="N317" s="1"/>
      <c r="O317" s="1"/>
      <c r="P317" s="1"/>
      <c r="Q317" s="1"/>
      <c r="R317" s="1"/>
      <c r="S317" s="1"/>
      <c r="T317" s="1"/>
      <c r="U317" s="1"/>
      <c r="V317" s="7"/>
    </row>
    <row r="318" spans="2:22" x14ac:dyDescent="0.2">
      <c r="B318" s="1"/>
      <c r="C318" s="1"/>
      <c r="D318" s="1"/>
      <c r="E318" s="1"/>
      <c r="F318" s="1"/>
      <c r="G318" s="1"/>
      <c r="H318" s="1"/>
      <c r="I318" s="1"/>
      <c r="J318" s="1"/>
      <c r="K318" s="1"/>
      <c r="L318" s="1"/>
      <c r="M318" s="1"/>
      <c r="N318" s="1"/>
      <c r="O318" s="1"/>
      <c r="P318" s="1"/>
      <c r="Q318" s="1"/>
      <c r="R318" s="1"/>
      <c r="S318" s="1"/>
      <c r="T318" s="1"/>
      <c r="U318" s="1"/>
      <c r="V318" s="7"/>
    </row>
    <row r="319" spans="2:22" x14ac:dyDescent="0.2">
      <c r="B319" s="1"/>
      <c r="C319" s="1"/>
      <c r="D319" s="1"/>
      <c r="E319" s="1"/>
      <c r="F319" s="1"/>
      <c r="G319" s="1"/>
      <c r="H319" s="1"/>
      <c r="I319" s="1"/>
      <c r="J319" s="1"/>
      <c r="K319" s="1"/>
      <c r="L319" s="1"/>
      <c r="M319" s="1"/>
      <c r="N319" s="1"/>
      <c r="O319" s="1"/>
      <c r="P319" s="1"/>
      <c r="Q319" s="1"/>
      <c r="R319" s="1"/>
      <c r="S319" s="1"/>
      <c r="T319" s="1"/>
      <c r="U319" s="1"/>
      <c r="V319" s="7"/>
    </row>
    <row r="320" spans="2:22" x14ac:dyDescent="0.2">
      <c r="B320" s="1"/>
      <c r="C320" s="1"/>
      <c r="D320" s="1"/>
      <c r="E320" s="1"/>
      <c r="F320" s="1"/>
      <c r="G320" s="1"/>
      <c r="H320" s="1"/>
      <c r="I320" s="1"/>
      <c r="J320" s="1"/>
      <c r="K320" s="1"/>
      <c r="L320" s="1"/>
      <c r="M320" s="1"/>
      <c r="N320" s="1"/>
      <c r="O320" s="1"/>
      <c r="P320" s="1"/>
      <c r="Q320" s="1"/>
      <c r="R320" s="1"/>
      <c r="S320" s="1"/>
      <c r="T320" s="1"/>
      <c r="U320" s="1"/>
      <c r="V320" s="7"/>
    </row>
    <row r="321" spans="2:22" x14ac:dyDescent="0.2">
      <c r="B321" s="1"/>
      <c r="C321" s="1"/>
      <c r="D321" s="1"/>
      <c r="E321" s="1"/>
      <c r="F321" s="1"/>
      <c r="G321" s="1"/>
      <c r="H321" s="1"/>
      <c r="I321" s="1"/>
      <c r="J321" s="1"/>
      <c r="K321" s="1"/>
      <c r="L321" s="1"/>
      <c r="M321" s="1"/>
      <c r="N321" s="1"/>
      <c r="O321" s="1"/>
      <c r="P321" s="1"/>
      <c r="Q321" s="1"/>
      <c r="R321" s="1"/>
      <c r="S321" s="1"/>
      <c r="T321" s="1"/>
      <c r="U321" s="1"/>
      <c r="V321" s="7"/>
    </row>
    <row r="322" spans="2:22" x14ac:dyDescent="0.2">
      <c r="B322" s="1"/>
      <c r="C322" s="1"/>
      <c r="D322" s="1"/>
      <c r="E322" s="1"/>
      <c r="F322" s="1"/>
      <c r="G322" s="1"/>
      <c r="H322" s="1"/>
      <c r="I322" s="1"/>
      <c r="J322" s="1"/>
      <c r="K322" s="1"/>
      <c r="L322" s="1"/>
      <c r="M322" s="1"/>
      <c r="N322" s="1"/>
      <c r="O322" s="1"/>
      <c r="P322" s="1"/>
      <c r="Q322" s="1"/>
      <c r="R322" s="1"/>
      <c r="S322" s="1"/>
      <c r="T322" s="1"/>
      <c r="U322" s="1"/>
      <c r="V322" s="7"/>
    </row>
    <row r="323" spans="2:22" x14ac:dyDescent="0.2">
      <c r="B323" s="1"/>
      <c r="C323" s="1"/>
      <c r="D323" s="1"/>
      <c r="E323" s="1"/>
      <c r="F323" s="1"/>
      <c r="G323" s="1"/>
      <c r="H323" s="1"/>
      <c r="I323" s="1"/>
      <c r="J323" s="1"/>
      <c r="K323" s="1"/>
      <c r="L323" s="1"/>
      <c r="M323" s="1"/>
      <c r="N323" s="1"/>
      <c r="O323" s="1"/>
      <c r="P323" s="1"/>
      <c r="Q323" s="1"/>
      <c r="R323" s="1"/>
      <c r="S323" s="1"/>
      <c r="T323" s="1"/>
      <c r="U323" s="1"/>
      <c r="V323" s="7"/>
    </row>
    <row r="324" spans="2:22" x14ac:dyDescent="0.2">
      <c r="B324" s="1"/>
      <c r="C324" s="1"/>
      <c r="D324" s="1"/>
      <c r="E324" s="1"/>
      <c r="F324" s="1"/>
      <c r="G324" s="1"/>
      <c r="H324" s="1"/>
      <c r="I324" s="1"/>
      <c r="J324" s="1"/>
      <c r="K324" s="1"/>
      <c r="L324" s="1"/>
      <c r="M324" s="1"/>
      <c r="N324" s="1"/>
      <c r="O324" s="1"/>
      <c r="P324" s="1"/>
      <c r="Q324" s="1"/>
      <c r="R324" s="1"/>
      <c r="S324" s="1"/>
      <c r="T324" s="1"/>
      <c r="U324" s="1"/>
      <c r="V324" s="7"/>
    </row>
    <row r="325" spans="2:22" x14ac:dyDescent="0.2">
      <c r="B325" s="1"/>
      <c r="C325" s="1"/>
      <c r="D325" s="1"/>
      <c r="E325" s="1"/>
      <c r="F325" s="1"/>
      <c r="G325" s="1"/>
      <c r="H325" s="1"/>
      <c r="I325" s="1"/>
      <c r="J325" s="1"/>
      <c r="K325" s="1"/>
      <c r="L325" s="1"/>
      <c r="M325" s="1"/>
      <c r="N325" s="1"/>
      <c r="O325" s="1"/>
      <c r="P325" s="1"/>
      <c r="Q325" s="1"/>
      <c r="R325" s="1"/>
      <c r="S325" s="1"/>
      <c r="T325" s="1"/>
      <c r="U325" s="1"/>
      <c r="V325" s="7"/>
    </row>
    <row r="326" spans="2:22" x14ac:dyDescent="0.2">
      <c r="B326" s="1"/>
      <c r="C326" s="1"/>
      <c r="D326" s="1"/>
      <c r="E326" s="1"/>
      <c r="F326" s="1"/>
      <c r="G326" s="1"/>
      <c r="H326" s="1"/>
      <c r="I326" s="1"/>
      <c r="J326" s="1"/>
      <c r="K326" s="1"/>
      <c r="L326" s="1"/>
      <c r="M326" s="1"/>
      <c r="N326" s="1"/>
      <c r="O326" s="1"/>
      <c r="P326" s="1"/>
      <c r="Q326" s="1"/>
      <c r="R326" s="1"/>
      <c r="S326" s="1"/>
      <c r="T326" s="1"/>
      <c r="U326" s="1"/>
      <c r="V326" s="7"/>
    </row>
    <row r="327" spans="2:22" x14ac:dyDescent="0.2">
      <c r="B327" s="1"/>
      <c r="C327" s="1"/>
      <c r="D327" s="1"/>
      <c r="E327" s="1"/>
      <c r="F327" s="1"/>
      <c r="G327" s="1"/>
      <c r="H327" s="1"/>
      <c r="I327" s="1"/>
      <c r="J327" s="1"/>
      <c r="K327" s="1"/>
      <c r="L327" s="1"/>
      <c r="M327" s="1"/>
      <c r="N327" s="1"/>
      <c r="O327" s="1"/>
      <c r="P327" s="1"/>
      <c r="Q327" s="1"/>
      <c r="R327" s="1"/>
      <c r="S327" s="1"/>
      <c r="T327" s="1"/>
      <c r="U327" s="1"/>
      <c r="V327" s="7"/>
    </row>
    <row r="328" spans="2:22" x14ac:dyDescent="0.2">
      <c r="B328" s="1"/>
      <c r="C328" s="1"/>
      <c r="D328" s="1"/>
      <c r="E328" s="1"/>
      <c r="F328" s="1"/>
      <c r="G328" s="1"/>
      <c r="H328" s="1"/>
      <c r="I328" s="1"/>
      <c r="J328" s="1"/>
      <c r="K328" s="1"/>
      <c r="L328" s="1"/>
      <c r="M328" s="1"/>
      <c r="N328" s="1"/>
      <c r="O328" s="1"/>
      <c r="P328" s="1"/>
      <c r="Q328" s="1"/>
      <c r="R328" s="1"/>
      <c r="S328" s="1"/>
      <c r="T328" s="1"/>
      <c r="U328" s="1"/>
      <c r="V328" s="7"/>
    </row>
    <row r="329" spans="2:22" x14ac:dyDescent="0.2">
      <c r="B329" s="1"/>
      <c r="C329" s="1"/>
      <c r="D329" s="1"/>
      <c r="E329" s="1"/>
      <c r="F329" s="1"/>
      <c r="G329" s="1"/>
      <c r="H329" s="1"/>
      <c r="I329" s="1"/>
      <c r="J329" s="1"/>
      <c r="K329" s="1"/>
      <c r="L329" s="1"/>
      <c r="M329" s="1"/>
      <c r="N329" s="1"/>
      <c r="O329" s="1"/>
      <c r="P329" s="1"/>
      <c r="Q329" s="1"/>
      <c r="R329" s="1"/>
      <c r="S329" s="1"/>
      <c r="T329" s="1"/>
      <c r="U329" s="1"/>
      <c r="V329" s="7"/>
    </row>
    <row r="330" spans="2:22" x14ac:dyDescent="0.2">
      <c r="B330" s="1"/>
      <c r="C330" s="1"/>
      <c r="D330" s="1"/>
      <c r="E330" s="1"/>
      <c r="F330" s="1"/>
      <c r="G330" s="1"/>
      <c r="H330" s="1"/>
      <c r="I330" s="1"/>
      <c r="J330" s="1"/>
      <c r="K330" s="1"/>
      <c r="L330" s="1"/>
      <c r="M330" s="1"/>
      <c r="N330" s="1"/>
      <c r="O330" s="1"/>
      <c r="P330" s="1"/>
      <c r="Q330" s="1"/>
      <c r="R330" s="1"/>
      <c r="S330" s="1"/>
      <c r="T330" s="1"/>
      <c r="U330" s="1"/>
      <c r="V330" s="7"/>
    </row>
    <row r="331" spans="2:22" x14ac:dyDescent="0.2">
      <c r="B331" s="1"/>
      <c r="C331" s="1"/>
      <c r="D331" s="1"/>
      <c r="E331" s="1"/>
      <c r="F331" s="1"/>
      <c r="G331" s="1"/>
      <c r="H331" s="1"/>
      <c r="I331" s="1"/>
      <c r="J331" s="1"/>
      <c r="K331" s="1"/>
      <c r="L331" s="1"/>
      <c r="M331" s="1"/>
      <c r="N331" s="1"/>
      <c r="O331" s="1"/>
      <c r="P331" s="1"/>
      <c r="Q331" s="1"/>
      <c r="R331" s="1"/>
      <c r="S331" s="1"/>
      <c r="T331" s="1"/>
      <c r="U331" s="1"/>
      <c r="V331" s="7"/>
    </row>
    <row r="332" spans="2:22" x14ac:dyDescent="0.2">
      <c r="B332" s="1"/>
      <c r="C332" s="1"/>
      <c r="D332" s="1"/>
      <c r="E332" s="1"/>
      <c r="F332" s="1"/>
      <c r="G332" s="1"/>
      <c r="H332" s="1"/>
      <c r="I332" s="1"/>
      <c r="J332" s="1"/>
      <c r="K332" s="1"/>
      <c r="L332" s="1"/>
      <c r="M332" s="1"/>
      <c r="N332" s="1"/>
      <c r="O332" s="1"/>
      <c r="P332" s="1"/>
      <c r="Q332" s="1"/>
      <c r="R332" s="1"/>
      <c r="S332" s="1"/>
      <c r="T332" s="1"/>
      <c r="U332" s="1"/>
      <c r="V332" s="7"/>
    </row>
    <row r="333" spans="2:22" x14ac:dyDescent="0.2">
      <c r="B333" s="1"/>
      <c r="C333" s="1"/>
      <c r="D333" s="1"/>
      <c r="E333" s="1"/>
      <c r="F333" s="1"/>
      <c r="G333" s="1"/>
      <c r="H333" s="1"/>
      <c r="I333" s="1"/>
      <c r="J333" s="1"/>
      <c r="K333" s="1"/>
      <c r="L333" s="1"/>
      <c r="M333" s="1"/>
      <c r="N333" s="1"/>
      <c r="O333" s="1"/>
      <c r="P333" s="1"/>
      <c r="Q333" s="1"/>
      <c r="R333" s="1"/>
      <c r="S333" s="1"/>
      <c r="T333" s="1"/>
      <c r="U333" s="1"/>
      <c r="V333" s="7"/>
    </row>
    <row r="334" spans="2:22" x14ac:dyDescent="0.2">
      <c r="B334" s="1"/>
      <c r="C334" s="1"/>
      <c r="D334" s="1"/>
      <c r="E334" s="1"/>
      <c r="F334" s="1"/>
      <c r="G334" s="1"/>
      <c r="H334" s="1"/>
      <c r="I334" s="1"/>
      <c r="J334" s="1"/>
      <c r="K334" s="1"/>
      <c r="L334" s="1"/>
      <c r="M334" s="1"/>
      <c r="N334" s="1"/>
      <c r="O334" s="1"/>
      <c r="P334" s="1"/>
      <c r="Q334" s="1"/>
      <c r="R334" s="1"/>
      <c r="S334" s="1"/>
      <c r="T334" s="1"/>
      <c r="U334" s="1"/>
      <c r="V334" s="7"/>
    </row>
    <row r="335" spans="2:22" x14ac:dyDescent="0.2">
      <c r="B335" s="1"/>
      <c r="C335" s="1"/>
      <c r="D335" s="1"/>
      <c r="E335" s="1"/>
      <c r="F335" s="1"/>
      <c r="G335" s="1"/>
      <c r="H335" s="1"/>
      <c r="I335" s="1"/>
      <c r="J335" s="1"/>
      <c r="K335" s="1"/>
      <c r="L335" s="1"/>
      <c r="M335" s="1"/>
      <c r="N335" s="1"/>
      <c r="O335" s="1"/>
      <c r="P335" s="1"/>
      <c r="Q335" s="1"/>
      <c r="R335" s="1"/>
      <c r="S335" s="1"/>
      <c r="T335" s="1"/>
      <c r="U335" s="1"/>
      <c r="V335" s="7"/>
    </row>
    <row r="336" spans="2:22" x14ac:dyDescent="0.2">
      <c r="B336" s="1"/>
      <c r="C336" s="1"/>
      <c r="D336" s="1"/>
      <c r="E336" s="1"/>
      <c r="F336" s="1"/>
      <c r="G336" s="1"/>
      <c r="H336" s="1"/>
      <c r="I336" s="1"/>
      <c r="J336" s="1"/>
      <c r="K336" s="1"/>
      <c r="L336" s="1"/>
      <c r="M336" s="1"/>
      <c r="N336" s="1"/>
      <c r="O336" s="1"/>
      <c r="P336" s="1"/>
      <c r="Q336" s="1"/>
      <c r="R336" s="1"/>
      <c r="S336" s="1"/>
      <c r="T336" s="1"/>
      <c r="U336" s="1"/>
      <c r="V336" s="7"/>
    </row>
    <row r="337" spans="2:22" x14ac:dyDescent="0.2">
      <c r="B337" s="1"/>
      <c r="C337" s="1"/>
      <c r="D337" s="1"/>
      <c r="E337" s="1"/>
      <c r="F337" s="1"/>
      <c r="G337" s="1"/>
      <c r="H337" s="1"/>
      <c r="I337" s="1"/>
      <c r="J337" s="1"/>
      <c r="K337" s="1"/>
      <c r="L337" s="1"/>
      <c r="M337" s="1"/>
      <c r="N337" s="1"/>
      <c r="O337" s="1"/>
      <c r="P337" s="1"/>
      <c r="Q337" s="1"/>
      <c r="R337" s="1"/>
      <c r="S337" s="1"/>
      <c r="T337" s="1"/>
      <c r="U337" s="1"/>
      <c r="V337" s="7"/>
    </row>
    <row r="338" spans="2:22" x14ac:dyDescent="0.2">
      <c r="B338" s="1"/>
      <c r="C338" s="1"/>
      <c r="D338" s="1"/>
      <c r="E338" s="1"/>
      <c r="F338" s="1"/>
      <c r="G338" s="1"/>
      <c r="H338" s="1"/>
      <c r="I338" s="1"/>
      <c r="J338" s="1"/>
      <c r="K338" s="1"/>
      <c r="L338" s="1"/>
      <c r="M338" s="1"/>
      <c r="N338" s="1"/>
      <c r="O338" s="1"/>
      <c r="P338" s="1"/>
      <c r="Q338" s="1"/>
      <c r="R338" s="1"/>
      <c r="S338" s="1"/>
      <c r="T338" s="1"/>
      <c r="U338" s="1"/>
      <c r="V338" s="7"/>
    </row>
    <row r="339" spans="2:22" x14ac:dyDescent="0.2">
      <c r="B339" s="1"/>
      <c r="C339" s="1"/>
      <c r="D339" s="1"/>
      <c r="E339" s="1"/>
      <c r="F339" s="1"/>
      <c r="G339" s="1"/>
      <c r="H339" s="1"/>
      <c r="I339" s="1"/>
      <c r="J339" s="1"/>
      <c r="K339" s="1"/>
      <c r="L339" s="1"/>
      <c r="M339" s="1"/>
      <c r="N339" s="1"/>
      <c r="O339" s="1"/>
      <c r="P339" s="1"/>
      <c r="Q339" s="1"/>
      <c r="R339" s="1"/>
      <c r="S339" s="1"/>
      <c r="T339" s="1"/>
      <c r="U339" s="1"/>
      <c r="V339" s="7"/>
    </row>
    <row r="340" spans="2:22" x14ac:dyDescent="0.2">
      <c r="B340" s="1"/>
      <c r="C340" s="1"/>
      <c r="D340" s="1"/>
      <c r="E340" s="1"/>
      <c r="F340" s="1"/>
      <c r="G340" s="1"/>
      <c r="H340" s="1"/>
      <c r="I340" s="1"/>
      <c r="J340" s="1"/>
      <c r="K340" s="1"/>
      <c r="L340" s="1"/>
      <c r="M340" s="1"/>
      <c r="N340" s="1"/>
      <c r="O340" s="1"/>
      <c r="P340" s="1"/>
      <c r="Q340" s="1"/>
      <c r="R340" s="1"/>
      <c r="S340" s="1"/>
      <c r="T340" s="1"/>
      <c r="U340" s="1"/>
      <c r="V340" s="7"/>
    </row>
    <row r="341" spans="2:22" x14ac:dyDescent="0.2">
      <c r="B341" s="1"/>
      <c r="C341" s="1"/>
      <c r="D341" s="1"/>
      <c r="E341" s="1"/>
      <c r="F341" s="1"/>
      <c r="G341" s="1"/>
      <c r="H341" s="1"/>
      <c r="I341" s="1"/>
      <c r="J341" s="1"/>
      <c r="K341" s="1"/>
      <c r="L341" s="1"/>
      <c r="M341" s="1"/>
      <c r="N341" s="1"/>
      <c r="O341" s="1"/>
      <c r="P341" s="1"/>
      <c r="Q341" s="1"/>
      <c r="R341" s="1"/>
      <c r="S341" s="1"/>
      <c r="T341" s="1"/>
      <c r="U341" s="1"/>
      <c r="V341" s="7"/>
    </row>
    <row r="342" spans="2:22" x14ac:dyDescent="0.2">
      <c r="B342" s="1"/>
      <c r="C342" s="1"/>
      <c r="D342" s="1"/>
      <c r="E342" s="1"/>
      <c r="F342" s="1"/>
      <c r="G342" s="1"/>
      <c r="H342" s="1"/>
      <c r="I342" s="1"/>
      <c r="J342" s="1"/>
      <c r="K342" s="1"/>
      <c r="L342" s="1"/>
      <c r="M342" s="1"/>
      <c r="N342" s="1"/>
      <c r="O342" s="1"/>
      <c r="P342" s="1"/>
      <c r="Q342" s="1"/>
      <c r="R342" s="1"/>
      <c r="S342" s="1"/>
      <c r="T342" s="1"/>
      <c r="U342" s="1"/>
      <c r="V342" s="7"/>
    </row>
    <row r="343" spans="2:22" x14ac:dyDescent="0.2">
      <c r="B343" s="1"/>
      <c r="C343" s="1"/>
      <c r="D343" s="1"/>
      <c r="E343" s="1"/>
      <c r="F343" s="1"/>
      <c r="G343" s="1"/>
      <c r="H343" s="1"/>
      <c r="I343" s="1"/>
      <c r="J343" s="1"/>
      <c r="K343" s="1"/>
      <c r="L343" s="1"/>
      <c r="M343" s="1"/>
      <c r="N343" s="1"/>
      <c r="O343" s="1"/>
      <c r="P343" s="1"/>
      <c r="Q343" s="1"/>
      <c r="R343" s="1"/>
      <c r="S343" s="1"/>
      <c r="T343" s="1"/>
      <c r="U343" s="1"/>
      <c r="V343" s="7"/>
    </row>
    <row r="344" spans="2:22" x14ac:dyDescent="0.2">
      <c r="B344" s="1"/>
      <c r="C344" s="1"/>
      <c r="D344" s="1"/>
      <c r="E344" s="1"/>
      <c r="F344" s="1"/>
      <c r="G344" s="1"/>
      <c r="H344" s="1"/>
      <c r="I344" s="1"/>
      <c r="J344" s="1"/>
      <c r="K344" s="1"/>
      <c r="L344" s="1"/>
      <c r="M344" s="1"/>
      <c r="N344" s="1"/>
      <c r="O344" s="1"/>
      <c r="P344" s="1"/>
      <c r="Q344" s="1"/>
      <c r="R344" s="1"/>
      <c r="S344" s="1"/>
      <c r="T344" s="1"/>
      <c r="U344" s="1"/>
      <c r="V344" s="7"/>
    </row>
    <row r="345" spans="2:22" x14ac:dyDescent="0.2">
      <c r="B345" s="1"/>
      <c r="C345" s="1"/>
      <c r="D345" s="1"/>
      <c r="E345" s="1"/>
      <c r="F345" s="1"/>
      <c r="G345" s="1"/>
      <c r="H345" s="1"/>
      <c r="I345" s="1"/>
      <c r="J345" s="1"/>
      <c r="K345" s="1"/>
      <c r="L345" s="1"/>
      <c r="M345" s="1"/>
      <c r="N345" s="1"/>
      <c r="O345" s="1"/>
      <c r="P345" s="1"/>
      <c r="Q345" s="1"/>
      <c r="R345" s="1"/>
      <c r="S345" s="1"/>
      <c r="T345" s="1"/>
      <c r="U345" s="1"/>
      <c r="V345" s="7"/>
    </row>
    <row r="346" spans="2:22" x14ac:dyDescent="0.2">
      <c r="B346" s="1"/>
      <c r="C346" s="1"/>
      <c r="D346" s="1"/>
      <c r="E346" s="1"/>
      <c r="F346" s="1"/>
      <c r="G346" s="1"/>
      <c r="H346" s="1"/>
      <c r="I346" s="1"/>
      <c r="J346" s="1"/>
      <c r="K346" s="1"/>
      <c r="L346" s="1"/>
      <c r="M346" s="1"/>
      <c r="N346" s="1"/>
      <c r="O346" s="1"/>
      <c r="P346" s="1"/>
      <c r="Q346" s="1"/>
      <c r="R346" s="1"/>
      <c r="S346" s="1"/>
      <c r="T346" s="1"/>
      <c r="U346" s="1"/>
      <c r="V346" s="7"/>
    </row>
    <row r="347" spans="2:22" x14ac:dyDescent="0.2">
      <c r="B347" s="1"/>
      <c r="C347" s="1"/>
      <c r="D347" s="1"/>
      <c r="E347" s="1"/>
      <c r="F347" s="1"/>
      <c r="G347" s="1"/>
      <c r="H347" s="1"/>
      <c r="I347" s="1"/>
      <c r="J347" s="1"/>
      <c r="K347" s="1"/>
      <c r="L347" s="1"/>
      <c r="M347" s="1"/>
      <c r="N347" s="1"/>
      <c r="O347" s="1"/>
      <c r="P347" s="1"/>
      <c r="Q347" s="1"/>
      <c r="R347" s="1"/>
      <c r="S347" s="1"/>
      <c r="T347" s="1"/>
      <c r="U347" s="1"/>
      <c r="V347" s="7"/>
    </row>
    <row r="348" spans="2:22" x14ac:dyDescent="0.2">
      <c r="B348" s="1"/>
      <c r="C348" s="1"/>
      <c r="D348" s="1"/>
      <c r="E348" s="1"/>
      <c r="F348" s="1"/>
      <c r="G348" s="1"/>
      <c r="H348" s="1"/>
      <c r="I348" s="1"/>
      <c r="J348" s="1"/>
      <c r="K348" s="1"/>
      <c r="L348" s="1"/>
      <c r="M348" s="1"/>
      <c r="N348" s="1"/>
      <c r="O348" s="1"/>
      <c r="P348" s="1"/>
      <c r="Q348" s="1"/>
      <c r="R348" s="1"/>
      <c r="S348" s="1"/>
      <c r="T348" s="1"/>
      <c r="U348" s="1"/>
      <c r="V348" s="7"/>
    </row>
    <row r="349" spans="2:22" x14ac:dyDescent="0.2">
      <c r="B349" s="1"/>
      <c r="C349" s="1"/>
      <c r="D349" s="1"/>
      <c r="E349" s="1"/>
      <c r="F349" s="1"/>
      <c r="G349" s="1"/>
      <c r="H349" s="1"/>
      <c r="I349" s="1"/>
      <c r="J349" s="1"/>
      <c r="K349" s="1"/>
      <c r="L349" s="1"/>
      <c r="M349" s="1"/>
      <c r="N349" s="1"/>
      <c r="O349" s="1"/>
      <c r="P349" s="1"/>
      <c r="Q349" s="1"/>
      <c r="R349" s="1"/>
      <c r="S349" s="1"/>
      <c r="T349" s="1"/>
      <c r="U349" s="1"/>
      <c r="V349" s="7"/>
    </row>
    <row r="350" spans="2:22" x14ac:dyDescent="0.2">
      <c r="B350" s="1"/>
      <c r="C350" s="1"/>
      <c r="D350" s="1"/>
      <c r="E350" s="1"/>
      <c r="F350" s="1"/>
      <c r="G350" s="1"/>
      <c r="H350" s="1"/>
      <c r="I350" s="1"/>
      <c r="J350" s="1"/>
      <c r="K350" s="1"/>
      <c r="L350" s="1"/>
      <c r="M350" s="1"/>
      <c r="N350" s="1"/>
      <c r="O350" s="1"/>
      <c r="P350" s="1"/>
      <c r="Q350" s="1"/>
      <c r="R350" s="1"/>
      <c r="S350" s="1"/>
      <c r="T350" s="1"/>
      <c r="U350" s="1"/>
      <c r="V350" s="7"/>
    </row>
    <row r="351" spans="2:22" x14ac:dyDescent="0.2">
      <c r="B351" s="1"/>
      <c r="C351" s="1"/>
      <c r="D351" s="1"/>
      <c r="E351" s="1"/>
      <c r="F351" s="1"/>
      <c r="G351" s="1"/>
      <c r="H351" s="1"/>
      <c r="I351" s="1"/>
      <c r="J351" s="1"/>
      <c r="K351" s="1"/>
      <c r="L351" s="1"/>
      <c r="M351" s="1"/>
      <c r="N351" s="1"/>
      <c r="O351" s="1"/>
      <c r="P351" s="1"/>
      <c r="Q351" s="1"/>
      <c r="R351" s="1"/>
      <c r="S351" s="1"/>
      <c r="T351" s="1"/>
      <c r="U351" s="1"/>
      <c r="V351" s="7"/>
    </row>
    <row r="352" spans="2:22" x14ac:dyDescent="0.2">
      <c r="B352" s="1"/>
      <c r="C352" s="1"/>
      <c r="D352" s="1"/>
      <c r="E352" s="1"/>
      <c r="F352" s="1"/>
      <c r="G352" s="1"/>
      <c r="H352" s="1"/>
      <c r="I352" s="1"/>
      <c r="J352" s="1"/>
      <c r="K352" s="1"/>
      <c r="L352" s="1"/>
      <c r="M352" s="1"/>
      <c r="N352" s="1"/>
      <c r="O352" s="1"/>
      <c r="P352" s="1"/>
      <c r="Q352" s="1"/>
      <c r="R352" s="1"/>
      <c r="S352" s="1"/>
      <c r="T352" s="1"/>
      <c r="U352" s="1"/>
      <c r="V352" s="7"/>
    </row>
    <row r="353" spans="2:22" x14ac:dyDescent="0.2">
      <c r="B353" s="1"/>
      <c r="C353" s="1"/>
      <c r="D353" s="1"/>
      <c r="E353" s="1"/>
      <c r="F353" s="1"/>
      <c r="G353" s="1"/>
      <c r="H353" s="1"/>
      <c r="I353" s="1"/>
      <c r="J353" s="1"/>
      <c r="K353" s="1"/>
      <c r="L353" s="1"/>
      <c r="M353" s="1"/>
      <c r="N353" s="1"/>
      <c r="O353" s="1"/>
      <c r="P353" s="1"/>
      <c r="Q353" s="1"/>
      <c r="R353" s="1"/>
      <c r="S353" s="1"/>
      <c r="T353" s="1"/>
      <c r="U353" s="1"/>
      <c r="V353" s="7"/>
    </row>
    <row r="354" spans="2:22" x14ac:dyDescent="0.2">
      <c r="B354" s="1"/>
      <c r="C354" s="1"/>
      <c r="D354" s="1"/>
      <c r="E354" s="1"/>
      <c r="F354" s="1"/>
      <c r="G354" s="1"/>
      <c r="H354" s="1"/>
      <c r="I354" s="1"/>
      <c r="J354" s="1"/>
      <c r="K354" s="1"/>
      <c r="L354" s="1"/>
      <c r="M354" s="1"/>
      <c r="N354" s="1"/>
      <c r="O354" s="1"/>
      <c r="P354" s="1"/>
      <c r="Q354" s="1"/>
      <c r="R354" s="1"/>
      <c r="S354" s="1"/>
      <c r="T354" s="1"/>
      <c r="U354" s="1"/>
      <c r="V354" s="7"/>
    </row>
    <row r="355" spans="2:22" x14ac:dyDescent="0.2">
      <c r="B355" s="1"/>
      <c r="C355" s="1"/>
      <c r="D355" s="1"/>
      <c r="E355" s="1"/>
      <c r="F355" s="1"/>
      <c r="G355" s="1"/>
      <c r="H355" s="1"/>
      <c r="I355" s="1"/>
      <c r="J355" s="1"/>
      <c r="K355" s="1"/>
      <c r="L355" s="1"/>
      <c r="M355" s="1"/>
      <c r="N355" s="1"/>
      <c r="O355" s="1"/>
      <c r="P355" s="1"/>
      <c r="Q355" s="1"/>
      <c r="R355" s="1"/>
      <c r="S355" s="1"/>
      <c r="T355" s="1"/>
      <c r="U355" s="1"/>
      <c r="V355" s="7"/>
    </row>
    <row r="356" spans="2:22" x14ac:dyDescent="0.2">
      <c r="B356" s="1"/>
      <c r="C356" s="1"/>
      <c r="D356" s="1"/>
      <c r="E356" s="1"/>
      <c r="F356" s="1"/>
      <c r="G356" s="1"/>
      <c r="H356" s="1"/>
      <c r="I356" s="1"/>
      <c r="J356" s="1"/>
      <c r="K356" s="1"/>
      <c r="L356" s="1"/>
      <c r="M356" s="1"/>
      <c r="N356" s="1"/>
      <c r="O356" s="1"/>
      <c r="P356" s="1"/>
      <c r="Q356" s="1"/>
      <c r="R356" s="1"/>
      <c r="S356" s="1"/>
      <c r="T356" s="1"/>
      <c r="U356" s="1"/>
      <c r="V356" s="7"/>
    </row>
    <row r="357" spans="2:22" x14ac:dyDescent="0.2">
      <c r="B357" s="1"/>
      <c r="C357" s="1"/>
      <c r="D357" s="1"/>
      <c r="E357" s="1"/>
      <c r="F357" s="1"/>
      <c r="G357" s="1"/>
      <c r="H357" s="1"/>
      <c r="I357" s="1"/>
      <c r="J357" s="1"/>
      <c r="K357" s="1"/>
      <c r="L357" s="1"/>
      <c r="M357" s="1"/>
      <c r="N357" s="1"/>
      <c r="O357" s="1"/>
      <c r="P357" s="1"/>
      <c r="Q357" s="1"/>
      <c r="R357" s="1"/>
      <c r="S357" s="1"/>
      <c r="T357" s="1"/>
      <c r="U357" s="1"/>
      <c r="V357" s="7"/>
    </row>
    <row r="358" spans="2:22" x14ac:dyDescent="0.2">
      <c r="B358" s="1"/>
      <c r="C358" s="1"/>
      <c r="D358" s="1"/>
      <c r="E358" s="1"/>
      <c r="F358" s="1"/>
      <c r="G358" s="1"/>
      <c r="H358" s="1"/>
      <c r="I358" s="1"/>
      <c r="J358" s="1"/>
      <c r="K358" s="1"/>
      <c r="L358" s="1"/>
      <c r="M358" s="1"/>
      <c r="N358" s="1"/>
      <c r="O358" s="1"/>
      <c r="P358" s="1"/>
      <c r="Q358" s="1"/>
      <c r="R358" s="1"/>
      <c r="S358" s="1"/>
      <c r="T358" s="1"/>
      <c r="U358" s="1"/>
      <c r="V358" s="7"/>
    </row>
    <row r="359" spans="2:22" x14ac:dyDescent="0.2">
      <c r="B359" s="1"/>
      <c r="C359" s="1"/>
      <c r="D359" s="1"/>
      <c r="E359" s="1"/>
      <c r="F359" s="1"/>
      <c r="G359" s="1"/>
      <c r="H359" s="1"/>
      <c r="I359" s="1"/>
      <c r="J359" s="1"/>
      <c r="K359" s="1"/>
      <c r="L359" s="1"/>
      <c r="M359" s="1"/>
      <c r="N359" s="1"/>
      <c r="O359" s="1"/>
      <c r="P359" s="1"/>
      <c r="Q359" s="1"/>
      <c r="R359" s="1"/>
      <c r="S359" s="1"/>
      <c r="T359" s="1"/>
      <c r="U359" s="1"/>
      <c r="V359" s="7"/>
    </row>
    <row r="360" spans="2:22" x14ac:dyDescent="0.2">
      <c r="B360" s="1"/>
      <c r="C360" s="1"/>
      <c r="D360" s="1"/>
      <c r="E360" s="1"/>
      <c r="F360" s="1"/>
      <c r="G360" s="1"/>
      <c r="H360" s="1"/>
      <c r="I360" s="1"/>
      <c r="J360" s="1"/>
      <c r="K360" s="1"/>
      <c r="L360" s="1"/>
      <c r="M360" s="1"/>
      <c r="N360" s="1"/>
      <c r="O360" s="1"/>
      <c r="P360" s="1"/>
      <c r="Q360" s="1"/>
      <c r="R360" s="1"/>
      <c r="S360" s="1"/>
      <c r="T360" s="1"/>
      <c r="U360" s="1"/>
      <c r="V360" s="7"/>
    </row>
    <row r="361" spans="2:22" x14ac:dyDescent="0.2">
      <c r="B361" s="1"/>
      <c r="C361" s="1"/>
      <c r="D361" s="1"/>
      <c r="E361" s="1"/>
      <c r="F361" s="1"/>
      <c r="G361" s="1"/>
      <c r="H361" s="1"/>
      <c r="I361" s="1"/>
      <c r="J361" s="1"/>
      <c r="K361" s="1"/>
      <c r="L361" s="1"/>
      <c r="M361" s="1"/>
      <c r="N361" s="1"/>
      <c r="O361" s="1"/>
      <c r="P361" s="1"/>
      <c r="Q361" s="1"/>
      <c r="R361" s="1"/>
      <c r="S361" s="1"/>
      <c r="T361" s="1"/>
      <c r="U361" s="1"/>
      <c r="V361" s="7"/>
    </row>
    <row r="362" spans="2:22" x14ac:dyDescent="0.2">
      <c r="B362" s="1"/>
      <c r="C362" s="1"/>
      <c r="D362" s="1"/>
      <c r="E362" s="1"/>
      <c r="F362" s="1"/>
      <c r="G362" s="1"/>
      <c r="H362" s="1"/>
      <c r="I362" s="1"/>
      <c r="J362" s="1"/>
      <c r="K362" s="1"/>
      <c r="L362" s="1"/>
      <c r="M362" s="1"/>
      <c r="N362" s="1"/>
      <c r="O362" s="1"/>
      <c r="P362" s="1"/>
      <c r="Q362" s="1"/>
      <c r="R362" s="1"/>
      <c r="S362" s="1"/>
      <c r="T362" s="1"/>
      <c r="U362" s="1"/>
      <c r="V362" s="7"/>
    </row>
    <row r="363" spans="2:22" x14ac:dyDescent="0.2">
      <c r="B363" s="1"/>
      <c r="C363" s="1"/>
      <c r="D363" s="1"/>
      <c r="E363" s="1"/>
      <c r="F363" s="1"/>
      <c r="G363" s="1"/>
      <c r="H363" s="1"/>
      <c r="I363" s="1"/>
      <c r="J363" s="1"/>
      <c r="K363" s="1"/>
      <c r="L363" s="1"/>
      <c r="M363" s="1"/>
      <c r="N363" s="1"/>
      <c r="O363" s="1"/>
      <c r="P363" s="1"/>
      <c r="Q363" s="1"/>
      <c r="R363" s="1"/>
      <c r="S363" s="1"/>
      <c r="T363" s="1"/>
      <c r="U363" s="1"/>
      <c r="V363" s="7"/>
    </row>
    <row r="364" spans="2:22" x14ac:dyDescent="0.2">
      <c r="B364" s="1"/>
      <c r="C364" s="1"/>
      <c r="D364" s="1"/>
      <c r="E364" s="1"/>
      <c r="F364" s="1"/>
      <c r="G364" s="1"/>
      <c r="H364" s="1"/>
      <c r="I364" s="1"/>
      <c r="J364" s="1"/>
      <c r="K364" s="1"/>
      <c r="L364" s="1"/>
      <c r="M364" s="1"/>
      <c r="N364" s="1"/>
      <c r="O364" s="1"/>
      <c r="P364" s="1"/>
      <c r="Q364" s="1"/>
      <c r="R364" s="1"/>
      <c r="S364" s="1"/>
      <c r="T364" s="1"/>
      <c r="U364" s="1"/>
      <c r="V364" s="7"/>
    </row>
    <row r="365" spans="2:22" x14ac:dyDescent="0.2">
      <c r="B365" s="1"/>
      <c r="C365" s="1"/>
      <c r="D365" s="1"/>
      <c r="E365" s="1"/>
      <c r="F365" s="1"/>
      <c r="G365" s="1"/>
      <c r="H365" s="1"/>
      <c r="I365" s="1"/>
      <c r="J365" s="1"/>
      <c r="K365" s="1"/>
      <c r="L365" s="1"/>
      <c r="M365" s="1"/>
      <c r="N365" s="1"/>
      <c r="O365" s="1"/>
      <c r="P365" s="1"/>
      <c r="Q365" s="1"/>
      <c r="R365" s="1"/>
      <c r="S365" s="1"/>
      <c r="T365" s="1"/>
      <c r="U365" s="1"/>
      <c r="V365" s="7"/>
    </row>
    <row r="366" spans="2:22" x14ac:dyDescent="0.2">
      <c r="B366" s="1"/>
      <c r="C366" s="1"/>
      <c r="D366" s="1"/>
      <c r="E366" s="1"/>
      <c r="F366" s="1"/>
      <c r="G366" s="1"/>
      <c r="H366" s="1"/>
      <c r="I366" s="1"/>
      <c r="J366" s="1"/>
      <c r="K366" s="1"/>
      <c r="L366" s="1"/>
      <c r="M366" s="1"/>
      <c r="N366" s="1"/>
      <c r="O366" s="1"/>
      <c r="P366" s="1"/>
      <c r="Q366" s="1"/>
      <c r="R366" s="1"/>
      <c r="S366" s="1"/>
      <c r="T366" s="1"/>
      <c r="U366" s="1"/>
      <c r="V366" s="7"/>
    </row>
    <row r="367" spans="2:22" x14ac:dyDescent="0.2">
      <c r="B367" s="1"/>
      <c r="C367" s="1"/>
      <c r="D367" s="1"/>
      <c r="E367" s="1"/>
      <c r="F367" s="1"/>
      <c r="G367" s="1"/>
      <c r="H367" s="1"/>
      <c r="I367" s="1"/>
      <c r="J367" s="1"/>
      <c r="K367" s="1"/>
      <c r="L367" s="1"/>
      <c r="M367" s="1"/>
      <c r="N367" s="1"/>
      <c r="O367" s="1"/>
      <c r="P367" s="1"/>
      <c r="Q367" s="1"/>
      <c r="R367" s="1"/>
      <c r="S367" s="1"/>
      <c r="T367" s="1"/>
      <c r="U367" s="1"/>
      <c r="V367" s="7"/>
    </row>
    <row r="368" spans="2:22" x14ac:dyDescent="0.2">
      <c r="B368" s="1"/>
      <c r="C368" s="1"/>
      <c r="D368" s="1"/>
      <c r="E368" s="1"/>
      <c r="F368" s="1"/>
      <c r="G368" s="1"/>
      <c r="H368" s="1"/>
      <c r="I368" s="1"/>
      <c r="J368" s="1"/>
      <c r="K368" s="1"/>
      <c r="L368" s="1"/>
      <c r="M368" s="1"/>
      <c r="N368" s="1"/>
      <c r="O368" s="1"/>
      <c r="P368" s="1"/>
      <c r="Q368" s="1"/>
      <c r="R368" s="1"/>
      <c r="S368" s="1"/>
      <c r="T368" s="1"/>
      <c r="U368" s="1"/>
      <c r="V368" s="7"/>
    </row>
    <row r="369" spans="2:22" x14ac:dyDescent="0.2">
      <c r="B369" s="1"/>
      <c r="C369" s="1"/>
      <c r="D369" s="1"/>
      <c r="E369" s="1"/>
      <c r="F369" s="1"/>
      <c r="G369" s="1"/>
      <c r="H369" s="1"/>
      <c r="I369" s="1"/>
      <c r="J369" s="1"/>
      <c r="K369" s="1"/>
      <c r="L369" s="1"/>
      <c r="M369" s="1"/>
      <c r="N369" s="1"/>
      <c r="O369" s="1"/>
      <c r="P369" s="1"/>
      <c r="Q369" s="1"/>
      <c r="R369" s="1"/>
      <c r="S369" s="1"/>
      <c r="T369" s="1"/>
      <c r="U369" s="1"/>
      <c r="V369" s="7"/>
    </row>
    <row r="370" spans="2:22" x14ac:dyDescent="0.2">
      <c r="B370" s="1"/>
      <c r="C370" s="1"/>
      <c r="D370" s="1"/>
      <c r="E370" s="1"/>
      <c r="F370" s="1"/>
      <c r="G370" s="1"/>
      <c r="H370" s="1"/>
      <c r="I370" s="1"/>
      <c r="J370" s="1"/>
      <c r="K370" s="1"/>
      <c r="L370" s="1"/>
      <c r="M370" s="1"/>
      <c r="N370" s="1"/>
      <c r="O370" s="1"/>
      <c r="P370" s="1"/>
      <c r="Q370" s="1"/>
      <c r="R370" s="1"/>
      <c r="S370" s="1"/>
      <c r="T370" s="1"/>
      <c r="U370" s="1"/>
      <c r="V370" s="7"/>
    </row>
    <row r="371" spans="2:22" x14ac:dyDescent="0.2">
      <c r="B371" s="1"/>
      <c r="C371" s="1"/>
      <c r="D371" s="1"/>
      <c r="E371" s="1"/>
      <c r="F371" s="1"/>
      <c r="G371" s="1"/>
      <c r="H371" s="1"/>
      <c r="I371" s="1"/>
      <c r="J371" s="1"/>
      <c r="K371" s="1"/>
      <c r="L371" s="1"/>
      <c r="M371" s="1"/>
      <c r="N371" s="1"/>
      <c r="O371" s="1"/>
      <c r="P371" s="1"/>
      <c r="Q371" s="1"/>
      <c r="R371" s="1"/>
      <c r="S371" s="1"/>
      <c r="T371" s="1"/>
      <c r="U371" s="1"/>
      <c r="V371" s="7"/>
    </row>
    <row r="372" spans="2:22" x14ac:dyDescent="0.2">
      <c r="B372" s="1"/>
      <c r="C372" s="1"/>
      <c r="D372" s="1"/>
      <c r="E372" s="1"/>
      <c r="F372" s="1"/>
      <c r="G372" s="1"/>
      <c r="H372" s="1"/>
      <c r="I372" s="1"/>
      <c r="J372" s="1"/>
      <c r="K372" s="1"/>
      <c r="L372" s="1"/>
      <c r="M372" s="1"/>
      <c r="N372" s="1"/>
      <c r="O372" s="1"/>
      <c r="P372" s="1"/>
      <c r="Q372" s="1"/>
      <c r="R372" s="1"/>
      <c r="S372" s="1"/>
      <c r="T372" s="1"/>
      <c r="U372" s="1"/>
      <c r="V372" s="7"/>
    </row>
    <row r="373" spans="2:22" x14ac:dyDescent="0.2">
      <c r="B373" s="1"/>
      <c r="C373" s="1"/>
      <c r="D373" s="1"/>
      <c r="E373" s="1"/>
      <c r="F373" s="1"/>
      <c r="G373" s="1"/>
      <c r="H373" s="1"/>
      <c r="I373" s="1"/>
      <c r="J373" s="1"/>
      <c r="K373" s="1"/>
      <c r="L373" s="1"/>
      <c r="M373" s="1"/>
      <c r="N373" s="1"/>
      <c r="O373" s="1"/>
      <c r="P373" s="1"/>
      <c r="Q373" s="1"/>
      <c r="R373" s="1"/>
      <c r="S373" s="1"/>
      <c r="T373" s="1"/>
      <c r="U373" s="1"/>
      <c r="V373" s="7"/>
    </row>
    <row r="374" spans="2:22" x14ac:dyDescent="0.2">
      <c r="B374" s="1"/>
      <c r="C374" s="1"/>
      <c r="D374" s="1"/>
      <c r="E374" s="1"/>
      <c r="F374" s="1"/>
      <c r="G374" s="1"/>
      <c r="H374" s="1"/>
      <c r="I374" s="1"/>
      <c r="J374" s="1"/>
      <c r="K374" s="1"/>
      <c r="L374" s="1"/>
      <c r="M374" s="1"/>
      <c r="N374" s="1"/>
      <c r="O374" s="1"/>
      <c r="P374" s="1"/>
      <c r="Q374" s="1"/>
      <c r="R374" s="1"/>
      <c r="S374" s="1"/>
      <c r="T374" s="1"/>
      <c r="U374" s="1"/>
      <c r="V374" s="7"/>
    </row>
    <row r="375" spans="2:22" x14ac:dyDescent="0.2">
      <c r="B375" s="1"/>
      <c r="C375" s="1"/>
      <c r="D375" s="1"/>
      <c r="E375" s="1"/>
      <c r="F375" s="1"/>
      <c r="G375" s="1"/>
      <c r="H375" s="1"/>
      <c r="I375" s="1"/>
      <c r="J375" s="1"/>
      <c r="K375" s="1"/>
      <c r="L375" s="1"/>
      <c r="M375" s="1"/>
      <c r="N375" s="1"/>
      <c r="O375" s="1"/>
      <c r="P375" s="1"/>
      <c r="Q375" s="1"/>
      <c r="R375" s="1"/>
      <c r="S375" s="1"/>
      <c r="T375" s="1"/>
      <c r="U375" s="1"/>
      <c r="V375" s="7"/>
    </row>
    <row r="376" spans="2:22" x14ac:dyDescent="0.2">
      <c r="B376" s="1"/>
      <c r="C376" s="1"/>
      <c r="D376" s="1"/>
      <c r="E376" s="1"/>
      <c r="F376" s="1"/>
      <c r="G376" s="1"/>
      <c r="H376" s="1"/>
      <c r="I376" s="1"/>
      <c r="J376" s="1"/>
      <c r="K376" s="1"/>
      <c r="L376" s="1"/>
      <c r="M376" s="1"/>
      <c r="N376" s="1"/>
      <c r="O376" s="1"/>
      <c r="P376" s="1"/>
      <c r="Q376" s="1"/>
      <c r="R376" s="1"/>
      <c r="S376" s="1"/>
      <c r="T376" s="1"/>
      <c r="U376" s="1"/>
      <c r="V376" s="7"/>
    </row>
    <row r="377" spans="2:22" x14ac:dyDescent="0.2">
      <c r="B377" s="1"/>
      <c r="C377" s="1"/>
      <c r="D377" s="1"/>
      <c r="E377" s="1"/>
      <c r="F377" s="1"/>
      <c r="G377" s="1"/>
      <c r="H377" s="1"/>
      <c r="I377" s="1"/>
      <c r="J377" s="1"/>
      <c r="K377" s="1"/>
      <c r="L377" s="1"/>
      <c r="M377" s="1"/>
      <c r="N377" s="1"/>
      <c r="O377" s="1"/>
      <c r="P377" s="1"/>
      <c r="Q377" s="1"/>
      <c r="R377" s="1"/>
      <c r="S377" s="1"/>
      <c r="T377" s="1"/>
      <c r="U377" s="1"/>
      <c r="V377" s="7"/>
    </row>
    <row r="378" spans="2:22" x14ac:dyDescent="0.2">
      <c r="B378" s="1"/>
      <c r="C378" s="1"/>
      <c r="D378" s="1"/>
      <c r="E378" s="1"/>
      <c r="F378" s="1"/>
      <c r="G378" s="1"/>
      <c r="H378" s="1"/>
      <c r="I378" s="1"/>
      <c r="J378" s="1"/>
      <c r="K378" s="1"/>
      <c r="L378" s="1"/>
      <c r="M378" s="1"/>
      <c r="N378" s="1"/>
      <c r="O378" s="1"/>
      <c r="P378" s="1"/>
      <c r="Q378" s="1"/>
      <c r="R378" s="1"/>
      <c r="S378" s="1"/>
      <c r="T378" s="1"/>
      <c r="U378" s="1"/>
      <c r="V378" s="7"/>
    </row>
    <row r="379" spans="2:22" x14ac:dyDescent="0.2">
      <c r="B379" s="1"/>
      <c r="C379" s="1"/>
      <c r="D379" s="1"/>
      <c r="E379" s="1"/>
      <c r="F379" s="1"/>
      <c r="G379" s="1"/>
      <c r="H379" s="1"/>
      <c r="I379" s="1"/>
      <c r="J379" s="1"/>
      <c r="K379" s="1"/>
      <c r="L379" s="1"/>
      <c r="M379" s="1"/>
      <c r="N379" s="1"/>
      <c r="O379" s="1"/>
      <c r="P379" s="1"/>
      <c r="Q379" s="1"/>
      <c r="R379" s="1"/>
      <c r="S379" s="1"/>
      <c r="T379" s="1"/>
      <c r="U379" s="1"/>
      <c r="V379" s="7"/>
    </row>
    <row r="380" spans="2:22" x14ac:dyDescent="0.2">
      <c r="B380" s="1"/>
      <c r="C380" s="1"/>
      <c r="D380" s="1"/>
      <c r="E380" s="1"/>
      <c r="F380" s="1"/>
      <c r="G380" s="1"/>
      <c r="H380" s="1"/>
      <c r="I380" s="1"/>
      <c r="J380" s="1"/>
      <c r="K380" s="1"/>
      <c r="L380" s="1"/>
      <c r="M380" s="1"/>
      <c r="N380" s="1"/>
      <c r="O380" s="1"/>
      <c r="P380" s="1"/>
      <c r="Q380" s="1"/>
      <c r="R380" s="1"/>
      <c r="S380" s="1"/>
      <c r="T380" s="1"/>
      <c r="U380" s="1"/>
      <c r="V380" s="7"/>
    </row>
    <row r="381" spans="2:22" x14ac:dyDescent="0.2">
      <c r="B381" s="1"/>
      <c r="C381" s="1"/>
      <c r="D381" s="1"/>
      <c r="E381" s="1"/>
      <c r="F381" s="1"/>
      <c r="G381" s="1"/>
      <c r="H381" s="1"/>
      <c r="I381" s="1"/>
      <c r="J381" s="1"/>
      <c r="K381" s="1"/>
      <c r="L381" s="1"/>
      <c r="M381" s="1"/>
      <c r="N381" s="1"/>
      <c r="O381" s="1"/>
      <c r="P381" s="1"/>
      <c r="Q381" s="1"/>
      <c r="R381" s="1"/>
      <c r="S381" s="1"/>
      <c r="T381" s="1"/>
      <c r="U381" s="1"/>
      <c r="V381" s="7"/>
    </row>
    <row r="382" spans="2:22" x14ac:dyDescent="0.2">
      <c r="B382" s="1"/>
      <c r="C382" s="1"/>
      <c r="D382" s="1"/>
      <c r="E382" s="1"/>
      <c r="F382" s="1"/>
      <c r="G382" s="1"/>
      <c r="H382" s="1"/>
      <c r="I382" s="1"/>
      <c r="J382" s="1"/>
      <c r="K382" s="1"/>
      <c r="L382" s="1"/>
      <c r="M382" s="1"/>
      <c r="N382" s="1"/>
      <c r="O382" s="1"/>
      <c r="P382" s="1"/>
      <c r="Q382" s="1"/>
      <c r="R382" s="1"/>
      <c r="S382" s="1"/>
      <c r="T382" s="1"/>
      <c r="U382" s="1"/>
      <c r="V382" s="7"/>
    </row>
    <row r="383" spans="2:22" x14ac:dyDescent="0.2">
      <c r="B383" s="1"/>
      <c r="C383" s="1"/>
      <c r="D383" s="1"/>
      <c r="E383" s="1"/>
      <c r="F383" s="1"/>
      <c r="G383" s="1"/>
      <c r="H383" s="1"/>
      <c r="I383" s="1"/>
      <c r="J383" s="1"/>
      <c r="K383" s="1"/>
      <c r="L383" s="1"/>
      <c r="M383" s="1"/>
      <c r="N383" s="1"/>
      <c r="O383" s="1"/>
      <c r="P383" s="1"/>
      <c r="Q383" s="1"/>
      <c r="R383" s="1"/>
      <c r="S383" s="1"/>
      <c r="T383" s="1"/>
      <c r="U383" s="1"/>
      <c r="V383" s="7"/>
    </row>
    <row r="384" spans="2:22" x14ac:dyDescent="0.2">
      <c r="B384" s="1"/>
      <c r="C384" s="1"/>
      <c r="D384" s="1"/>
      <c r="E384" s="1"/>
      <c r="F384" s="1"/>
      <c r="G384" s="1"/>
      <c r="H384" s="1"/>
      <c r="I384" s="1"/>
      <c r="J384" s="1"/>
      <c r="K384" s="1"/>
      <c r="L384" s="1"/>
      <c r="M384" s="1"/>
      <c r="N384" s="1"/>
      <c r="O384" s="1"/>
      <c r="P384" s="1"/>
      <c r="Q384" s="1"/>
      <c r="R384" s="1"/>
      <c r="S384" s="1"/>
      <c r="T384" s="1"/>
      <c r="U384" s="1"/>
      <c r="V384" s="7"/>
    </row>
    <row r="385" spans="2:22" x14ac:dyDescent="0.2">
      <c r="B385" s="1"/>
      <c r="C385" s="1"/>
      <c r="D385" s="1"/>
      <c r="E385" s="1"/>
      <c r="F385" s="1"/>
      <c r="G385" s="1"/>
      <c r="H385" s="1"/>
      <c r="I385" s="1"/>
      <c r="J385" s="1"/>
      <c r="K385" s="1"/>
      <c r="L385" s="1"/>
      <c r="M385" s="1"/>
      <c r="N385" s="1"/>
      <c r="O385" s="1"/>
      <c r="P385" s="1"/>
      <c r="Q385" s="1"/>
      <c r="R385" s="1"/>
      <c r="S385" s="1"/>
      <c r="T385" s="1"/>
      <c r="U385" s="1"/>
      <c r="V385" s="7"/>
    </row>
    <row r="386" spans="2:22" x14ac:dyDescent="0.2">
      <c r="B386" s="1"/>
      <c r="C386" s="1"/>
      <c r="D386" s="1"/>
      <c r="E386" s="1"/>
      <c r="F386" s="1"/>
      <c r="G386" s="1"/>
      <c r="H386" s="1"/>
      <c r="I386" s="1"/>
      <c r="J386" s="1"/>
      <c r="K386" s="1"/>
      <c r="L386" s="1"/>
      <c r="M386" s="1"/>
      <c r="N386" s="1"/>
      <c r="O386" s="1"/>
      <c r="P386" s="1"/>
      <c r="Q386" s="1"/>
      <c r="R386" s="1"/>
      <c r="S386" s="1"/>
      <c r="T386" s="1"/>
      <c r="U386" s="1"/>
      <c r="V386" s="7"/>
    </row>
    <row r="387" spans="2:22" x14ac:dyDescent="0.2">
      <c r="B387" s="1"/>
      <c r="C387" s="1"/>
      <c r="D387" s="1"/>
      <c r="E387" s="1"/>
      <c r="F387" s="1"/>
      <c r="G387" s="1"/>
      <c r="H387" s="1"/>
      <c r="I387" s="1"/>
      <c r="J387" s="1"/>
      <c r="K387" s="1"/>
      <c r="L387" s="1"/>
      <c r="M387" s="1"/>
      <c r="N387" s="1"/>
      <c r="O387" s="1"/>
      <c r="P387" s="1"/>
      <c r="Q387" s="1"/>
      <c r="R387" s="1"/>
      <c r="S387" s="1"/>
      <c r="T387" s="1"/>
      <c r="U387" s="1"/>
      <c r="V387" s="7"/>
    </row>
    <row r="388" spans="2:22" x14ac:dyDescent="0.2">
      <c r="B388" s="1"/>
      <c r="C388" s="1"/>
      <c r="D388" s="1"/>
      <c r="E388" s="1"/>
      <c r="F388" s="1"/>
      <c r="G388" s="1"/>
      <c r="H388" s="1"/>
      <c r="I388" s="1"/>
      <c r="J388" s="1"/>
      <c r="K388" s="1"/>
      <c r="L388" s="1"/>
      <c r="M388" s="1"/>
      <c r="N388" s="1"/>
      <c r="O388" s="1"/>
      <c r="P388" s="1"/>
      <c r="Q388" s="1"/>
      <c r="R388" s="1"/>
      <c r="S388" s="1"/>
      <c r="T388" s="1"/>
      <c r="U388" s="1"/>
      <c r="V388" s="7"/>
    </row>
    <row r="389" spans="2:22" x14ac:dyDescent="0.2">
      <c r="B389" s="1"/>
      <c r="C389" s="1"/>
      <c r="D389" s="1"/>
      <c r="E389" s="1"/>
      <c r="F389" s="1"/>
      <c r="G389" s="1"/>
      <c r="H389" s="1"/>
      <c r="I389" s="1"/>
      <c r="J389" s="1"/>
      <c r="K389" s="1"/>
      <c r="L389" s="1"/>
      <c r="M389" s="1"/>
      <c r="N389" s="1"/>
      <c r="O389" s="1"/>
      <c r="P389" s="1"/>
      <c r="Q389" s="1"/>
      <c r="R389" s="1"/>
      <c r="S389" s="1"/>
      <c r="T389" s="1"/>
      <c r="U389" s="1"/>
      <c r="V389" s="7"/>
    </row>
    <row r="390" spans="2:22" x14ac:dyDescent="0.2">
      <c r="B390" s="1"/>
      <c r="C390" s="1"/>
      <c r="D390" s="1"/>
      <c r="E390" s="1"/>
      <c r="F390" s="1"/>
      <c r="G390" s="1"/>
      <c r="H390" s="1"/>
      <c r="I390" s="1"/>
      <c r="J390" s="1"/>
      <c r="K390" s="1"/>
      <c r="L390" s="1"/>
      <c r="M390" s="1"/>
      <c r="N390" s="1"/>
      <c r="O390" s="1"/>
      <c r="P390" s="1"/>
      <c r="Q390" s="1"/>
      <c r="R390" s="1"/>
      <c r="S390" s="1"/>
      <c r="T390" s="1"/>
      <c r="U390" s="1"/>
      <c r="V390" s="7"/>
    </row>
    <row r="391" spans="2:22" x14ac:dyDescent="0.2">
      <c r="B391" s="1"/>
      <c r="C391" s="1"/>
      <c r="D391" s="1"/>
      <c r="E391" s="1"/>
      <c r="F391" s="1"/>
      <c r="G391" s="1"/>
      <c r="H391" s="1"/>
      <c r="I391" s="1"/>
      <c r="J391" s="1"/>
      <c r="K391" s="1"/>
      <c r="L391" s="1"/>
      <c r="M391" s="1"/>
      <c r="N391" s="1"/>
      <c r="O391" s="1"/>
      <c r="P391" s="1"/>
      <c r="Q391" s="1"/>
      <c r="R391" s="1"/>
      <c r="S391" s="1"/>
      <c r="T391" s="1"/>
      <c r="U391" s="1"/>
      <c r="V391" s="7"/>
    </row>
    <row r="392" spans="2:22" x14ac:dyDescent="0.2">
      <c r="B392" s="1"/>
      <c r="C392" s="1"/>
      <c r="D392" s="1"/>
      <c r="E392" s="1"/>
      <c r="F392" s="1"/>
      <c r="G392" s="1"/>
      <c r="H392" s="1"/>
      <c r="I392" s="1"/>
      <c r="J392" s="1"/>
      <c r="K392" s="1"/>
      <c r="L392" s="1"/>
      <c r="M392" s="1"/>
      <c r="N392" s="1"/>
      <c r="O392" s="1"/>
      <c r="P392" s="1"/>
      <c r="Q392" s="1"/>
      <c r="R392" s="1"/>
      <c r="S392" s="1"/>
      <c r="T392" s="1"/>
      <c r="U392" s="1"/>
      <c r="V392" s="7"/>
    </row>
    <row r="393" spans="2:22" x14ac:dyDescent="0.2">
      <c r="B393" s="1"/>
      <c r="C393" s="1"/>
      <c r="D393" s="1"/>
      <c r="E393" s="1"/>
      <c r="F393" s="1"/>
      <c r="G393" s="1"/>
      <c r="H393" s="1"/>
      <c r="I393" s="1"/>
      <c r="J393" s="1"/>
      <c r="K393" s="1"/>
      <c r="L393" s="1"/>
      <c r="M393" s="1"/>
      <c r="N393" s="1"/>
      <c r="O393" s="1"/>
      <c r="P393" s="1"/>
      <c r="Q393" s="1"/>
      <c r="R393" s="1"/>
      <c r="S393" s="1"/>
      <c r="T393" s="1"/>
      <c r="U393" s="1"/>
      <c r="V393" s="7"/>
    </row>
    <row r="394" spans="2:22" x14ac:dyDescent="0.2">
      <c r="B394" s="1"/>
      <c r="C394" s="1"/>
      <c r="D394" s="1"/>
      <c r="E394" s="1"/>
      <c r="F394" s="1"/>
      <c r="G394" s="1"/>
      <c r="H394" s="1"/>
      <c r="I394" s="1"/>
      <c r="J394" s="1"/>
      <c r="K394" s="1"/>
      <c r="L394" s="1"/>
      <c r="M394" s="1"/>
      <c r="N394" s="1"/>
      <c r="O394" s="1"/>
      <c r="P394" s="1"/>
      <c r="Q394" s="1"/>
      <c r="R394" s="1"/>
      <c r="S394" s="1"/>
      <c r="T394" s="1"/>
      <c r="U394" s="1"/>
      <c r="V394" s="7"/>
    </row>
    <row r="395" spans="2:22" x14ac:dyDescent="0.2">
      <c r="B395" s="1"/>
      <c r="C395" s="1"/>
      <c r="D395" s="1"/>
      <c r="E395" s="1"/>
      <c r="F395" s="1"/>
      <c r="G395" s="1"/>
      <c r="H395" s="1"/>
      <c r="I395" s="1"/>
      <c r="J395" s="1"/>
      <c r="K395" s="1"/>
      <c r="L395" s="1"/>
      <c r="M395" s="1"/>
      <c r="N395" s="1"/>
      <c r="O395" s="1"/>
      <c r="P395" s="1"/>
      <c r="Q395" s="1"/>
      <c r="R395" s="1"/>
      <c r="S395" s="1"/>
      <c r="T395" s="1"/>
      <c r="U395" s="1"/>
      <c r="V395" s="7"/>
    </row>
    <row r="396" spans="2:22" x14ac:dyDescent="0.2">
      <c r="B396" s="1"/>
      <c r="C396" s="1"/>
      <c r="D396" s="1"/>
      <c r="E396" s="1"/>
      <c r="F396" s="1"/>
      <c r="G396" s="1"/>
      <c r="H396" s="1"/>
      <c r="I396" s="1"/>
      <c r="J396" s="1"/>
      <c r="K396" s="1"/>
      <c r="L396" s="1"/>
      <c r="M396" s="1"/>
      <c r="N396" s="1"/>
      <c r="O396" s="1"/>
      <c r="P396" s="1"/>
      <c r="Q396" s="1"/>
      <c r="R396" s="1"/>
      <c r="S396" s="1"/>
      <c r="T396" s="1"/>
      <c r="U396" s="1"/>
      <c r="V396" s="7"/>
    </row>
    <row r="397" spans="2:22" x14ac:dyDescent="0.2">
      <c r="B397" s="1"/>
      <c r="C397" s="1"/>
      <c r="D397" s="1"/>
      <c r="E397" s="1"/>
      <c r="F397" s="1"/>
      <c r="G397" s="1"/>
      <c r="H397" s="1"/>
      <c r="I397" s="1"/>
      <c r="J397" s="1"/>
      <c r="K397" s="1"/>
      <c r="L397" s="1"/>
      <c r="M397" s="1"/>
      <c r="N397" s="1"/>
      <c r="O397" s="1"/>
      <c r="P397" s="1"/>
      <c r="Q397" s="1"/>
      <c r="R397" s="1"/>
      <c r="S397" s="1"/>
      <c r="T397" s="1"/>
      <c r="U397" s="1"/>
      <c r="V397" s="7"/>
    </row>
    <row r="398" spans="2:22" x14ac:dyDescent="0.2">
      <c r="B398" s="1"/>
      <c r="C398" s="1"/>
      <c r="D398" s="1"/>
      <c r="E398" s="1"/>
      <c r="F398" s="1"/>
      <c r="G398" s="1"/>
      <c r="H398" s="1"/>
      <c r="I398" s="1"/>
      <c r="J398" s="1"/>
      <c r="K398" s="1"/>
      <c r="L398" s="1"/>
      <c r="M398" s="1"/>
      <c r="N398" s="1"/>
      <c r="O398" s="1"/>
      <c r="P398" s="1"/>
      <c r="Q398" s="1"/>
      <c r="R398" s="1"/>
      <c r="S398" s="1"/>
      <c r="T398" s="1"/>
      <c r="U398" s="1"/>
      <c r="V398" s="7"/>
    </row>
    <row r="399" spans="2:22" x14ac:dyDescent="0.2">
      <c r="B399" s="1"/>
      <c r="C399" s="1"/>
      <c r="D399" s="1"/>
      <c r="E399" s="1"/>
      <c r="F399" s="1"/>
      <c r="G399" s="1"/>
      <c r="H399" s="1"/>
      <c r="I399" s="1"/>
      <c r="J399" s="1"/>
      <c r="K399" s="1"/>
      <c r="L399" s="1"/>
      <c r="M399" s="1"/>
      <c r="N399" s="1"/>
      <c r="O399" s="1"/>
      <c r="P399" s="1"/>
      <c r="Q399" s="1"/>
      <c r="R399" s="1"/>
      <c r="S399" s="1"/>
      <c r="T399" s="1"/>
      <c r="U399" s="1"/>
      <c r="V399" s="7"/>
    </row>
    <row r="400" spans="2:22" x14ac:dyDescent="0.2">
      <c r="B400" s="1"/>
      <c r="C400" s="1"/>
      <c r="D400" s="1"/>
      <c r="E400" s="1"/>
      <c r="F400" s="1"/>
      <c r="G400" s="1"/>
      <c r="H400" s="1"/>
      <c r="I400" s="1"/>
      <c r="J400" s="1"/>
      <c r="K400" s="1"/>
      <c r="L400" s="1"/>
      <c r="M400" s="1"/>
      <c r="N400" s="1"/>
      <c r="O400" s="1"/>
      <c r="P400" s="1"/>
      <c r="Q400" s="1"/>
      <c r="R400" s="1"/>
      <c r="S400" s="1"/>
      <c r="T400" s="1"/>
      <c r="U400" s="1"/>
      <c r="V400" s="7"/>
    </row>
    <row r="401" spans="2:22" x14ac:dyDescent="0.2">
      <c r="B401" s="1"/>
      <c r="C401" s="1"/>
      <c r="D401" s="1"/>
      <c r="E401" s="1"/>
      <c r="F401" s="1"/>
      <c r="G401" s="1"/>
      <c r="H401" s="1"/>
      <c r="I401" s="1"/>
      <c r="J401" s="1"/>
      <c r="K401" s="1"/>
      <c r="L401" s="1"/>
      <c r="M401" s="1"/>
      <c r="N401" s="1"/>
      <c r="O401" s="1"/>
      <c r="P401" s="1"/>
      <c r="Q401" s="1"/>
      <c r="R401" s="1"/>
      <c r="S401" s="1"/>
      <c r="T401" s="1"/>
      <c r="U401" s="1"/>
      <c r="V401" s="7"/>
    </row>
    <row r="402" spans="2:22" x14ac:dyDescent="0.2">
      <c r="B402" s="1"/>
      <c r="C402" s="1"/>
      <c r="D402" s="1"/>
      <c r="E402" s="1"/>
      <c r="F402" s="1"/>
      <c r="G402" s="1"/>
      <c r="H402" s="1"/>
      <c r="I402" s="1"/>
      <c r="J402" s="1"/>
      <c r="K402" s="1"/>
      <c r="L402" s="1"/>
      <c r="M402" s="1"/>
      <c r="N402" s="1"/>
      <c r="O402" s="1"/>
      <c r="P402" s="1"/>
      <c r="Q402" s="1"/>
      <c r="R402" s="1"/>
      <c r="S402" s="1"/>
      <c r="T402" s="1"/>
      <c r="U402" s="1"/>
      <c r="V402" s="7"/>
    </row>
    <row r="403" spans="2:22" x14ac:dyDescent="0.2">
      <c r="B403" s="1"/>
      <c r="C403" s="1"/>
      <c r="D403" s="1"/>
      <c r="E403" s="1"/>
      <c r="F403" s="1"/>
      <c r="G403" s="1"/>
      <c r="H403" s="1"/>
      <c r="I403" s="1"/>
      <c r="J403" s="1"/>
      <c r="K403" s="1"/>
      <c r="L403" s="1"/>
      <c r="M403" s="1"/>
      <c r="N403" s="1"/>
      <c r="O403" s="1"/>
      <c r="P403" s="1"/>
      <c r="Q403" s="1"/>
      <c r="R403" s="1"/>
      <c r="S403" s="1"/>
      <c r="T403" s="1"/>
      <c r="U403" s="1"/>
      <c r="V403" s="7"/>
    </row>
    <row r="404" spans="2:22" x14ac:dyDescent="0.2">
      <c r="B404" s="1"/>
      <c r="C404" s="1"/>
      <c r="D404" s="1"/>
      <c r="E404" s="1"/>
      <c r="F404" s="1"/>
      <c r="G404" s="1"/>
      <c r="H404" s="1"/>
      <c r="I404" s="1"/>
      <c r="J404" s="1"/>
      <c r="K404" s="1"/>
      <c r="L404" s="1"/>
      <c r="M404" s="1"/>
      <c r="N404" s="1"/>
      <c r="O404" s="1"/>
      <c r="P404" s="1"/>
      <c r="Q404" s="1"/>
      <c r="R404" s="1"/>
      <c r="S404" s="1"/>
      <c r="T404" s="1"/>
      <c r="U404" s="1"/>
      <c r="V404" s="7"/>
    </row>
    <row r="405" spans="2:22" x14ac:dyDescent="0.2">
      <c r="B405" s="1"/>
      <c r="C405" s="1"/>
      <c r="D405" s="1"/>
      <c r="E405" s="1"/>
      <c r="F405" s="1"/>
      <c r="G405" s="1"/>
      <c r="H405" s="1"/>
      <c r="I405" s="1"/>
      <c r="J405" s="1"/>
      <c r="K405" s="1"/>
      <c r="L405" s="1"/>
      <c r="M405" s="1"/>
      <c r="N405" s="1"/>
      <c r="O405" s="1"/>
      <c r="P405" s="1"/>
      <c r="Q405" s="1"/>
      <c r="R405" s="1"/>
      <c r="S405" s="1"/>
      <c r="T405" s="1"/>
      <c r="U405" s="1"/>
      <c r="V405" s="7"/>
    </row>
    <row r="406" spans="2:22" x14ac:dyDescent="0.2">
      <c r="B406" s="1"/>
      <c r="C406" s="1"/>
      <c r="D406" s="1"/>
      <c r="E406" s="1"/>
      <c r="F406" s="1"/>
      <c r="G406" s="1"/>
      <c r="H406" s="1"/>
      <c r="I406" s="1"/>
      <c r="J406" s="1"/>
      <c r="K406" s="1"/>
      <c r="L406" s="1"/>
      <c r="M406" s="1"/>
      <c r="N406" s="1"/>
      <c r="O406" s="1"/>
      <c r="P406" s="1"/>
      <c r="Q406" s="1"/>
      <c r="R406" s="1"/>
      <c r="S406" s="1"/>
      <c r="T406" s="1"/>
      <c r="U406" s="1"/>
      <c r="V406" s="7"/>
    </row>
    <row r="407" spans="2:22" x14ac:dyDescent="0.2">
      <c r="B407" s="1"/>
      <c r="C407" s="1"/>
      <c r="D407" s="1"/>
      <c r="E407" s="1"/>
      <c r="F407" s="1"/>
      <c r="G407" s="1"/>
      <c r="H407" s="1"/>
      <c r="I407" s="1"/>
      <c r="J407" s="1"/>
      <c r="K407" s="1"/>
      <c r="L407" s="1"/>
      <c r="M407" s="1"/>
      <c r="N407" s="1"/>
      <c r="O407" s="1"/>
      <c r="P407" s="1"/>
      <c r="Q407" s="1"/>
      <c r="R407" s="1"/>
      <c r="S407" s="1"/>
      <c r="T407" s="1"/>
      <c r="U407" s="1"/>
      <c r="V407" s="7"/>
    </row>
    <row r="408" spans="2:22" x14ac:dyDescent="0.2">
      <c r="B408" s="1"/>
      <c r="C408" s="1"/>
      <c r="D408" s="1"/>
      <c r="E408" s="1"/>
      <c r="F408" s="1"/>
      <c r="G408" s="1"/>
      <c r="H408" s="1"/>
      <c r="I408" s="1"/>
      <c r="J408" s="1"/>
      <c r="K408" s="1"/>
      <c r="L408" s="1"/>
      <c r="M408" s="1"/>
      <c r="N408" s="1"/>
      <c r="O408" s="1"/>
      <c r="P408" s="1"/>
      <c r="Q408" s="1"/>
      <c r="R408" s="1"/>
      <c r="S408" s="1"/>
      <c r="T408" s="1"/>
      <c r="U408" s="1"/>
      <c r="V408" s="7"/>
    </row>
    <row r="409" spans="2:22" x14ac:dyDescent="0.2">
      <c r="B409" s="1"/>
      <c r="C409" s="1"/>
      <c r="D409" s="1"/>
      <c r="E409" s="1"/>
      <c r="F409" s="1"/>
      <c r="G409" s="1"/>
      <c r="H409" s="1"/>
      <c r="I409" s="1"/>
      <c r="J409" s="1"/>
      <c r="K409" s="1"/>
      <c r="L409" s="1"/>
      <c r="M409" s="1"/>
      <c r="N409" s="1"/>
      <c r="O409" s="1"/>
      <c r="P409" s="1"/>
      <c r="Q409" s="1"/>
      <c r="R409" s="1"/>
      <c r="S409" s="1"/>
      <c r="T409" s="1"/>
      <c r="U409" s="1"/>
      <c r="V409" s="7"/>
    </row>
    <row r="410" spans="2:22" x14ac:dyDescent="0.2">
      <c r="B410" s="1"/>
      <c r="C410" s="1"/>
      <c r="D410" s="1"/>
      <c r="E410" s="1"/>
      <c r="F410" s="1"/>
      <c r="G410" s="1"/>
      <c r="H410" s="1"/>
      <c r="I410" s="1"/>
      <c r="J410" s="1"/>
      <c r="K410" s="1"/>
      <c r="L410" s="1"/>
      <c r="M410" s="1"/>
      <c r="N410" s="1"/>
      <c r="O410" s="1"/>
      <c r="P410" s="1"/>
      <c r="Q410" s="1"/>
      <c r="R410" s="1"/>
      <c r="S410" s="1"/>
      <c r="T410" s="1"/>
      <c r="U410" s="1"/>
      <c r="V410" s="7"/>
    </row>
    <row r="411" spans="2:22" x14ac:dyDescent="0.2">
      <c r="B411" s="1"/>
      <c r="C411" s="1"/>
      <c r="D411" s="1"/>
      <c r="E411" s="1"/>
      <c r="F411" s="1"/>
      <c r="G411" s="1"/>
      <c r="H411" s="1"/>
      <c r="I411" s="1"/>
      <c r="J411" s="1"/>
      <c r="K411" s="1"/>
      <c r="L411" s="1"/>
      <c r="M411" s="1"/>
      <c r="N411" s="1"/>
      <c r="O411" s="1"/>
      <c r="P411" s="1"/>
      <c r="Q411" s="1"/>
      <c r="R411" s="1"/>
      <c r="S411" s="1"/>
      <c r="T411" s="1"/>
      <c r="U411" s="1"/>
      <c r="V411" s="7"/>
    </row>
    <row r="412" spans="2:22" x14ac:dyDescent="0.2">
      <c r="B412" s="1"/>
      <c r="C412" s="1"/>
      <c r="D412" s="1"/>
      <c r="E412" s="1"/>
      <c r="F412" s="1"/>
      <c r="G412" s="1"/>
      <c r="H412" s="1"/>
      <c r="I412" s="1"/>
      <c r="J412" s="1"/>
      <c r="K412" s="1"/>
      <c r="L412" s="1"/>
      <c r="M412" s="1"/>
      <c r="N412" s="1"/>
      <c r="O412" s="1"/>
      <c r="P412" s="1"/>
      <c r="Q412" s="1"/>
      <c r="R412" s="1"/>
      <c r="S412" s="1"/>
      <c r="T412" s="1"/>
      <c r="U412" s="1"/>
      <c r="V412" s="7"/>
    </row>
    <row r="413" spans="2:22" x14ac:dyDescent="0.2">
      <c r="B413" s="1"/>
      <c r="C413" s="1"/>
      <c r="D413" s="1"/>
      <c r="E413" s="1"/>
      <c r="F413" s="1"/>
      <c r="G413" s="1"/>
      <c r="H413" s="1"/>
      <c r="I413" s="1"/>
      <c r="J413" s="1"/>
      <c r="K413" s="1"/>
      <c r="L413" s="1"/>
      <c r="M413" s="1"/>
      <c r="N413" s="1"/>
      <c r="O413" s="1"/>
      <c r="P413" s="1"/>
      <c r="Q413" s="1"/>
      <c r="R413" s="1"/>
      <c r="S413" s="1"/>
      <c r="T413" s="1"/>
      <c r="U413" s="1"/>
      <c r="V413" s="7"/>
    </row>
    <row r="414" spans="2:22" x14ac:dyDescent="0.2">
      <c r="B414" s="1"/>
      <c r="C414" s="1"/>
      <c r="D414" s="1"/>
      <c r="E414" s="1"/>
      <c r="F414" s="1"/>
      <c r="G414" s="1"/>
      <c r="H414" s="1"/>
      <c r="I414" s="1"/>
      <c r="J414" s="1"/>
      <c r="K414" s="1"/>
      <c r="L414" s="1"/>
      <c r="M414" s="1"/>
      <c r="N414" s="1"/>
      <c r="O414" s="1"/>
      <c r="P414" s="1"/>
      <c r="Q414" s="1"/>
      <c r="R414" s="1"/>
      <c r="S414" s="1"/>
      <c r="T414" s="1"/>
      <c r="U414" s="1"/>
      <c r="V414" s="7"/>
    </row>
    <row r="415" spans="2:22" x14ac:dyDescent="0.2">
      <c r="B415" s="1"/>
      <c r="C415" s="1"/>
      <c r="D415" s="1"/>
      <c r="E415" s="1"/>
      <c r="F415" s="1"/>
      <c r="G415" s="1"/>
      <c r="H415" s="1"/>
      <c r="I415" s="1"/>
      <c r="J415" s="1"/>
      <c r="K415" s="1"/>
      <c r="L415" s="1"/>
      <c r="M415" s="1"/>
      <c r="N415" s="1"/>
      <c r="O415" s="1"/>
      <c r="P415" s="1"/>
      <c r="Q415" s="1"/>
      <c r="R415" s="1"/>
      <c r="S415" s="1"/>
      <c r="T415" s="1"/>
      <c r="U415" s="1"/>
      <c r="V415" s="7"/>
    </row>
    <row r="416" spans="2:22" x14ac:dyDescent="0.2">
      <c r="B416" s="1"/>
      <c r="C416" s="1"/>
      <c r="D416" s="1"/>
      <c r="E416" s="1"/>
      <c r="F416" s="1"/>
      <c r="G416" s="1"/>
      <c r="H416" s="1"/>
      <c r="I416" s="1"/>
      <c r="J416" s="1"/>
      <c r="K416" s="1"/>
      <c r="L416" s="1"/>
      <c r="M416" s="1"/>
      <c r="N416" s="1"/>
      <c r="O416" s="1"/>
      <c r="P416" s="1"/>
      <c r="Q416" s="1"/>
      <c r="R416" s="1"/>
      <c r="S416" s="1"/>
      <c r="T416" s="1"/>
      <c r="U416" s="1"/>
      <c r="V416" s="7"/>
    </row>
    <row r="417" spans="2:22" x14ac:dyDescent="0.2">
      <c r="B417" s="1"/>
      <c r="C417" s="1"/>
      <c r="D417" s="1"/>
      <c r="E417" s="1"/>
      <c r="F417" s="1"/>
      <c r="G417" s="1"/>
      <c r="H417" s="1"/>
      <c r="I417" s="1"/>
      <c r="J417" s="1"/>
      <c r="K417" s="1"/>
      <c r="L417" s="1"/>
      <c r="M417" s="1"/>
      <c r="N417" s="1"/>
      <c r="O417" s="1"/>
      <c r="P417" s="1"/>
      <c r="Q417" s="1"/>
      <c r="R417" s="1"/>
      <c r="S417" s="1"/>
      <c r="T417" s="1"/>
      <c r="U417" s="1"/>
      <c r="V417" s="7"/>
    </row>
    <row r="418" spans="2:22" x14ac:dyDescent="0.2">
      <c r="B418" s="1"/>
      <c r="C418" s="1"/>
      <c r="D418" s="1"/>
      <c r="E418" s="1"/>
      <c r="F418" s="1"/>
      <c r="G418" s="1"/>
      <c r="H418" s="1"/>
      <c r="I418" s="1"/>
      <c r="J418" s="1"/>
      <c r="K418" s="1"/>
      <c r="L418" s="1"/>
      <c r="M418" s="1"/>
      <c r="N418" s="1"/>
      <c r="O418" s="1"/>
      <c r="P418" s="1"/>
      <c r="Q418" s="1"/>
      <c r="R418" s="1"/>
      <c r="S418" s="1"/>
      <c r="T418" s="1"/>
      <c r="U418" s="1"/>
      <c r="V418" s="7"/>
    </row>
    <row r="419" spans="2:22" x14ac:dyDescent="0.2">
      <c r="B419" s="1"/>
      <c r="C419" s="1"/>
      <c r="D419" s="1"/>
      <c r="E419" s="1"/>
      <c r="F419" s="1"/>
      <c r="G419" s="1"/>
      <c r="H419" s="1"/>
      <c r="I419" s="1"/>
      <c r="J419" s="1"/>
      <c r="K419" s="1"/>
      <c r="L419" s="1"/>
      <c r="M419" s="1"/>
      <c r="N419" s="1"/>
      <c r="O419" s="1"/>
      <c r="P419" s="1"/>
      <c r="Q419" s="1"/>
      <c r="R419" s="1"/>
      <c r="S419" s="1"/>
      <c r="T419" s="1"/>
      <c r="U419" s="1"/>
      <c r="V419" s="7"/>
    </row>
    <row r="420" spans="2:22" x14ac:dyDescent="0.2">
      <c r="B420" s="1"/>
      <c r="C420" s="1"/>
      <c r="D420" s="1"/>
      <c r="E420" s="1"/>
      <c r="F420" s="1"/>
      <c r="G420" s="1"/>
      <c r="H420" s="1"/>
      <c r="I420" s="1"/>
      <c r="J420" s="1"/>
      <c r="K420" s="1"/>
      <c r="L420" s="1"/>
      <c r="M420" s="1"/>
      <c r="N420" s="1"/>
      <c r="O420" s="1"/>
      <c r="P420" s="1"/>
      <c r="Q420" s="1"/>
      <c r="R420" s="1"/>
      <c r="S420" s="1"/>
      <c r="T420" s="1"/>
      <c r="U420" s="1"/>
      <c r="V420" s="7"/>
    </row>
    <row r="421" spans="2:22" x14ac:dyDescent="0.2">
      <c r="B421" s="1"/>
      <c r="C421" s="1"/>
      <c r="D421" s="1"/>
      <c r="E421" s="1"/>
      <c r="F421" s="1"/>
      <c r="G421" s="1"/>
      <c r="H421" s="1"/>
      <c r="I421" s="1"/>
      <c r="J421" s="1"/>
      <c r="K421" s="1"/>
      <c r="L421" s="1"/>
      <c r="M421" s="1"/>
      <c r="N421" s="1"/>
      <c r="O421" s="1"/>
      <c r="P421" s="1"/>
      <c r="Q421" s="1"/>
      <c r="R421" s="1"/>
      <c r="S421" s="1"/>
      <c r="T421" s="1"/>
      <c r="U421" s="1"/>
      <c r="V421" s="7"/>
    </row>
    <row r="422" spans="2:22" x14ac:dyDescent="0.2">
      <c r="B422" s="1"/>
      <c r="C422" s="1"/>
      <c r="D422" s="1"/>
      <c r="E422" s="1"/>
      <c r="F422" s="1"/>
      <c r="G422" s="1"/>
      <c r="H422" s="1"/>
      <c r="I422" s="1"/>
      <c r="J422" s="1"/>
      <c r="K422" s="1"/>
      <c r="L422" s="1"/>
      <c r="M422" s="1"/>
      <c r="N422" s="1"/>
      <c r="O422" s="1"/>
      <c r="P422" s="1"/>
      <c r="Q422" s="1"/>
      <c r="R422" s="1"/>
      <c r="S422" s="1"/>
      <c r="T422" s="1"/>
      <c r="U422" s="1"/>
      <c r="V422" s="7"/>
    </row>
    <row r="423" spans="2:22" x14ac:dyDescent="0.2">
      <c r="B423" s="1"/>
      <c r="C423" s="1"/>
      <c r="D423" s="1"/>
      <c r="E423" s="1"/>
      <c r="F423" s="1"/>
      <c r="G423" s="1"/>
      <c r="H423" s="1"/>
      <c r="I423" s="1"/>
      <c r="J423" s="1"/>
      <c r="K423" s="1"/>
      <c r="L423" s="1"/>
      <c r="M423" s="1"/>
      <c r="N423" s="1"/>
      <c r="O423" s="1"/>
      <c r="P423" s="1"/>
      <c r="Q423" s="1"/>
      <c r="R423" s="1"/>
      <c r="S423" s="1"/>
      <c r="T423" s="1"/>
      <c r="U423" s="1"/>
      <c r="V423" s="7"/>
    </row>
    <row r="424" spans="2:22" x14ac:dyDescent="0.2">
      <c r="B424" s="1"/>
      <c r="C424" s="1"/>
      <c r="D424" s="1"/>
      <c r="E424" s="1"/>
      <c r="F424" s="1"/>
      <c r="G424" s="1"/>
      <c r="H424" s="1"/>
      <c r="I424" s="1"/>
      <c r="J424" s="1"/>
      <c r="K424" s="1"/>
      <c r="L424" s="1"/>
      <c r="M424" s="1"/>
      <c r="N424" s="1"/>
      <c r="O424" s="1"/>
      <c r="P424" s="1"/>
      <c r="Q424" s="1"/>
      <c r="R424" s="1"/>
      <c r="S424" s="1"/>
      <c r="T424" s="1"/>
      <c r="U424" s="1"/>
      <c r="V424" s="7"/>
    </row>
    <row r="425" spans="2:22" x14ac:dyDescent="0.2">
      <c r="B425" s="1"/>
      <c r="C425" s="1"/>
      <c r="D425" s="1"/>
      <c r="E425" s="1"/>
      <c r="F425" s="1"/>
      <c r="G425" s="1"/>
      <c r="H425" s="1"/>
      <c r="I425" s="1"/>
      <c r="J425" s="1"/>
      <c r="K425" s="1"/>
      <c r="L425" s="1"/>
      <c r="M425" s="1"/>
      <c r="N425" s="1"/>
      <c r="O425" s="1"/>
      <c r="P425" s="1"/>
      <c r="Q425" s="1"/>
      <c r="R425" s="1"/>
      <c r="S425" s="1"/>
      <c r="T425" s="1"/>
      <c r="U425" s="1"/>
      <c r="V425" s="7"/>
    </row>
    <row r="426" spans="2:22" x14ac:dyDescent="0.2">
      <c r="B426" s="1"/>
      <c r="C426" s="1"/>
      <c r="D426" s="1"/>
      <c r="E426" s="1"/>
      <c r="F426" s="1"/>
      <c r="G426" s="1"/>
      <c r="H426" s="1"/>
      <c r="I426" s="1"/>
      <c r="J426" s="1"/>
      <c r="K426" s="1"/>
      <c r="L426" s="1"/>
      <c r="M426" s="1"/>
      <c r="N426" s="1"/>
      <c r="O426" s="1"/>
      <c r="P426" s="1"/>
      <c r="Q426" s="1"/>
      <c r="R426" s="1"/>
      <c r="S426" s="1"/>
      <c r="T426" s="1"/>
      <c r="U426" s="1"/>
      <c r="V426" s="7"/>
    </row>
    <row r="427" spans="2:22" x14ac:dyDescent="0.2">
      <c r="B427" s="1"/>
      <c r="C427" s="1"/>
      <c r="D427" s="1"/>
      <c r="E427" s="1"/>
      <c r="F427" s="1"/>
      <c r="G427" s="1"/>
      <c r="H427" s="1"/>
      <c r="I427" s="1"/>
      <c r="J427" s="1"/>
      <c r="K427" s="1"/>
      <c r="L427" s="1"/>
      <c r="M427" s="1"/>
      <c r="N427" s="1"/>
      <c r="O427" s="1"/>
      <c r="P427" s="1"/>
      <c r="Q427" s="1"/>
      <c r="R427" s="1"/>
      <c r="S427" s="1"/>
      <c r="T427" s="1"/>
      <c r="U427" s="1"/>
      <c r="V427" s="7"/>
    </row>
    <row r="428" spans="2:22" x14ac:dyDescent="0.2">
      <c r="B428" s="1"/>
      <c r="C428" s="1"/>
      <c r="D428" s="1"/>
      <c r="E428" s="1"/>
      <c r="F428" s="1"/>
      <c r="G428" s="1"/>
      <c r="H428" s="1"/>
      <c r="I428" s="1"/>
      <c r="J428" s="1"/>
      <c r="K428" s="1"/>
      <c r="L428" s="1"/>
      <c r="M428" s="1"/>
      <c r="N428" s="1"/>
      <c r="O428" s="1"/>
      <c r="P428" s="1"/>
      <c r="Q428" s="1"/>
      <c r="R428" s="1"/>
      <c r="S428" s="1"/>
      <c r="T428" s="1"/>
      <c r="U428" s="1"/>
      <c r="V428" s="7"/>
    </row>
    <row r="429" spans="2:22" x14ac:dyDescent="0.2">
      <c r="B429" s="1"/>
      <c r="C429" s="1"/>
      <c r="D429" s="1"/>
      <c r="E429" s="1"/>
      <c r="F429" s="1"/>
      <c r="G429" s="1"/>
      <c r="H429" s="1"/>
      <c r="I429" s="1"/>
      <c r="J429" s="1"/>
      <c r="K429" s="1"/>
      <c r="L429" s="1"/>
      <c r="M429" s="1"/>
      <c r="N429" s="1"/>
      <c r="O429" s="1"/>
      <c r="P429" s="1"/>
      <c r="Q429" s="1"/>
      <c r="R429" s="1"/>
      <c r="S429" s="1"/>
      <c r="T429" s="1"/>
      <c r="U429" s="1"/>
      <c r="V429" s="7"/>
    </row>
    <row r="430" spans="2:22" x14ac:dyDescent="0.2">
      <c r="B430" s="1"/>
      <c r="C430" s="1"/>
      <c r="D430" s="1"/>
      <c r="E430" s="1"/>
      <c r="F430" s="1"/>
      <c r="G430" s="1"/>
      <c r="H430" s="1"/>
      <c r="I430" s="1"/>
      <c r="J430" s="1"/>
      <c r="K430" s="1"/>
      <c r="L430" s="1"/>
      <c r="M430" s="1"/>
      <c r="N430" s="1"/>
      <c r="O430" s="1"/>
      <c r="P430" s="1"/>
      <c r="Q430" s="1"/>
      <c r="R430" s="1"/>
      <c r="S430" s="1"/>
      <c r="T430" s="1"/>
      <c r="U430" s="1"/>
      <c r="V430" s="7"/>
    </row>
    <row r="431" spans="2:22" x14ac:dyDescent="0.2">
      <c r="B431" s="1"/>
      <c r="C431" s="1"/>
      <c r="D431" s="1"/>
      <c r="E431" s="1"/>
      <c r="F431" s="1"/>
      <c r="G431" s="1"/>
      <c r="H431" s="1"/>
      <c r="I431" s="1"/>
      <c r="J431" s="1"/>
      <c r="K431" s="1"/>
      <c r="L431" s="1"/>
      <c r="M431" s="1"/>
      <c r="N431" s="1"/>
      <c r="O431" s="1"/>
      <c r="P431" s="1"/>
      <c r="Q431" s="1"/>
      <c r="R431" s="1"/>
      <c r="S431" s="1"/>
      <c r="T431" s="1"/>
      <c r="U431" s="1"/>
      <c r="V431" s="7"/>
    </row>
    <row r="432" spans="2:22" x14ac:dyDescent="0.2">
      <c r="B432" s="1"/>
      <c r="C432" s="1"/>
      <c r="D432" s="1"/>
      <c r="E432" s="1"/>
      <c r="F432" s="1"/>
      <c r="G432" s="1"/>
      <c r="H432" s="1"/>
      <c r="I432" s="1"/>
      <c r="J432" s="1"/>
      <c r="K432" s="1"/>
      <c r="L432" s="1"/>
      <c r="M432" s="1"/>
      <c r="N432" s="1"/>
      <c r="O432" s="1"/>
      <c r="P432" s="1"/>
      <c r="Q432" s="1"/>
      <c r="R432" s="1"/>
      <c r="S432" s="1"/>
      <c r="T432" s="1"/>
      <c r="U432" s="1"/>
      <c r="V432" s="7"/>
    </row>
    <row r="433" spans="2:22" x14ac:dyDescent="0.2">
      <c r="B433" s="1"/>
      <c r="C433" s="1"/>
      <c r="D433" s="1"/>
      <c r="E433" s="1"/>
      <c r="F433" s="1"/>
      <c r="G433" s="1"/>
      <c r="H433" s="1"/>
      <c r="I433" s="1"/>
      <c r="J433" s="1"/>
      <c r="K433" s="1"/>
      <c r="L433" s="1"/>
      <c r="M433" s="1"/>
      <c r="N433" s="1"/>
      <c r="O433" s="1"/>
      <c r="P433" s="1"/>
      <c r="Q433" s="1"/>
      <c r="R433" s="1"/>
      <c r="S433" s="1"/>
      <c r="T433" s="1"/>
      <c r="U433" s="1"/>
      <c r="V433" s="7"/>
    </row>
    <row r="434" spans="2:22" x14ac:dyDescent="0.2">
      <c r="B434" s="1"/>
      <c r="C434" s="1"/>
      <c r="D434" s="1"/>
      <c r="E434" s="1"/>
      <c r="F434" s="1"/>
      <c r="G434" s="1"/>
      <c r="H434" s="1"/>
      <c r="I434" s="1"/>
      <c r="J434" s="1"/>
      <c r="K434" s="1"/>
      <c r="L434" s="1"/>
      <c r="M434" s="1"/>
      <c r="N434" s="1"/>
      <c r="O434" s="1"/>
      <c r="P434" s="1"/>
      <c r="Q434" s="1"/>
      <c r="R434" s="1"/>
      <c r="S434" s="1"/>
      <c r="T434" s="1"/>
      <c r="U434" s="1"/>
      <c r="V434" s="7"/>
    </row>
    <row r="435" spans="2:22" x14ac:dyDescent="0.2">
      <c r="B435" s="1"/>
      <c r="C435" s="1"/>
      <c r="D435" s="1"/>
      <c r="E435" s="1"/>
      <c r="F435" s="1"/>
      <c r="G435" s="1"/>
      <c r="H435" s="1"/>
      <c r="I435" s="1"/>
      <c r="J435" s="1"/>
      <c r="K435" s="1"/>
      <c r="L435" s="1"/>
      <c r="M435" s="1"/>
      <c r="N435" s="1"/>
      <c r="O435" s="1"/>
      <c r="P435" s="1"/>
      <c r="Q435" s="1"/>
      <c r="R435" s="1"/>
      <c r="S435" s="1"/>
      <c r="T435" s="1"/>
      <c r="U435" s="1"/>
      <c r="V435" s="7"/>
    </row>
    <row r="436" spans="2:22" x14ac:dyDescent="0.2">
      <c r="B436" s="1"/>
      <c r="C436" s="1"/>
      <c r="D436" s="1"/>
      <c r="E436" s="1"/>
      <c r="F436" s="1"/>
      <c r="G436" s="1"/>
      <c r="H436" s="1"/>
      <c r="I436" s="1"/>
      <c r="J436" s="1"/>
      <c r="K436" s="1"/>
      <c r="L436" s="1"/>
      <c r="M436" s="1"/>
      <c r="N436" s="1"/>
      <c r="O436" s="1"/>
      <c r="P436" s="1"/>
      <c r="Q436" s="1"/>
      <c r="R436" s="1"/>
      <c r="S436" s="1"/>
      <c r="T436" s="1"/>
      <c r="U436" s="1"/>
      <c r="V436" s="7"/>
    </row>
    <row r="437" spans="2:22" x14ac:dyDescent="0.2">
      <c r="B437" s="1"/>
      <c r="C437" s="1"/>
      <c r="D437" s="1"/>
      <c r="E437" s="1"/>
      <c r="F437" s="1"/>
      <c r="G437" s="1"/>
      <c r="H437" s="1"/>
      <c r="I437" s="1"/>
      <c r="J437" s="1"/>
      <c r="K437" s="1"/>
      <c r="L437" s="1"/>
      <c r="M437" s="1"/>
      <c r="N437" s="1"/>
      <c r="O437" s="1"/>
      <c r="P437" s="1"/>
      <c r="Q437" s="1"/>
      <c r="R437" s="1"/>
      <c r="S437" s="1"/>
      <c r="T437" s="1"/>
      <c r="U437" s="1"/>
      <c r="V437" s="7"/>
    </row>
    <row r="438" spans="2:22" x14ac:dyDescent="0.2">
      <c r="B438" s="1"/>
      <c r="C438" s="1"/>
      <c r="D438" s="1"/>
      <c r="E438" s="1"/>
      <c r="F438" s="1"/>
      <c r="G438" s="1"/>
      <c r="H438" s="1"/>
      <c r="I438" s="1"/>
      <c r="J438" s="1"/>
      <c r="K438" s="1"/>
      <c r="L438" s="1"/>
      <c r="M438" s="1"/>
      <c r="N438" s="1"/>
      <c r="O438" s="1"/>
      <c r="P438" s="1"/>
      <c r="Q438" s="1"/>
      <c r="R438" s="1"/>
      <c r="S438" s="1"/>
      <c r="T438" s="1"/>
      <c r="U438" s="1"/>
      <c r="V438" s="7"/>
    </row>
    <row r="439" spans="2:22" x14ac:dyDescent="0.2">
      <c r="B439" s="1"/>
      <c r="C439" s="1"/>
      <c r="D439" s="1"/>
      <c r="E439" s="1"/>
      <c r="F439" s="1"/>
      <c r="G439" s="1"/>
      <c r="H439" s="1"/>
      <c r="I439" s="1"/>
      <c r="J439" s="1"/>
      <c r="K439" s="1"/>
      <c r="L439" s="1"/>
      <c r="M439" s="1"/>
      <c r="N439" s="1"/>
      <c r="O439" s="1"/>
      <c r="P439" s="1"/>
      <c r="Q439" s="1"/>
      <c r="R439" s="1"/>
      <c r="S439" s="1"/>
      <c r="T439" s="1"/>
      <c r="U439" s="1"/>
      <c r="V439" s="7"/>
    </row>
    <row r="440" spans="2:22" x14ac:dyDescent="0.2">
      <c r="B440" s="1"/>
      <c r="C440" s="1"/>
      <c r="D440" s="1"/>
      <c r="E440" s="1"/>
      <c r="F440" s="1"/>
      <c r="G440" s="1"/>
      <c r="H440" s="1"/>
      <c r="I440" s="1"/>
      <c r="J440" s="1"/>
      <c r="K440" s="1"/>
      <c r="L440" s="1"/>
      <c r="M440" s="1"/>
      <c r="N440" s="1"/>
      <c r="O440" s="1"/>
      <c r="P440" s="1"/>
      <c r="Q440" s="1"/>
      <c r="R440" s="1"/>
      <c r="S440" s="1"/>
      <c r="T440" s="1"/>
      <c r="U440" s="1"/>
      <c r="V440" s="7"/>
    </row>
    <row r="441" spans="2:22" x14ac:dyDescent="0.2">
      <c r="B441" s="1"/>
      <c r="C441" s="1"/>
      <c r="D441" s="1"/>
      <c r="E441" s="1"/>
      <c r="F441" s="1"/>
      <c r="G441" s="1"/>
      <c r="H441" s="1"/>
      <c r="I441" s="1"/>
      <c r="J441" s="1"/>
      <c r="K441" s="1"/>
      <c r="L441" s="1"/>
      <c r="M441" s="1"/>
      <c r="N441" s="1"/>
      <c r="O441" s="1"/>
      <c r="P441" s="1"/>
      <c r="Q441" s="1"/>
      <c r="R441" s="1"/>
      <c r="S441" s="1"/>
      <c r="T441" s="1"/>
      <c r="U441" s="1"/>
      <c r="V441" s="7"/>
    </row>
    <row r="442" spans="2:22" x14ac:dyDescent="0.2">
      <c r="B442" s="1"/>
      <c r="C442" s="1"/>
      <c r="D442" s="1"/>
      <c r="E442" s="1"/>
      <c r="F442" s="1"/>
      <c r="G442" s="1"/>
      <c r="H442" s="1"/>
      <c r="I442" s="1"/>
      <c r="J442" s="1"/>
      <c r="K442" s="1"/>
      <c r="L442" s="1"/>
      <c r="M442" s="1"/>
      <c r="N442" s="1"/>
      <c r="O442" s="1"/>
      <c r="P442" s="1"/>
      <c r="Q442" s="1"/>
      <c r="R442" s="1"/>
      <c r="S442" s="1"/>
      <c r="T442" s="1"/>
      <c r="U442" s="1"/>
      <c r="V442" s="7"/>
    </row>
    <row r="443" spans="2:22" x14ac:dyDescent="0.2">
      <c r="B443" s="1"/>
      <c r="C443" s="1"/>
      <c r="D443" s="1"/>
      <c r="E443" s="1"/>
      <c r="F443" s="1"/>
      <c r="G443" s="1"/>
      <c r="H443" s="1"/>
      <c r="I443" s="1"/>
      <c r="J443" s="1"/>
      <c r="K443" s="1"/>
      <c r="L443" s="1"/>
      <c r="M443" s="1"/>
      <c r="N443" s="1"/>
      <c r="O443" s="1"/>
      <c r="P443" s="1"/>
      <c r="Q443" s="1"/>
      <c r="R443" s="1"/>
      <c r="S443" s="1"/>
      <c r="T443" s="1"/>
      <c r="U443" s="1"/>
      <c r="V443" s="7"/>
    </row>
    <row r="444" spans="2:22" x14ac:dyDescent="0.2">
      <c r="B444" s="1"/>
      <c r="C444" s="1"/>
      <c r="D444" s="1"/>
      <c r="E444" s="1"/>
      <c r="F444" s="1"/>
      <c r="G444" s="1"/>
      <c r="H444" s="1"/>
      <c r="I444" s="1"/>
      <c r="J444" s="1"/>
      <c r="K444" s="1"/>
      <c r="L444" s="1"/>
      <c r="M444" s="1"/>
      <c r="N444" s="1"/>
      <c r="O444" s="1"/>
      <c r="P444" s="1"/>
      <c r="Q444" s="1"/>
      <c r="R444" s="1"/>
      <c r="S444" s="1"/>
      <c r="T444" s="1"/>
      <c r="U444" s="1"/>
      <c r="V444" s="7"/>
    </row>
    <row r="445" spans="2:22" x14ac:dyDescent="0.2">
      <c r="B445" s="1"/>
      <c r="C445" s="1"/>
      <c r="D445" s="1"/>
      <c r="E445" s="1"/>
      <c r="F445" s="1"/>
      <c r="G445" s="1"/>
      <c r="H445" s="1"/>
      <c r="I445" s="1"/>
      <c r="J445" s="1"/>
      <c r="K445" s="1"/>
      <c r="L445" s="1"/>
      <c r="M445" s="1"/>
      <c r="N445" s="1"/>
      <c r="O445" s="1"/>
      <c r="P445" s="1"/>
      <c r="Q445" s="1"/>
      <c r="R445" s="1"/>
      <c r="S445" s="1"/>
      <c r="T445" s="1"/>
      <c r="U445" s="1"/>
      <c r="V445" s="7"/>
    </row>
    <row r="446" spans="2:22" x14ac:dyDescent="0.2">
      <c r="B446" s="1"/>
      <c r="C446" s="1"/>
      <c r="D446" s="1"/>
      <c r="E446" s="1"/>
      <c r="F446" s="1"/>
      <c r="G446" s="1"/>
      <c r="H446" s="1"/>
      <c r="I446" s="1"/>
      <c r="J446" s="1"/>
      <c r="K446" s="1"/>
      <c r="L446" s="1"/>
      <c r="M446" s="1"/>
      <c r="N446" s="1"/>
      <c r="O446" s="1"/>
      <c r="P446" s="1"/>
      <c r="Q446" s="1"/>
      <c r="R446" s="1"/>
      <c r="S446" s="1"/>
      <c r="T446" s="1"/>
      <c r="U446" s="1"/>
      <c r="V446" s="7"/>
    </row>
    <row r="447" spans="2:22" x14ac:dyDescent="0.2">
      <c r="B447" s="1"/>
      <c r="C447" s="1"/>
      <c r="D447" s="1"/>
      <c r="E447" s="1"/>
      <c r="F447" s="1"/>
      <c r="G447" s="1"/>
      <c r="H447" s="1"/>
      <c r="I447" s="1"/>
      <c r="J447" s="1"/>
      <c r="K447" s="1"/>
      <c r="L447" s="1"/>
      <c r="M447" s="1"/>
      <c r="N447" s="1"/>
      <c r="O447" s="1"/>
      <c r="P447" s="1"/>
      <c r="Q447" s="1"/>
      <c r="R447" s="1"/>
      <c r="S447" s="1"/>
      <c r="T447" s="1"/>
      <c r="U447" s="1"/>
      <c r="V447" s="7"/>
    </row>
    <row r="448" spans="2:22" x14ac:dyDescent="0.2">
      <c r="B448" s="1"/>
      <c r="C448" s="1"/>
      <c r="D448" s="1"/>
      <c r="E448" s="1"/>
      <c r="F448" s="1"/>
      <c r="G448" s="1"/>
      <c r="H448" s="1"/>
      <c r="I448" s="1"/>
      <c r="J448" s="1"/>
      <c r="K448" s="1"/>
      <c r="L448" s="1"/>
      <c r="M448" s="1"/>
      <c r="N448" s="1"/>
      <c r="O448" s="1"/>
      <c r="P448" s="1"/>
      <c r="Q448" s="1"/>
      <c r="R448" s="1"/>
      <c r="S448" s="1"/>
      <c r="T448" s="1"/>
      <c r="U448" s="1"/>
      <c r="V448" s="7"/>
    </row>
    <row r="449" spans="2:22" x14ac:dyDescent="0.2">
      <c r="B449" s="1"/>
      <c r="C449" s="1"/>
      <c r="D449" s="1"/>
      <c r="E449" s="1"/>
      <c r="F449" s="1"/>
      <c r="G449" s="1"/>
      <c r="H449" s="1"/>
      <c r="I449" s="1"/>
      <c r="J449" s="1"/>
      <c r="K449" s="1"/>
      <c r="L449" s="1"/>
      <c r="M449" s="1"/>
      <c r="N449" s="1"/>
      <c r="O449" s="1"/>
      <c r="P449" s="1"/>
      <c r="Q449" s="1"/>
      <c r="R449" s="1"/>
      <c r="S449" s="1"/>
      <c r="T449" s="1"/>
      <c r="U449" s="1"/>
      <c r="V449" s="7"/>
    </row>
    <row r="450" spans="2:22" x14ac:dyDescent="0.2">
      <c r="B450" s="1"/>
      <c r="C450" s="1"/>
      <c r="D450" s="1"/>
      <c r="E450" s="1"/>
      <c r="F450" s="1"/>
      <c r="G450" s="1"/>
      <c r="H450" s="1"/>
      <c r="I450" s="1"/>
      <c r="J450" s="1"/>
      <c r="K450" s="1"/>
      <c r="L450" s="1"/>
      <c r="M450" s="1"/>
      <c r="N450" s="1"/>
      <c r="O450" s="1"/>
      <c r="P450" s="1"/>
      <c r="Q450" s="1"/>
      <c r="R450" s="1"/>
      <c r="S450" s="1"/>
      <c r="T450" s="1"/>
      <c r="U450" s="1"/>
      <c r="V450" s="7"/>
    </row>
    <row r="451" spans="2:22" x14ac:dyDescent="0.2">
      <c r="B451" s="1"/>
      <c r="C451" s="1"/>
      <c r="D451" s="1"/>
      <c r="E451" s="1"/>
      <c r="F451" s="1"/>
      <c r="G451" s="1"/>
      <c r="H451" s="1"/>
      <c r="I451" s="1"/>
      <c r="J451" s="1"/>
      <c r="K451" s="1"/>
      <c r="L451" s="1"/>
      <c r="M451" s="1"/>
      <c r="N451" s="1"/>
      <c r="O451" s="1"/>
      <c r="P451" s="1"/>
      <c r="Q451" s="1"/>
      <c r="R451" s="1"/>
      <c r="S451" s="1"/>
      <c r="T451" s="1"/>
      <c r="U451" s="1"/>
      <c r="V451" s="7"/>
    </row>
    <row r="452" spans="2:22" x14ac:dyDescent="0.2">
      <c r="B452" s="1"/>
      <c r="C452" s="1"/>
      <c r="D452" s="1"/>
      <c r="E452" s="1"/>
      <c r="F452" s="1"/>
      <c r="G452" s="1"/>
      <c r="H452" s="1"/>
      <c r="I452" s="1"/>
      <c r="J452" s="1"/>
      <c r="K452" s="1"/>
      <c r="L452" s="1"/>
      <c r="M452" s="1"/>
      <c r="N452" s="1"/>
      <c r="O452" s="1"/>
      <c r="P452" s="1"/>
      <c r="Q452" s="1"/>
      <c r="R452" s="1"/>
      <c r="S452" s="1"/>
      <c r="T452" s="1"/>
      <c r="U452" s="1"/>
      <c r="V452" s="7"/>
    </row>
    <row r="453" spans="2:22" x14ac:dyDescent="0.2">
      <c r="B453" s="1"/>
      <c r="C453" s="1"/>
      <c r="D453" s="1"/>
      <c r="E453" s="1"/>
      <c r="F453" s="1"/>
      <c r="G453" s="1"/>
      <c r="H453" s="1"/>
      <c r="I453" s="1"/>
      <c r="J453" s="1"/>
      <c r="K453" s="1"/>
      <c r="L453" s="1"/>
      <c r="M453" s="1"/>
      <c r="N453" s="1"/>
      <c r="O453" s="1"/>
      <c r="P453" s="1"/>
      <c r="Q453" s="1"/>
      <c r="R453" s="1"/>
      <c r="S453" s="1"/>
      <c r="T453" s="1"/>
      <c r="U453" s="1"/>
      <c r="V453" s="7"/>
    </row>
    <row r="454" spans="2:22" x14ac:dyDescent="0.2">
      <c r="B454" s="1"/>
      <c r="C454" s="1"/>
      <c r="D454" s="1"/>
      <c r="E454" s="1"/>
      <c r="F454" s="1"/>
      <c r="G454" s="1"/>
      <c r="H454" s="1"/>
      <c r="I454" s="1"/>
      <c r="J454" s="1"/>
      <c r="K454" s="1"/>
      <c r="L454" s="1"/>
      <c r="M454" s="1"/>
      <c r="N454" s="1"/>
      <c r="O454" s="1"/>
      <c r="P454" s="1"/>
      <c r="Q454" s="1"/>
      <c r="R454" s="1"/>
      <c r="S454" s="1"/>
      <c r="T454" s="1"/>
      <c r="U454" s="1"/>
      <c r="V454" s="7"/>
    </row>
    <row r="455" spans="2:22" x14ac:dyDescent="0.2">
      <c r="B455" s="1"/>
      <c r="C455" s="1"/>
      <c r="D455" s="1"/>
      <c r="E455" s="1"/>
      <c r="F455" s="1"/>
      <c r="G455" s="1"/>
      <c r="H455" s="1"/>
      <c r="I455" s="1"/>
      <c r="J455" s="1"/>
      <c r="K455" s="1"/>
      <c r="L455" s="1"/>
      <c r="M455" s="1"/>
      <c r="N455" s="1"/>
      <c r="O455" s="1"/>
      <c r="P455" s="1"/>
      <c r="Q455" s="1"/>
      <c r="R455" s="1"/>
      <c r="S455" s="1"/>
      <c r="T455" s="1"/>
      <c r="U455" s="1"/>
      <c r="V455" s="7"/>
    </row>
    <row r="456" spans="2:22" x14ac:dyDescent="0.2">
      <c r="B456" s="1"/>
      <c r="C456" s="1"/>
      <c r="D456" s="1"/>
      <c r="E456" s="1"/>
      <c r="F456" s="1"/>
      <c r="G456" s="1"/>
      <c r="H456" s="1"/>
      <c r="I456" s="1"/>
      <c r="J456" s="1"/>
      <c r="K456" s="1"/>
      <c r="L456" s="1"/>
      <c r="M456" s="1"/>
      <c r="N456" s="1"/>
      <c r="O456" s="1"/>
      <c r="P456" s="1"/>
      <c r="Q456" s="1"/>
      <c r="R456" s="1"/>
      <c r="S456" s="1"/>
      <c r="T456" s="1"/>
      <c r="U456" s="1"/>
      <c r="V456" s="7"/>
    </row>
    <row r="457" spans="2:22" x14ac:dyDescent="0.2">
      <c r="B457" s="1"/>
      <c r="C457" s="1"/>
      <c r="D457" s="1"/>
      <c r="E457" s="1"/>
      <c r="F457" s="1"/>
      <c r="G457" s="1"/>
      <c r="H457" s="1"/>
      <c r="I457" s="1"/>
      <c r="J457" s="1"/>
      <c r="K457" s="1"/>
      <c r="L457" s="1"/>
      <c r="M457" s="1"/>
      <c r="N457" s="1"/>
      <c r="O457" s="1"/>
      <c r="P457" s="1"/>
      <c r="Q457" s="1"/>
      <c r="R457" s="1"/>
      <c r="S457" s="1"/>
      <c r="T457" s="1"/>
      <c r="U457" s="1"/>
      <c r="V457" s="7"/>
    </row>
    <row r="458" spans="2:22" x14ac:dyDescent="0.2">
      <c r="B458" s="1"/>
      <c r="C458" s="1"/>
      <c r="D458" s="1"/>
      <c r="E458" s="1"/>
      <c r="F458" s="1"/>
      <c r="G458" s="1"/>
      <c r="H458" s="1"/>
      <c r="I458" s="1"/>
      <c r="J458" s="1"/>
      <c r="K458" s="1"/>
      <c r="L458" s="1"/>
      <c r="M458" s="1"/>
      <c r="N458" s="1"/>
      <c r="O458" s="1"/>
      <c r="P458" s="1"/>
      <c r="Q458" s="1"/>
      <c r="R458" s="1"/>
      <c r="S458" s="1"/>
      <c r="T458" s="1"/>
      <c r="U458" s="1"/>
      <c r="V458" s="7"/>
    </row>
    <row r="459" spans="2:22" x14ac:dyDescent="0.2">
      <c r="B459" s="1"/>
      <c r="C459" s="1"/>
      <c r="D459" s="1"/>
      <c r="E459" s="1"/>
      <c r="F459" s="1"/>
      <c r="G459" s="1"/>
      <c r="H459" s="1"/>
      <c r="I459" s="1"/>
      <c r="J459" s="1"/>
      <c r="K459" s="1"/>
      <c r="L459" s="1"/>
      <c r="M459" s="1"/>
      <c r="N459" s="1"/>
      <c r="O459" s="1"/>
      <c r="P459" s="1"/>
      <c r="Q459" s="1"/>
      <c r="R459" s="1"/>
      <c r="S459" s="1"/>
      <c r="T459" s="1"/>
      <c r="U459" s="1"/>
      <c r="V459" s="7"/>
    </row>
    <row r="460" spans="2:22" x14ac:dyDescent="0.2">
      <c r="B460" s="1"/>
      <c r="C460" s="1"/>
      <c r="D460" s="1"/>
      <c r="E460" s="1"/>
      <c r="F460" s="1"/>
      <c r="G460" s="1"/>
      <c r="H460" s="1"/>
      <c r="I460" s="1"/>
      <c r="J460" s="1"/>
      <c r="K460" s="1"/>
      <c r="L460" s="1"/>
      <c r="M460" s="1"/>
      <c r="N460" s="1"/>
      <c r="O460" s="1"/>
      <c r="P460" s="1"/>
      <c r="Q460" s="1"/>
      <c r="R460" s="1"/>
      <c r="S460" s="1"/>
      <c r="T460" s="1"/>
      <c r="U460" s="1"/>
      <c r="V460" s="7"/>
    </row>
    <row r="461" spans="2:22" x14ac:dyDescent="0.2">
      <c r="B461" s="1"/>
      <c r="C461" s="1"/>
      <c r="D461" s="1"/>
      <c r="E461" s="1"/>
      <c r="F461" s="1"/>
      <c r="G461" s="1"/>
      <c r="H461" s="1"/>
      <c r="I461" s="1"/>
      <c r="J461" s="1"/>
      <c r="K461" s="1"/>
      <c r="L461" s="1"/>
      <c r="M461" s="1"/>
      <c r="N461" s="1"/>
      <c r="O461" s="1"/>
      <c r="P461" s="1"/>
      <c r="Q461" s="1"/>
      <c r="R461" s="1"/>
      <c r="S461" s="1"/>
      <c r="T461" s="1"/>
      <c r="U461" s="1"/>
      <c r="V461" s="7"/>
    </row>
    <row r="462" spans="2:22" x14ac:dyDescent="0.2">
      <c r="B462" s="1"/>
      <c r="C462" s="1"/>
      <c r="D462" s="1"/>
      <c r="E462" s="1"/>
      <c r="F462" s="1"/>
      <c r="G462" s="1"/>
      <c r="H462" s="1"/>
      <c r="I462" s="1"/>
      <c r="J462" s="1"/>
      <c r="K462" s="1"/>
      <c r="L462" s="1"/>
      <c r="M462" s="1"/>
      <c r="N462" s="1"/>
      <c r="O462" s="1"/>
      <c r="P462" s="1"/>
      <c r="Q462" s="1"/>
      <c r="R462" s="1"/>
      <c r="S462" s="1"/>
      <c r="T462" s="1"/>
      <c r="U462" s="1"/>
      <c r="V462" s="7"/>
    </row>
    <row r="463" spans="2:22" x14ac:dyDescent="0.2">
      <c r="B463" s="1"/>
      <c r="C463" s="1"/>
      <c r="D463" s="1"/>
      <c r="E463" s="1"/>
      <c r="F463" s="1"/>
      <c r="G463" s="1"/>
      <c r="H463" s="1"/>
      <c r="I463" s="1"/>
      <c r="J463" s="1"/>
      <c r="K463" s="1"/>
      <c r="L463" s="1"/>
      <c r="M463" s="1"/>
      <c r="N463" s="1"/>
      <c r="O463" s="1"/>
      <c r="P463" s="1"/>
      <c r="Q463" s="1"/>
      <c r="R463" s="1"/>
      <c r="S463" s="1"/>
      <c r="T463" s="1"/>
      <c r="U463" s="1"/>
      <c r="V463" s="7"/>
    </row>
    <row r="464" spans="2:22" x14ac:dyDescent="0.2">
      <c r="B464" s="1"/>
      <c r="C464" s="1"/>
      <c r="D464" s="1"/>
      <c r="E464" s="1"/>
      <c r="F464" s="1"/>
      <c r="G464" s="1"/>
      <c r="H464" s="1"/>
      <c r="I464" s="1"/>
      <c r="J464" s="1"/>
      <c r="K464" s="1"/>
      <c r="L464" s="1"/>
      <c r="M464" s="1"/>
      <c r="N464" s="1"/>
      <c r="O464" s="1"/>
      <c r="P464" s="1"/>
      <c r="Q464" s="1"/>
      <c r="R464" s="1"/>
      <c r="S464" s="1"/>
      <c r="T464" s="1"/>
      <c r="U464" s="1"/>
      <c r="V464" s="7"/>
    </row>
    <row r="465" spans="2:22" x14ac:dyDescent="0.2">
      <c r="B465" s="1"/>
      <c r="C465" s="1"/>
      <c r="D465" s="1"/>
      <c r="E465" s="1"/>
      <c r="F465" s="1"/>
      <c r="G465" s="1"/>
      <c r="H465" s="1"/>
      <c r="I465" s="1"/>
      <c r="J465" s="1"/>
      <c r="K465" s="1"/>
      <c r="L465" s="1"/>
      <c r="M465" s="1"/>
      <c r="N465" s="1"/>
      <c r="O465" s="1"/>
      <c r="P465" s="1"/>
      <c r="Q465" s="1"/>
      <c r="R465" s="1"/>
      <c r="S465" s="1"/>
      <c r="T465" s="1"/>
      <c r="U465" s="1"/>
      <c r="V465" s="7"/>
    </row>
    <row r="466" spans="2:22" x14ac:dyDescent="0.2">
      <c r="B466" s="1"/>
      <c r="C466" s="1"/>
      <c r="D466" s="1"/>
      <c r="E466" s="1"/>
      <c r="F466" s="1"/>
      <c r="G466" s="1"/>
      <c r="H466" s="1"/>
      <c r="I466" s="1"/>
      <c r="J466" s="1"/>
      <c r="K466" s="1"/>
      <c r="L466" s="1"/>
      <c r="M466" s="1"/>
      <c r="N466" s="1"/>
      <c r="O466" s="1"/>
      <c r="P466" s="1"/>
      <c r="Q466" s="1"/>
      <c r="R466" s="1"/>
      <c r="S466" s="1"/>
      <c r="T466" s="1"/>
      <c r="U466" s="1"/>
      <c r="V466" s="7"/>
    </row>
    <row r="467" spans="2:22" x14ac:dyDescent="0.2">
      <c r="B467" s="1"/>
      <c r="C467" s="1"/>
      <c r="D467" s="1"/>
      <c r="E467" s="1"/>
      <c r="F467" s="1"/>
      <c r="G467" s="1"/>
      <c r="H467" s="1"/>
      <c r="I467" s="1"/>
      <c r="J467" s="1"/>
      <c r="K467" s="1"/>
      <c r="L467" s="1"/>
      <c r="M467" s="1"/>
      <c r="N467" s="1"/>
      <c r="O467" s="1"/>
      <c r="P467" s="1"/>
      <c r="Q467" s="1"/>
      <c r="R467" s="1"/>
      <c r="S467" s="1"/>
      <c r="T467" s="1"/>
      <c r="U467" s="1"/>
      <c r="V467" s="7"/>
    </row>
    <row r="468" spans="2:22" x14ac:dyDescent="0.2">
      <c r="B468" s="1"/>
      <c r="C468" s="1"/>
      <c r="D468" s="1"/>
      <c r="E468" s="1"/>
      <c r="F468" s="1"/>
      <c r="G468" s="1"/>
      <c r="H468" s="1"/>
      <c r="I468" s="1"/>
      <c r="J468" s="1"/>
      <c r="K468" s="1"/>
      <c r="L468" s="1"/>
      <c r="M468" s="1"/>
      <c r="N468" s="1"/>
      <c r="O468" s="1"/>
      <c r="P468" s="1"/>
      <c r="Q468" s="1"/>
      <c r="R468" s="1"/>
      <c r="S468" s="1"/>
      <c r="T468" s="1"/>
      <c r="U468" s="1"/>
      <c r="V468" s="7"/>
    </row>
    <row r="469" spans="2:22" x14ac:dyDescent="0.2">
      <c r="B469" s="1"/>
      <c r="C469" s="1"/>
      <c r="D469" s="1"/>
      <c r="E469" s="1"/>
      <c r="F469" s="1"/>
      <c r="G469" s="1"/>
      <c r="H469" s="1"/>
      <c r="I469" s="1"/>
      <c r="J469" s="1"/>
      <c r="K469" s="1"/>
      <c r="L469" s="1"/>
      <c r="M469" s="1"/>
      <c r="N469" s="1"/>
      <c r="O469" s="1"/>
      <c r="P469" s="1"/>
      <c r="Q469" s="1"/>
      <c r="R469" s="1"/>
      <c r="S469" s="1"/>
      <c r="T469" s="1"/>
      <c r="U469" s="1"/>
      <c r="V469" s="7"/>
    </row>
    <row r="470" spans="2:22" x14ac:dyDescent="0.2">
      <c r="B470" s="1"/>
      <c r="C470" s="1"/>
      <c r="D470" s="1"/>
      <c r="E470" s="1"/>
      <c r="F470" s="1"/>
      <c r="G470" s="1"/>
      <c r="H470" s="1"/>
      <c r="I470" s="1"/>
      <c r="J470" s="1"/>
      <c r="K470" s="1"/>
      <c r="L470" s="1"/>
      <c r="M470" s="1"/>
      <c r="N470" s="1"/>
      <c r="O470" s="1"/>
      <c r="P470" s="1"/>
      <c r="Q470" s="1"/>
      <c r="R470" s="1"/>
      <c r="S470" s="1"/>
      <c r="T470" s="1"/>
      <c r="U470" s="1"/>
      <c r="V470" s="7"/>
    </row>
    <row r="471" spans="2:22" x14ac:dyDescent="0.2">
      <c r="B471" s="1"/>
      <c r="C471" s="1"/>
      <c r="D471" s="1"/>
      <c r="E471" s="1"/>
      <c r="F471" s="1"/>
      <c r="G471" s="1"/>
      <c r="H471" s="1"/>
      <c r="I471" s="1"/>
      <c r="J471" s="1"/>
      <c r="K471" s="1"/>
      <c r="L471" s="1"/>
      <c r="M471" s="1"/>
      <c r="N471" s="1"/>
      <c r="O471" s="1"/>
      <c r="P471" s="1"/>
      <c r="Q471" s="1"/>
      <c r="R471" s="1"/>
      <c r="S471" s="1"/>
      <c r="T471" s="1"/>
      <c r="U471" s="1"/>
      <c r="V471" s="7"/>
    </row>
    <row r="472" spans="2:22" x14ac:dyDescent="0.2">
      <c r="B472" s="1"/>
      <c r="C472" s="1"/>
      <c r="D472" s="1"/>
      <c r="E472" s="1"/>
      <c r="F472" s="1"/>
      <c r="G472" s="1"/>
      <c r="H472" s="1"/>
      <c r="I472" s="1"/>
      <c r="J472" s="1"/>
      <c r="K472" s="1"/>
      <c r="L472" s="1"/>
      <c r="M472" s="1"/>
      <c r="N472" s="1"/>
      <c r="O472" s="1"/>
      <c r="P472" s="1"/>
      <c r="Q472" s="1"/>
      <c r="R472" s="1"/>
      <c r="S472" s="1"/>
      <c r="T472" s="1"/>
      <c r="U472" s="1"/>
      <c r="V472" s="7"/>
    </row>
    <row r="473" spans="2:22" x14ac:dyDescent="0.2">
      <c r="B473" s="1"/>
      <c r="C473" s="1"/>
      <c r="D473" s="1"/>
      <c r="E473" s="1"/>
      <c r="F473" s="1"/>
      <c r="G473" s="1"/>
      <c r="H473" s="1"/>
      <c r="I473" s="1"/>
      <c r="J473" s="1"/>
      <c r="K473" s="1"/>
      <c r="L473" s="1"/>
      <c r="M473" s="1"/>
      <c r="N473" s="1"/>
      <c r="O473" s="1"/>
      <c r="P473" s="1"/>
      <c r="Q473" s="1"/>
      <c r="R473" s="1"/>
      <c r="S473" s="1"/>
      <c r="T473" s="1"/>
      <c r="U473" s="1"/>
      <c r="V473" s="7"/>
    </row>
    <row r="474" spans="2:22" x14ac:dyDescent="0.2">
      <c r="B474" s="1"/>
      <c r="C474" s="1"/>
      <c r="D474" s="1"/>
      <c r="E474" s="1"/>
      <c r="F474" s="1"/>
      <c r="G474" s="1"/>
      <c r="H474" s="1"/>
      <c r="I474" s="1"/>
      <c r="J474" s="1"/>
      <c r="K474" s="1"/>
      <c r="L474" s="1"/>
      <c r="M474" s="1"/>
      <c r="N474" s="1"/>
      <c r="O474" s="1"/>
      <c r="P474" s="1"/>
      <c r="Q474" s="1"/>
      <c r="R474" s="1"/>
      <c r="S474" s="1"/>
      <c r="T474" s="1"/>
      <c r="U474" s="1"/>
      <c r="V474" s="7"/>
    </row>
    <row r="475" spans="2:22" x14ac:dyDescent="0.2">
      <c r="B475" s="1"/>
      <c r="C475" s="1"/>
      <c r="D475" s="1"/>
      <c r="E475" s="1"/>
      <c r="F475" s="1"/>
      <c r="G475" s="1"/>
      <c r="H475" s="1"/>
      <c r="I475" s="1"/>
      <c r="J475" s="1"/>
      <c r="K475" s="1"/>
      <c r="L475" s="1"/>
      <c r="M475" s="1"/>
      <c r="N475" s="1"/>
      <c r="O475" s="1"/>
      <c r="P475" s="1"/>
      <c r="Q475" s="1"/>
      <c r="R475" s="1"/>
      <c r="S475" s="1"/>
      <c r="T475" s="1"/>
      <c r="U475" s="1"/>
      <c r="V475" s="7"/>
    </row>
    <row r="476" spans="2:22" x14ac:dyDescent="0.2">
      <c r="B476" s="1"/>
      <c r="C476" s="1"/>
      <c r="D476" s="1"/>
      <c r="E476" s="1"/>
      <c r="F476" s="1"/>
      <c r="G476" s="1"/>
      <c r="H476" s="1"/>
      <c r="I476" s="1"/>
      <c r="J476" s="1"/>
      <c r="K476" s="1"/>
      <c r="L476" s="1"/>
      <c r="M476" s="1"/>
      <c r="N476" s="1"/>
      <c r="O476" s="1"/>
      <c r="P476" s="1"/>
      <c r="Q476" s="1"/>
      <c r="R476" s="1"/>
      <c r="S476" s="1"/>
      <c r="T476" s="1"/>
      <c r="U476" s="1"/>
      <c r="V476" s="7"/>
    </row>
    <row r="477" spans="2:22" x14ac:dyDescent="0.2">
      <c r="B477" s="1"/>
      <c r="C477" s="1"/>
      <c r="D477" s="1"/>
      <c r="E477" s="1"/>
      <c r="F477" s="1"/>
      <c r="G477" s="1"/>
      <c r="H477" s="1"/>
      <c r="I477" s="1"/>
      <c r="J477" s="1"/>
      <c r="K477" s="1"/>
      <c r="L477" s="1"/>
      <c r="M477" s="1"/>
      <c r="N477" s="1"/>
      <c r="O477" s="1"/>
      <c r="P477" s="1"/>
      <c r="Q477" s="1"/>
      <c r="R477" s="1"/>
      <c r="S477" s="1"/>
      <c r="T477" s="1"/>
      <c r="U477" s="1"/>
      <c r="V477" s="7"/>
    </row>
    <row r="478" spans="2:22" x14ac:dyDescent="0.2">
      <c r="B478" s="1"/>
      <c r="C478" s="1"/>
      <c r="D478" s="1"/>
      <c r="E478" s="1"/>
      <c r="F478" s="1"/>
      <c r="G478" s="1"/>
      <c r="H478" s="1"/>
      <c r="I478" s="1"/>
      <c r="J478" s="1"/>
      <c r="K478" s="1"/>
      <c r="L478" s="1"/>
      <c r="M478" s="1"/>
      <c r="N478" s="1"/>
      <c r="O478" s="1"/>
      <c r="P478" s="1"/>
      <c r="Q478" s="1"/>
      <c r="R478" s="1"/>
      <c r="S478" s="1"/>
      <c r="T478" s="1"/>
      <c r="U478" s="1"/>
      <c r="V478" s="7"/>
    </row>
    <row r="479" spans="2:22" x14ac:dyDescent="0.2">
      <c r="B479" s="1"/>
      <c r="C479" s="1"/>
      <c r="D479" s="1"/>
      <c r="E479" s="1"/>
      <c r="F479" s="1"/>
      <c r="G479" s="1"/>
      <c r="H479" s="1"/>
      <c r="I479" s="1"/>
      <c r="J479" s="1"/>
      <c r="K479" s="1"/>
      <c r="L479" s="1"/>
      <c r="M479" s="1"/>
      <c r="N479" s="1"/>
      <c r="O479" s="1"/>
      <c r="P479" s="1"/>
      <c r="Q479" s="1"/>
      <c r="R479" s="1"/>
      <c r="S479" s="1"/>
      <c r="T479" s="1"/>
      <c r="U479" s="1"/>
      <c r="V479" s="7"/>
    </row>
    <row r="480" spans="2:22" x14ac:dyDescent="0.2">
      <c r="B480" s="1"/>
      <c r="C480" s="1"/>
      <c r="D480" s="1"/>
      <c r="E480" s="1"/>
      <c r="F480" s="1"/>
      <c r="G480" s="1"/>
      <c r="H480" s="1"/>
      <c r="I480" s="1"/>
      <c r="J480" s="1"/>
      <c r="K480" s="1"/>
      <c r="L480" s="1"/>
      <c r="M480" s="1"/>
      <c r="N480" s="1"/>
      <c r="O480" s="1"/>
      <c r="P480" s="1"/>
      <c r="Q480" s="1"/>
      <c r="R480" s="1"/>
      <c r="S480" s="1"/>
      <c r="T480" s="1"/>
      <c r="U480" s="1"/>
      <c r="V480" s="7"/>
    </row>
    <row r="481" spans="2:22" x14ac:dyDescent="0.2">
      <c r="B481" s="1"/>
      <c r="C481" s="1"/>
      <c r="D481" s="1"/>
      <c r="E481" s="1"/>
      <c r="F481" s="1"/>
      <c r="G481" s="1"/>
      <c r="H481" s="1"/>
      <c r="I481" s="1"/>
      <c r="J481" s="1"/>
      <c r="K481" s="1"/>
      <c r="L481" s="1"/>
      <c r="M481" s="1"/>
      <c r="N481" s="1"/>
      <c r="O481" s="1"/>
      <c r="P481" s="1"/>
      <c r="Q481" s="1"/>
      <c r="R481" s="1"/>
      <c r="S481" s="1"/>
      <c r="T481" s="1"/>
      <c r="U481" s="1"/>
      <c r="V481" s="7"/>
    </row>
    <row r="482" spans="2:22" x14ac:dyDescent="0.2">
      <c r="B482" s="1"/>
      <c r="C482" s="1"/>
      <c r="D482" s="1"/>
      <c r="E482" s="1"/>
      <c r="F482" s="1"/>
      <c r="G482" s="1"/>
      <c r="H482" s="1"/>
      <c r="I482" s="1"/>
      <c r="J482" s="1"/>
      <c r="K482" s="1"/>
      <c r="L482" s="1"/>
      <c r="M482" s="1"/>
      <c r="N482" s="1"/>
      <c r="O482" s="1"/>
      <c r="P482" s="1"/>
      <c r="Q482" s="1"/>
      <c r="R482" s="1"/>
      <c r="S482" s="1"/>
      <c r="T482" s="1"/>
      <c r="U482" s="1"/>
      <c r="V482" s="7"/>
    </row>
    <row r="483" spans="2:22" x14ac:dyDescent="0.2">
      <c r="B483" s="1"/>
      <c r="C483" s="1"/>
      <c r="D483" s="1"/>
      <c r="E483" s="1"/>
      <c r="F483" s="1"/>
      <c r="G483" s="1"/>
      <c r="H483" s="1"/>
      <c r="I483" s="1"/>
      <c r="J483" s="1"/>
      <c r="K483" s="1"/>
      <c r="L483" s="1"/>
      <c r="M483" s="1"/>
      <c r="N483" s="1"/>
      <c r="O483" s="1"/>
      <c r="P483" s="1"/>
      <c r="Q483" s="1"/>
      <c r="R483" s="1"/>
      <c r="S483" s="1"/>
      <c r="T483" s="1"/>
      <c r="U483" s="1"/>
      <c r="V483" s="7"/>
    </row>
    <row r="484" spans="2:22" x14ac:dyDescent="0.2">
      <c r="B484" s="1"/>
      <c r="C484" s="1"/>
      <c r="D484" s="1"/>
      <c r="E484" s="1"/>
      <c r="F484" s="1"/>
      <c r="G484" s="1"/>
      <c r="H484" s="1"/>
      <c r="I484" s="1"/>
      <c r="J484" s="1"/>
      <c r="K484" s="1"/>
      <c r="L484" s="1"/>
      <c r="M484" s="1"/>
      <c r="N484" s="1"/>
      <c r="O484" s="1"/>
      <c r="P484" s="1"/>
      <c r="Q484" s="1"/>
      <c r="R484" s="1"/>
      <c r="S484" s="1"/>
      <c r="T484" s="1"/>
      <c r="U484" s="1"/>
      <c r="V484" s="7"/>
    </row>
    <row r="485" spans="2:22" x14ac:dyDescent="0.2">
      <c r="B485" s="1"/>
      <c r="C485" s="1"/>
      <c r="D485" s="1"/>
      <c r="E485" s="1"/>
      <c r="F485" s="1"/>
      <c r="G485" s="1"/>
      <c r="H485" s="1"/>
      <c r="I485" s="1"/>
      <c r="J485" s="1"/>
      <c r="K485" s="1"/>
      <c r="L485" s="1"/>
      <c r="M485" s="1"/>
      <c r="N485" s="1"/>
      <c r="O485" s="1"/>
      <c r="P485" s="1"/>
      <c r="Q485" s="1"/>
      <c r="R485" s="1"/>
      <c r="S485" s="1"/>
      <c r="T485" s="1"/>
      <c r="U485" s="1"/>
      <c r="V485" s="7"/>
    </row>
    <row r="486" spans="2:22" x14ac:dyDescent="0.2">
      <c r="B486" s="1"/>
      <c r="C486" s="1"/>
      <c r="D486" s="1"/>
      <c r="E486" s="1"/>
      <c r="F486" s="1"/>
      <c r="G486" s="1"/>
      <c r="H486" s="1"/>
      <c r="I486" s="1"/>
      <c r="J486" s="1"/>
      <c r="K486" s="1"/>
      <c r="L486" s="1"/>
      <c r="M486" s="1"/>
      <c r="N486" s="1"/>
      <c r="O486" s="1"/>
      <c r="P486" s="1"/>
      <c r="Q486" s="1"/>
      <c r="R486" s="1"/>
      <c r="S486" s="1"/>
      <c r="T486" s="1"/>
      <c r="U486" s="1"/>
      <c r="V486" s="7"/>
    </row>
    <row r="487" spans="2:22" x14ac:dyDescent="0.2">
      <c r="B487" s="1"/>
      <c r="C487" s="1"/>
      <c r="D487" s="1"/>
      <c r="E487" s="1"/>
      <c r="F487" s="1"/>
      <c r="G487" s="1"/>
      <c r="H487" s="1"/>
      <c r="I487" s="1"/>
      <c r="J487" s="1"/>
      <c r="K487" s="1"/>
      <c r="L487" s="1"/>
      <c r="M487" s="1"/>
      <c r="N487" s="1"/>
      <c r="O487" s="1"/>
      <c r="P487" s="1"/>
      <c r="Q487" s="1"/>
      <c r="R487" s="1"/>
      <c r="S487" s="1"/>
      <c r="T487" s="1"/>
      <c r="U487" s="1"/>
      <c r="V487" s="7"/>
    </row>
    <row r="488" spans="2:22" x14ac:dyDescent="0.2">
      <c r="B488" s="1"/>
      <c r="C488" s="1"/>
      <c r="D488" s="1"/>
      <c r="E488" s="1"/>
      <c r="F488" s="1"/>
      <c r="G488" s="1"/>
      <c r="H488" s="1"/>
      <c r="I488" s="1"/>
      <c r="J488" s="1"/>
      <c r="K488" s="1"/>
      <c r="L488" s="1"/>
      <c r="M488" s="1"/>
      <c r="N488" s="1"/>
      <c r="O488" s="1"/>
      <c r="P488" s="1"/>
      <c r="Q488" s="1"/>
      <c r="R488" s="1"/>
      <c r="S488" s="1"/>
      <c r="T488" s="1"/>
      <c r="U488" s="1"/>
      <c r="V488" s="7"/>
    </row>
    <row r="489" spans="2:22" x14ac:dyDescent="0.2">
      <c r="B489" s="1"/>
      <c r="C489" s="1"/>
      <c r="D489" s="1"/>
      <c r="E489" s="1"/>
      <c r="F489" s="1"/>
      <c r="G489" s="1"/>
      <c r="H489" s="1"/>
      <c r="I489" s="1"/>
      <c r="J489" s="1"/>
      <c r="K489" s="1"/>
      <c r="L489" s="1"/>
      <c r="M489" s="1"/>
      <c r="N489" s="1"/>
      <c r="O489" s="1"/>
      <c r="P489" s="1"/>
      <c r="Q489" s="1"/>
      <c r="R489" s="1"/>
      <c r="S489" s="1"/>
      <c r="T489" s="1"/>
      <c r="U489" s="1"/>
      <c r="V489" s="7"/>
    </row>
    <row r="490" spans="2:22" x14ac:dyDescent="0.2">
      <c r="B490" s="1"/>
      <c r="C490" s="1"/>
      <c r="D490" s="1"/>
      <c r="E490" s="1"/>
      <c r="F490" s="1"/>
      <c r="G490" s="1"/>
      <c r="H490" s="1"/>
      <c r="I490" s="1"/>
      <c r="J490" s="1"/>
      <c r="K490" s="1"/>
      <c r="L490" s="1"/>
      <c r="M490" s="1"/>
      <c r="N490" s="1"/>
      <c r="O490" s="1"/>
      <c r="P490" s="1"/>
      <c r="Q490" s="1"/>
      <c r="R490" s="1"/>
      <c r="S490" s="1"/>
      <c r="T490" s="1"/>
      <c r="U490" s="1"/>
      <c r="V490" s="7"/>
    </row>
    <row r="491" spans="2:22" x14ac:dyDescent="0.2">
      <c r="B491" s="1"/>
      <c r="C491" s="1"/>
      <c r="D491" s="1"/>
      <c r="E491" s="1"/>
      <c r="F491" s="1"/>
      <c r="G491" s="1"/>
      <c r="H491" s="1"/>
      <c r="I491" s="1"/>
      <c r="J491" s="1"/>
      <c r="K491" s="1"/>
      <c r="L491" s="1"/>
      <c r="M491" s="1"/>
      <c r="N491" s="1"/>
      <c r="O491" s="1"/>
      <c r="P491" s="1"/>
      <c r="Q491" s="1"/>
      <c r="R491" s="1"/>
      <c r="S491" s="1"/>
      <c r="T491" s="1"/>
      <c r="U491" s="1"/>
      <c r="V491" s="7"/>
    </row>
    <row r="492" spans="2:22" x14ac:dyDescent="0.2">
      <c r="B492" s="1"/>
      <c r="C492" s="1"/>
      <c r="D492" s="1"/>
      <c r="E492" s="1"/>
      <c r="F492" s="1"/>
      <c r="G492" s="1"/>
      <c r="H492" s="1"/>
      <c r="I492" s="1"/>
      <c r="J492" s="1"/>
      <c r="K492" s="1"/>
      <c r="L492" s="1"/>
      <c r="M492" s="1"/>
      <c r="N492" s="1"/>
      <c r="O492" s="1"/>
      <c r="P492" s="1"/>
      <c r="Q492" s="1"/>
      <c r="R492" s="1"/>
      <c r="S492" s="1"/>
      <c r="T492" s="1"/>
      <c r="U492" s="1"/>
      <c r="V492" s="7"/>
    </row>
    <row r="493" spans="2:22" x14ac:dyDescent="0.2">
      <c r="B493" s="1"/>
      <c r="C493" s="1"/>
      <c r="D493" s="1"/>
      <c r="E493" s="1"/>
      <c r="F493" s="1"/>
      <c r="G493" s="1"/>
      <c r="H493" s="1"/>
      <c r="I493" s="1"/>
      <c r="J493" s="1"/>
      <c r="K493" s="1"/>
      <c r="L493" s="1"/>
      <c r="M493" s="1"/>
      <c r="N493" s="1"/>
      <c r="O493" s="1"/>
      <c r="P493" s="1"/>
      <c r="Q493" s="1"/>
      <c r="R493" s="1"/>
      <c r="S493" s="1"/>
      <c r="T493" s="1"/>
      <c r="U493" s="1"/>
      <c r="V493" s="7"/>
    </row>
    <row r="494" spans="2:22" x14ac:dyDescent="0.2">
      <c r="B494" s="1"/>
      <c r="C494" s="1"/>
      <c r="D494" s="1"/>
      <c r="E494" s="1"/>
      <c r="F494" s="1"/>
      <c r="G494" s="1"/>
      <c r="H494" s="1"/>
      <c r="I494" s="1"/>
      <c r="J494" s="1"/>
      <c r="K494" s="1"/>
      <c r="L494" s="1"/>
      <c r="M494" s="1"/>
      <c r="N494" s="1"/>
      <c r="O494" s="1"/>
      <c r="P494" s="1"/>
      <c r="Q494" s="1"/>
      <c r="R494" s="1"/>
      <c r="S494" s="1"/>
      <c r="T494" s="1"/>
      <c r="U494" s="1"/>
      <c r="V494" s="7"/>
    </row>
    <row r="495" spans="2:22" x14ac:dyDescent="0.2">
      <c r="B495" s="1"/>
      <c r="C495" s="1"/>
      <c r="D495" s="1"/>
      <c r="E495" s="1"/>
      <c r="F495" s="1"/>
      <c r="G495" s="1"/>
      <c r="H495" s="1"/>
      <c r="I495" s="1"/>
      <c r="J495" s="1"/>
      <c r="K495" s="1"/>
      <c r="L495" s="1"/>
      <c r="M495" s="1"/>
      <c r="N495" s="1"/>
      <c r="O495" s="1"/>
      <c r="P495" s="1"/>
      <c r="Q495" s="1"/>
      <c r="R495" s="1"/>
      <c r="S495" s="1"/>
      <c r="T495" s="1"/>
      <c r="U495" s="1"/>
      <c r="V495" s="7"/>
    </row>
    <row r="496" spans="2:22" x14ac:dyDescent="0.2">
      <c r="B496" s="1"/>
      <c r="C496" s="1"/>
      <c r="D496" s="1"/>
      <c r="E496" s="1"/>
      <c r="F496" s="1"/>
      <c r="G496" s="1"/>
      <c r="H496" s="1"/>
      <c r="I496" s="1"/>
      <c r="J496" s="1"/>
      <c r="K496" s="1"/>
      <c r="L496" s="1"/>
      <c r="M496" s="1"/>
      <c r="N496" s="1"/>
      <c r="O496" s="1"/>
      <c r="P496" s="1"/>
      <c r="Q496" s="1"/>
      <c r="R496" s="1"/>
      <c r="S496" s="1"/>
      <c r="T496" s="1"/>
      <c r="U496" s="1"/>
      <c r="V496" s="7"/>
    </row>
    <row r="497" spans="2:22" x14ac:dyDescent="0.2">
      <c r="B497" s="1"/>
      <c r="C497" s="1"/>
      <c r="D497" s="1"/>
      <c r="E497" s="1"/>
      <c r="F497" s="1"/>
      <c r="G497" s="1"/>
      <c r="H497" s="1"/>
      <c r="I497" s="1"/>
      <c r="J497" s="1"/>
      <c r="K497" s="1"/>
      <c r="L497" s="1"/>
      <c r="M497" s="1"/>
      <c r="N497" s="1"/>
      <c r="O497" s="1"/>
      <c r="P497" s="1"/>
      <c r="Q497" s="1"/>
      <c r="R497" s="1"/>
      <c r="S497" s="1"/>
      <c r="T497" s="1"/>
      <c r="U497" s="1"/>
      <c r="V497" s="7"/>
    </row>
    <row r="498" spans="2:22" x14ac:dyDescent="0.2">
      <c r="B498" s="1"/>
      <c r="C498" s="1"/>
      <c r="D498" s="1"/>
      <c r="E498" s="1"/>
      <c r="F498" s="1"/>
      <c r="G498" s="1"/>
      <c r="H498" s="1"/>
      <c r="I498" s="1"/>
      <c r="J498" s="1"/>
      <c r="K498" s="1"/>
      <c r="L498" s="1"/>
      <c r="M498" s="1"/>
      <c r="N498" s="1"/>
      <c r="O498" s="1"/>
      <c r="P498" s="1"/>
      <c r="Q498" s="1"/>
      <c r="R498" s="1"/>
      <c r="S498" s="1"/>
      <c r="T498" s="1"/>
      <c r="U498" s="1"/>
      <c r="V498" s="7"/>
    </row>
    <row r="499" spans="2:22" x14ac:dyDescent="0.2">
      <c r="B499" s="1"/>
      <c r="C499" s="1"/>
      <c r="D499" s="1"/>
      <c r="E499" s="1"/>
      <c r="F499" s="1"/>
      <c r="G499" s="1"/>
      <c r="H499" s="1"/>
      <c r="I499" s="1"/>
      <c r="J499" s="1"/>
      <c r="K499" s="1"/>
      <c r="L499" s="1"/>
      <c r="M499" s="1"/>
      <c r="N499" s="1"/>
      <c r="O499" s="1"/>
      <c r="P499" s="1"/>
      <c r="Q499" s="1"/>
      <c r="R499" s="1"/>
      <c r="S499" s="1"/>
      <c r="T499" s="1"/>
      <c r="U499" s="1"/>
      <c r="V499" s="7"/>
    </row>
    <row r="500" spans="2:22" x14ac:dyDescent="0.2">
      <c r="B500" s="1"/>
      <c r="C500" s="1"/>
      <c r="D500" s="1"/>
      <c r="E500" s="1"/>
      <c r="F500" s="1"/>
      <c r="G500" s="1"/>
      <c r="H500" s="1"/>
      <c r="I500" s="1"/>
      <c r="J500" s="1"/>
      <c r="K500" s="1"/>
      <c r="L500" s="1"/>
      <c r="M500" s="1"/>
      <c r="N500" s="1"/>
      <c r="O500" s="1"/>
      <c r="P500" s="1"/>
      <c r="Q500" s="1"/>
      <c r="R500" s="1"/>
      <c r="S500" s="1"/>
      <c r="T500" s="1"/>
      <c r="U500" s="1"/>
      <c r="V500" s="7"/>
    </row>
    <row r="501" spans="2:22" x14ac:dyDescent="0.2">
      <c r="B501" s="1"/>
      <c r="C501" s="1"/>
      <c r="D501" s="1"/>
      <c r="E501" s="1"/>
      <c r="F501" s="1"/>
      <c r="G501" s="1"/>
      <c r="H501" s="1"/>
      <c r="I501" s="1"/>
      <c r="J501" s="1"/>
      <c r="K501" s="1"/>
      <c r="L501" s="1"/>
      <c r="M501" s="1"/>
      <c r="N501" s="1"/>
      <c r="O501" s="1"/>
      <c r="P501" s="1"/>
      <c r="Q501" s="1"/>
      <c r="R501" s="1"/>
      <c r="S501" s="1"/>
      <c r="T501" s="1"/>
      <c r="U501" s="1"/>
      <c r="V501" s="7"/>
    </row>
    <row r="502" spans="2:22" x14ac:dyDescent="0.2">
      <c r="B502" s="1"/>
      <c r="C502" s="1"/>
      <c r="D502" s="1"/>
      <c r="E502" s="1"/>
      <c r="F502" s="1"/>
      <c r="G502" s="1"/>
      <c r="H502" s="1"/>
      <c r="I502" s="1"/>
      <c r="J502" s="1"/>
      <c r="K502" s="1"/>
      <c r="L502" s="1"/>
      <c r="M502" s="1"/>
      <c r="N502" s="1"/>
      <c r="O502" s="1"/>
      <c r="P502" s="1"/>
      <c r="Q502" s="1"/>
      <c r="R502" s="1"/>
      <c r="S502" s="1"/>
      <c r="T502" s="1"/>
      <c r="U502" s="1"/>
      <c r="V502" s="7"/>
    </row>
    <row r="503" spans="2:22" x14ac:dyDescent="0.2">
      <c r="B503" s="1"/>
      <c r="C503" s="1"/>
      <c r="D503" s="1"/>
      <c r="E503" s="1"/>
      <c r="F503" s="1"/>
      <c r="G503" s="1"/>
      <c r="H503" s="1"/>
      <c r="I503" s="1"/>
      <c r="J503" s="1"/>
      <c r="K503" s="1"/>
      <c r="L503" s="1"/>
      <c r="M503" s="1"/>
      <c r="N503" s="1"/>
      <c r="O503" s="1"/>
      <c r="P503" s="1"/>
      <c r="Q503" s="1"/>
      <c r="R503" s="1"/>
      <c r="S503" s="1"/>
      <c r="T503" s="1"/>
      <c r="U503" s="1"/>
      <c r="V503" s="7"/>
    </row>
    <row r="504" spans="2:22" x14ac:dyDescent="0.2">
      <c r="B504" s="1"/>
      <c r="C504" s="1"/>
      <c r="D504" s="1"/>
      <c r="E504" s="1"/>
      <c r="F504" s="1"/>
      <c r="G504" s="1"/>
      <c r="H504" s="1"/>
      <c r="I504" s="1"/>
      <c r="J504" s="1"/>
      <c r="K504" s="1"/>
      <c r="L504" s="1"/>
      <c r="M504" s="1"/>
      <c r="N504" s="1"/>
      <c r="O504" s="1"/>
      <c r="P504" s="1"/>
      <c r="Q504" s="1"/>
      <c r="R504" s="1"/>
      <c r="S504" s="1"/>
      <c r="T504" s="1"/>
      <c r="U504" s="1"/>
      <c r="V504" s="7"/>
    </row>
    <row r="505" spans="2:22" x14ac:dyDescent="0.2">
      <c r="B505" s="1"/>
      <c r="C505" s="1"/>
      <c r="D505" s="1"/>
      <c r="E505" s="1"/>
      <c r="F505" s="1"/>
      <c r="G505" s="1"/>
      <c r="H505" s="1"/>
      <c r="I505" s="1"/>
      <c r="J505" s="1"/>
      <c r="K505" s="1"/>
      <c r="L505" s="1"/>
      <c r="M505" s="1"/>
      <c r="N505" s="1"/>
      <c r="O505" s="1"/>
      <c r="P505" s="1"/>
      <c r="Q505" s="1"/>
      <c r="R505" s="1"/>
      <c r="S505" s="1"/>
      <c r="T505" s="1"/>
      <c r="U505" s="1"/>
      <c r="V505" s="7"/>
    </row>
    <row r="506" spans="2:22" x14ac:dyDescent="0.2">
      <c r="B506" s="1"/>
      <c r="C506" s="1"/>
      <c r="D506" s="1"/>
      <c r="E506" s="1"/>
      <c r="F506" s="1"/>
      <c r="G506" s="1"/>
      <c r="H506" s="1"/>
      <c r="I506" s="1"/>
      <c r="J506" s="1"/>
      <c r="K506" s="1"/>
      <c r="L506" s="1"/>
      <c r="M506" s="1"/>
      <c r="N506" s="1"/>
      <c r="O506" s="1"/>
      <c r="P506" s="1"/>
      <c r="Q506" s="1"/>
      <c r="R506" s="1"/>
      <c r="S506" s="1"/>
      <c r="T506" s="1"/>
      <c r="U506" s="1"/>
      <c r="V506" s="7"/>
    </row>
    <row r="507" spans="2:22" x14ac:dyDescent="0.2">
      <c r="B507" s="1"/>
      <c r="C507" s="1"/>
      <c r="D507" s="1"/>
      <c r="E507" s="1"/>
      <c r="F507" s="1"/>
      <c r="G507" s="1"/>
      <c r="H507" s="1"/>
      <c r="I507" s="1"/>
      <c r="J507" s="1"/>
      <c r="K507" s="1"/>
      <c r="L507" s="1"/>
      <c r="M507" s="1"/>
      <c r="N507" s="1"/>
      <c r="O507" s="1"/>
      <c r="P507" s="1"/>
      <c r="Q507" s="1"/>
      <c r="R507" s="1"/>
      <c r="S507" s="1"/>
      <c r="T507" s="1"/>
      <c r="U507" s="1"/>
      <c r="V507" s="7"/>
    </row>
    <row r="508" spans="2:22" x14ac:dyDescent="0.2">
      <c r="B508" s="1"/>
      <c r="C508" s="1"/>
      <c r="D508" s="1"/>
      <c r="E508" s="1"/>
      <c r="F508" s="1"/>
      <c r="G508" s="1"/>
      <c r="H508" s="1"/>
      <c r="I508" s="1"/>
      <c r="J508" s="1"/>
      <c r="K508" s="1"/>
      <c r="L508" s="1"/>
      <c r="M508" s="1"/>
      <c r="N508" s="1"/>
      <c r="O508" s="1"/>
      <c r="P508" s="1"/>
      <c r="Q508" s="1"/>
      <c r="R508" s="1"/>
      <c r="S508" s="1"/>
      <c r="T508" s="1"/>
      <c r="U508" s="1"/>
      <c r="V508" s="7"/>
    </row>
    <row r="509" spans="2:22" x14ac:dyDescent="0.2">
      <c r="B509" s="1"/>
      <c r="C509" s="1"/>
      <c r="D509" s="1"/>
      <c r="E509" s="1"/>
      <c r="F509" s="1"/>
      <c r="G509" s="1"/>
      <c r="H509" s="1"/>
      <c r="I509" s="1"/>
      <c r="J509" s="1"/>
      <c r="K509" s="1"/>
      <c r="L509" s="1"/>
      <c r="M509" s="1"/>
      <c r="N509" s="1"/>
      <c r="O509" s="1"/>
      <c r="P509" s="1"/>
      <c r="Q509" s="1"/>
      <c r="R509" s="1"/>
      <c r="S509" s="1"/>
      <c r="T509" s="1"/>
      <c r="U509" s="1"/>
      <c r="V509" s="7"/>
    </row>
    <row r="510" spans="2:22" x14ac:dyDescent="0.2">
      <c r="B510" s="1"/>
      <c r="C510" s="1"/>
      <c r="D510" s="1"/>
      <c r="E510" s="1"/>
      <c r="F510" s="1"/>
      <c r="G510" s="1"/>
      <c r="H510" s="1"/>
      <c r="I510" s="1"/>
      <c r="J510" s="1"/>
      <c r="K510" s="1"/>
      <c r="L510" s="1"/>
      <c r="M510" s="1"/>
      <c r="N510" s="1"/>
      <c r="O510" s="1"/>
      <c r="P510" s="1"/>
      <c r="Q510" s="1"/>
      <c r="R510" s="1"/>
      <c r="S510" s="1"/>
      <c r="T510" s="1"/>
      <c r="U510" s="1"/>
      <c r="V510" s="7"/>
    </row>
    <row r="511" spans="2:22" x14ac:dyDescent="0.2">
      <c r="B511" s="1"/>
      <c r="C511" s="1"/>
      <c r="D511" s="1"/>
      <c r="E511" s="1"/>
      <c r="F511" s="1"/>
      <c r="G511" s="1"/>
      <c r="H511" s="1"/>
      <c r="I511" s="1"/>
      <c r="J511" s="1"/>
      <c r="K511" s="1"/>
      <c r="L511" s="1"/>
      <c r="M511" s="1"/>
      <c r="N511" s="1"/>
      <c r="O511" s="1"/>
      <c r="P511" s="1"/>
      <c r="Q511" s="1"/>
      <c r="R511" s="1"/>
      <c r="S511" s="1"/>
      <c r="T511" s="1"/>
      <c r="U511" s="1"/>
      <c r="V511" s="7"/>
    </row>
    <row r="512" spans="2:22" x14ac:dyDescent="0.2">
      <c r="B512" s="1"/>
      <c r="C512" s="1"/>
      <c r="D512" s="1"/>
      <c r="E512" s="1"/>
      <c r="F512" s="1"/>
      <c r="G512" s="1"/>
      <c r="H512" s="1"/>
      <c r="I512" s="1"/>
      <c r="J512" s="1"/>
      <c r="K512" s="1"/>
      <c r="L512" s="1"/>
      <c r="M512" s="1"/>
      <c r="N512" s="1"/>
      <c r="O512" s="1"/>
      <c r="P512" s="1"/>
      <c r="Q512" s="1"/>
      <c r="R512" s="1"/>
      <c r="S512" s="1"/>
      <c r="T512" s="1"/>
      <c r="U512" s="1"/>
      <c r="V512" s="7"/>
    </row>
    <row r="513" spans="2:22" x14ac:dyDescent="0.2">
      <c r="B513" s="1"/>
      <c r="C513" s="1"/>
      <c r="D513" s="1"/>
      <c r="E513" s="1"/>
      <c r="F513" s="1"/>
      <c r="G513" s="1"/>
      <c r="H513" s="1"/>
      <c r="I513" s="1"/>
      <c r="J513" s="1"/>
      <c r="K513" s="1"/>
      <c r="L513" s="1"/>
      <c r="M513" s="1"/>
      <c r="N513" s="1"/>
      <c r="O513" s="1"/>
      <c r="P513" s="1"/>
      <c r="Q513" s="1"/>
      <c r="R513" s="1"/>
      <c r="S513" s="1"/>
      <c r="T513" s="1"/>
      <c r="U513" s="1"/>
      <c r="V513" s="7"/>
    </row>
    <row r="514" spans="2:22" x14ac:dyDescent="0.2">
      <c r="B514" s="1"/>
      <c r="C514" s="1"/>
      <c r="D514" s="1"/>
      <c r="E514" s="1"/>
      <c r="F514" s="1"/>
      <c r="G514" s="1"/>
      <c r="H514" s="1"/>
      <c r="I514" s="1"/>
      <c r="J514" s="1"/>
      <c r="K514" s="1"/>
      <c r="L514" s="1"/>
      <c r="M514" s="1"/>
      <c r="N514" s="1"/>
      <c r="O514" s="1"/>
      <c r="P514" s="1"/>
      <c r="Q514" s="1"/>
      <c r="R514" s="1"/>
      <c r="S514" s="1"/>
      <c r="T514" s="1"/>
      <c r="U514" s="1"/>
      <c r="V514" s="7"/>
    </row>
    <row r="515" spans="2:22" x14ac:dyDescent="0.2">
      <c r="B515" s="1"/>
      <c r="C515" s="1"/>
      <c r="D515" s="1"/>
      <c r="E515" s="1"/>
      <c r="F515" s="1"/>
      <c r="G515" s="1"/>
      <c r="H515" s="1"/>
      <c r="I515" s="1"/>
      <c r="J515" s="1"/>
      <c r="K515" s="1"/>
      <c r="L515" s="1"/>
      <c r="M515" s="1"/>
      <c r="N515" s="1"/>
      <c r="O515" s="1"/>
      <c r="P515" s="1"/>
      <c r="Q515" s="1"/>
      <c r="R515" s="1"/>
      <c r="S515" s="1"/>
      <c r="T515" s="1"/>
      <c r="U515" s="1"/>
      <c r="V515" s="7"/>
    </row>
    <row r="516" spans="2:22" x14ac:dyDescent="0.2">
      <c r="B516" s="1"/>
      <c r="C516" s="1"/>
      <c r="D516" s="1"/>
      <c r="E516" s="1"/>
      <c r="F516" s="1"/>
      <c r="G516" s="1"/>
      <c r="H516" s="1"/>
      <c r="I516" s="1"/>
      <c r="J516" s="1"/>
      <c r="K516" s="1"/>
      <c r="L516" s="1"/>
      <c r="M516" s="1"/>
      <c r="N516" s="1"/>
      <c r="O516" s="1"/>
      <c r="P516" s="1"/>
      <c r="Q516" s="1"/>
      <c r="R516" s="1"/>
      <c r="S516" s="1"/>
      <c r="T516" s="1"/>
      <c r="U516" s="1"/>
      <c r="V516" s="7"/>
    </row>
    <row r="517" spans="2:22" x14ac:dyDescent="0.2">
      <c r="B517" s="1"/>
      <c r="C517" s="1"/>
      <c r="D517" s="1"/>
      <c r="E517" s="1"/>
      <c r="F517" s="1"/>
      <c r="G517" s="1"/>
      <c r="H517" s="1"/>
      <c r="I517" s="1"/>
      <c r="J517" s="1"/>
      <c r="K517" s="1"/>
      <c r="L517" s="1"/>
      <c r="M517" s="1"/>
      <c r="N517" s="1"/>
      <c r="O517" s="1"/>
      <c r="P517" s="1"/>
      <c r="Q517" s="1"/>
      <c r="R517" s="1"/>
      <c r="S517" s="1"/>
      <c r="T517" s="1"/>
      <c r="U517" s="1"/>
      <c r="V517" s="7"/>
    </row>
    <row r="518" spans="2:22" x14ac:dyDescent="0.2">
      <c r="B518" s="1"/>
      <c r="C518" s="1"/>
      <c r="D518" s="1"/>
      <c r="E518" s="1"/>
      <c r="F518" s="1"/>
      <c r="G518" s="1"/>
      <c r="H518" s="1"/>
      <c r="I518" s="1"/>
      <c r="J518" s="1"/>
      <c r="K518" s="1"/>
      <c r="L518" s="1"/>
      <c r="M518" s="1"/>
      <c r="N518" s="1"/>
      <c r="O518" s="1"/>
      <c r="P518" s="1"/>
      <c r="Q518" s="1"/>
      <c r="R518" s="1"/>
      <c r="S518" s="1"/>
      <c r="T518" s="1"/>
      <c r="U518" s="1"/>
      <c r="V518" s="7"/>
    </row>
    <row r="519" spans="2:22" x14ac:dyDescent="0.2">
      <c r="B519" s="1"/>
      <c r="C519" s="1"/>
      <c r="D519" s="1"/>
      <c r="E519" s="1"/>
      <c r="F519" s="1"/>
      <c r="G519" s="1"/>
      <c r="H519" s="1"/>
      <c r="I519" s="1"/>
      <c r="J519" s="1"/>
      <c r="K519" s="1"/>
      <c r="L519" s="1"/>
      <c r="M519" s="1"/>
      <c r="N519" s="1"/>
      <c r="O519" s="1"/>
      <c r="P519" s="1"/>
      <c r="Q519" s="1"/>
      <c r="R519" s="1"/>
      <c r="S519" s="1"/>
      <c r="T519" s="1"/>
      <c r="U519" s="1"/>
      <c r="V519" s="7"/>
    </row>
    <row r="520" spans="2:22" x14ac:dyDescent="0.2">
      <c r="B520" s="1"/>
      <c r="C520" s="1"/>
      <c r="D520" s="1"/>
      <c r="E520" s="1"/>
      <c r="F520" s="1"/>
      <c r="G520" s="1"/>
      <c r="H520" s="1"/>
      <c r="I520" s="1"/>
      <c r="J520" s="1"/>
      <c r="K520" s="1"/>
      <c r="L520" s="1"/>
      <c r="M520" s="1"/>
      <c r="N520" s="1"/>
      <c r="O520" s="1"/>
      <c r="P520" s="1"/>
      <c r="Q520" s="1"/>
      <c r="R520" s="1"/>
      <c r="S520" s="1"/>
      <c r="T520" s="1"/>
      <c r="U520" s="1"/>
      <c r="V520" s="7"/>
    </row>
    <row r="521" spans="2:22" x14ac:dyDescent="0.2">
      <c r="B521" s="1"/>
      <c r="C521" s="1"/>
      <c r="D521" s="1"/>
      <c r="E521" s="1"/>
      <c r="F521" s="1"/>
      <c r="G521" s="1"/>
      <c r="H521" s="1"/>
      <c r="I521" s="1"/>
      <c r="J521" s="1"/>
      <c r="K521" s="1"/>
      <c r="L521" s="1"/>
      <c r="M521" s="1"/>
      <c r="N521" s="1"/>
      <c r="O521" s="1"/>
      <c r="P521" s="1"/>
      <c r="Q521" s="1"/>
      <c r="R521" s="1"/>
      <c r="S521" s="1"/>
      <c r="T521" s="1"/>
      <c r="U521" s="1"/>
      <c r="V521" s="7"/>
    </row>
    <row r="522" spans="2:22" x14ac:dyDescent="0.2">
      <c r="B522" s="1"/>
      <c r="C522" s="1"/>
      <c r="D522" s="1"/>
      <c r="E522" s="1"/>
      <c r="F522" s="1"/>
      <c r="G522" s="1"/>
      <c r="H522" s="1"/>
      <c r="I522" s="1"/>
      <c r="J522" s="1"/>
      <c r="K522" s="1"/>
      <c r="L522" s="1"/>
      <c r="M522" s="1"/>
      <c r="N522" s="1"/>
      <c r="O522" s="1"/>
      <c r="P522" s="1"/>
      <c r="Q522" s="1"/>
      <c r="R522" s="1"/>
      <c r="S522" s="1"/>
      <c r="T522" s="1"/>
      <c r="U522" s="1"/>
      <c r="V522" s="7"/>
    </row>
    <row r="523" spans="2:22" x14ac:dyDescent="0.2">
      <c r="B523" s="1"/>
      <c r="C523" s="1"/>
      <c r="D523" s="1"/>
      <c r="E523" s="1"/>
      <c r="F523" s="1"/>
      <c r="G523" s="1"/>
      <c r="H523" s="1"/>
      <c r="I523" s="1"/>
      <c r="J523" s="1"/>
      <c r="K523" s="1"/>
      <c r="L523" s="1"/>
      <c r="M523" s="1"/>
      <c r="N523" s="1"/>
      <c r="O523" s="1"/>
      <c r="P523" s="1"/>
      <c r="Q523" s="1"/>
      <c r="R523" s="1"/>
      <c r="S523" s="1"/>
      <c r="T523" s="1"/>
      <c r="U523" s="1"/>
      <c r="V523" s="7"/>
    </row>
    <row r="524" spans="2:22" x14ac:dyDescent="0.2">
      <c r="B524" s="1"/>
      <c r="C524" s="1"/>
      <c r="D524" s="1"/>
      <c r="E524" s="1"/>
      <c r="F524" s="1"/>
      <c r="G524" s="1"/>
      <c r="H524" s="1"/>
      <c r="I524" s="1"/>
      <c r="J524" s="1"/>
      <c r="K524" s="1"/>
      <c r="L524" s="1"/>
      <c r="M524" s="1"/>
      <c r="N524" s="1"/>
      <c r="O524" s="1"/>
      <c r="P524" s="1"/>
      <c r="Q524" s="1"/>
      <c r="R524" s="1"/>
      <c r="S524" s="1"/>
      <c r="T524" s="1"/>
      <c r="U524" s="1"/>
      <c r="V524" s="7"/>
    </row>
    <row r="525" spans="2:22" x14ac:dyDescent="0.2">
      <c r="B525" s="1"/>
      <c r="C525" s="1"/>
      <c r="D525" s="1"/>
      <c r="E525" s="1"/>
      <c r="F525" s="1"/>
      <c r="G525" s="1"/>
      <c r="H525" s="1"/>
      <c r="I525" s="1"/>
      <c r="J525" s="1"/>
      <c r="K525" s="1"/>
      <c r="L525" s="1"/>
      <c r="M525" s="1"/>
      <c r="N525" s="1"/>
      <c r="O525" s="1"/>
      <c r="P525" s="1"/>
      <c r="Q525" s="1"/>
      <c r="R525" s="1"/>
      <c r="S525" s="1"/>
      <c r="T525" s="1"/>
      <c r="U525" s="1"/>
      <c r="V525" s="7"/>
    </row>
    <row r="526" spans="2:22" x14ac:dyDescent="0.2">
      <c r="B526" s="1"/>
      <c r="C526" s="1"/>
      <c r="D526" s="1"/>
      <c r="E526" s="1"/>
      <c r="F526" s="1"/>
      <c r="G526" s="1"/>
      <c r="H526" s="1"/>
      <c r="I526" s="1"/>
      <c r="J526" s="1"/>
      <c r="K526" s="1"/>
      <c r="L526" s="1"/>
      <c r="M526" s="1"/>
      <c r="N526" s="1"/>
      <c r="O526" s="1"/>
      <c r="P526" s="1"/>
      <c r="Q526" s="1"/>
      <c r="R526" s="1"/>
      <c r="S526" s="1"/>
      <c r="T526" s="1"/>
      <c r="U526" s="1"/>
      <c r="V526" s="7"/>
    </row>
    <row r="527" spans="2:22" x14ac:dyDescent="0.2">
      <c r="B527" s="1"/>
      <c r="C527" s="1"/>
      <c r="D527" s="1"/>
      <c r="E527" s="1"/>
      <c r="F527" s="1"/>
      <c r="G527" s="1"/>
      <c r="H527" s="1"/>
      <c r="I527" s="1"/>
      <c r="J527" s="1"/>
      <c r="K527" s="1"/>
      <c r="L527" s="1"/>
      <c r="M527" s="1"/>
      <c r="N527" s="1"/>
      <c r="O527" s="1"/>
      <c r="P527" s="1"/>
      <c r="Q527" s="1"/>
      <c r="R527" s="1"/>
      <c r="S527" s="1"/>
      <c r="T527" s="1"/>
      <c r="U527" s="1"/>
      <c r="V527" s="7"/>
    </row>
    <row r="528" spans="2:22" x14ac:dyDescent="0.2">
      <c r="B528" s="1"/>
      <c r="C528" s="1"/>
      <c r="D528" s="1"/>
      <c r="E528" s="1"/>
      <c r="F528" s="1"/>
      <c r="G528" s="1"/>
      <c r="H528" s="1"/>
      <c r="I528" s="1"/>
      <c r="J528" s="1"/>
      <c r="K528" s="1"/>
      <c r="L528" s="1"/>
      <c r="M528" s="1"/>
      <c r="N528" s="1"/>
      <c r="O528" s="1"/>
      <c r="P528" s="1"/>
      <c r="Q528" s="1"/>
      <c r="R528" s="1"/>
      <c r="S528" s="1"/>
      <c r="T528" s="1"/>
      <c r="U528" s="1"/>
      <c r="V528" s="7"/>
    </row>
    <row r="529" spans="2:22" x14ac:dyDescent="0.2">
      <c r="B529" s="1"/>
      <c r="C529" s="1"/>
      <c r="D529" s="1"/>
      <c r="E529" s="1"/>
      <c r="F529" s="1"/>
      <c r="G529" s="1"/>
      <c r="H529" s="1"/>
      <c r="I529" s="1"/>
      <c r="J529" s="1"/>
      <c r="K529" s="1"/>
      <c r="L529" s="1"/>
      <c r="M529" s="1"/>
      <c r="N529" s="1"/>
      <c r="O529" s="1"/>
      <c r="P529" s="1"/>
      <c r="Q529" s="1"/>
      <c r="R529" s="1"/>
      <c r="S529" s="1"/>
      <c r="T529" s="1"/>
      <c r="U529" s="1"/>
      <c r="V529" s="7"/>
    </row>
    <row r="530" spans="2:22" x14ac:dyDescent="0.2">
      <c r="B530" s="1"/>
      <c r="C530" s="1"/>
      <c r="D530" s="1"/>
      <c r="E530" s="1"/>
      <c r="F530" s="1"/>
      <c r="G530" s="1"/>
      <c r="H530" s="1"/>
      <c r="I530" s="1"/>
      <c r="J530" s="1"/>
      <c r="K530" s="1"/>
      <c r="L530" s="1"/>
      <c r="M530" s="1"/>
      <c r="N530" s="1"/>
      <c r="O530" s="1"/>
      <c r="P530" s="1"/>
      <c r="Q530" s="1"/>
      <c r="R530" s="1"/>
      <c r="S530" s="1"/>
      <c r="T530" s="1"/>
      <c r="U530" s="1"/>
      <c r="V530" s="7"/>
    </row>
    <row r="531" spans="2:22" x14ac:dyDescent="0.2">
      <c r="B531" s="1"/>
      <c r="C531" s="1"/>
      <c r="D531" s="1"/>
      <c r="E531" s="1"/>
      <c r="F531" s="1"/>
      <c r="G531" s="1"/>
      <c r="H531" s="1"/>
      <c r="I531" s="1"/>
      <c r="J531" s="1"/>
      <c r="K531" s="1"/>
      <c r="L531" s="1"/>
      <c r="M531" s="1"/>
      <c r="N531" s="1"/>
      <c r="O531" s="1"/>
      <c r="P531" s="1"/>
      <c r="Q531" s="1"/>
      <c r="R531" s="1"/>
      <c r="S531" s="1"/>
      <c r="T531" s="1"/>
      <c r="U531" s="1"/>
      <c r="V531" s="7"/>
    </row>
    <row r="532" spans="2:22" x14ac:dyDescent="0.2">
      <c r="B532" s="1"/>
      <c r="C532" s="1"/>
      <c r="D532" s="1"/>
      <c r="E532" s="1"/>
      <c r="F532" s="1"/>
      <c r="G532" s="1"/>
      <c r="H532" s="1"/>
      <c r="I532" s="1"/>
      <c r="J532" s="1"/>
      <c r="K532" s="1"/>
      <c r="L532" s="1"/>
      <c r="M532" s="1"/>
      <c r="N532" s="1"/>
      <c r="O532" s="1"/>
      <c r="P532" s="1"/>
      <c r="Q532" s="1"/>
      <c r="R532" s="1"/>
      <c r="S532" s="1"/>
      <c r="T532" s="1"/>
      <c r="U532" s="1"/>
      <c r="V532" s="7"/>
    </row>
    <row r="533" spans="2:22" x14ac:dyDescent="0.2">
      <c r="B533" s="1"/>
      <c r="C533" s="1"/>
      <c r="D533" s="1"/>
      <c r="E533" s="1"/>
      <c r="F533" s="1"/>
      <c r="G533" s="1"/>
      <c r="H533" s="1"/>
      <c r="I533" s="1"/>
      <c r="J533" s="1"/>
      <c r="K533" s="1"/>
      <c r="L533" s="1"/>
      <c r="M533" s="1"/>
      <c r="N533" s="1"/>
      <c r="O533" s="1"/>
      <c r="P533" s="1"/>
      <c r="Q533" s="1"/>
      <c r="R533" s="1"/>
      <c r="S533" s="1"/>
      <c r="T533" s="1"/>
      <c r="U533" s="1"/>
      <c r="V533" s="7"/>
    </row>
    <row r="534" spans="2:22" x14ac:dyDescent="0.2">
      <c r="B534" s="1"/>
      <c r="C534" s="1"/>
      <c r="D534" s="1"/>
      <c r="E534" s="1"/>
      <c r="F534" s="1"/>
      <c r="G534" s="1"/>
      <c r="H534" s="1"/>
      <c r="I534" s="1"/>
      <c r="J534" s="1"/>
      <c r="K534" s="1"/>
      <c r="L534" s="1"/>
      <c r="M534" s="1"/>
      <c r="N534" s="1"/>
      <c r="O534" s="1"/>
      <c r="P534" s="1"/>
      <c r="Q534" s="1"/>
      <c r="R534" s="1"/>
      <c r="S534" s="1"/>
      <c r="T534" s="1"/>
      <c r="U534" s="1"/>
      <c r="V534" s="7"/>
    </row>
    <row r="535" spans="2:22" x14ac:dyDescent="0.2">
      <c r="B535" s="1"/>
      <c r="C535" s="1"/>
      <c r="D535" s="1"/>
      <c r="E535" s="1"/>
      <c r="F535" s="1"/>
      <c r="G535" s="1"/>
      <c r="H535" s="1"/>
      <c r="I535" s="1"/>
      <c r="J535" s="1"/>
      <c r="K535" s="1"/>
      <c r="L535" s="1"/>
      <c r="M535" s="1"/>
      <c r="N535" s="1"/>
      <c r="O535" s="1"/>
      <c r="P535" s="1"/>
      <c r="Q535" s="1"/>
      <c r="R535" s="1"/>
      <c r="S535" s="1"/>
      <c r="T535" s="1"/>
      <c r="U535" s="1"/>
      <c r="V535" s="7"/>
    </row>
    <row r="536" spans="2:22" x14ac:dyDescent="0.2">
      <c r="B536" s="1"/>
      <c r="C536" s="1"/>
      <c r="D536" s="1"/>
      <c r="E536" s="1"/>
      <c r="F536" s="1"/>
      <c r="G536" s="1"/>
      <c r="H536" s="1"/>
      <c r="I536" s="1"/>
      <c r="J536" s="1"/>
      <c r="K536" s="1"/>
      <c r="L536" s="1"/>
      <c r="M536" s="1"/>
      <c r="N536" s="1"/>
      <c r="O536" s="1"/>
      <c r="P536" s="1"/>
      <c r="Q536" s="1"/>
      <c r="R536" s="1"/>
      <c r="S536" s="1"/>
      <c r="T536" s="1"/>
      <c r="U536" s="1"/>
      <c r="V536" s="7"/>
    </row>
    <row r="537" spans="2:22" x14ac:dyDescent="0.2">
      <c r="B537" s="1"/>
      <c r="C537" s="1"/>
      <c r="D537" s="1"/>
      <c r="E537" s="1"/>
      <c r="F537" s="1"/>
      <c r="G537" s="1"/>
      <c r="H537" s="1"/>
      <c r="I537" s="1"/>
      <c r="J537" s="1"/>
      <c r="K537" s="1"/>
      <c r="L537" s="1"/>
      <c r="M537" s="1"/>
      <c r="N537" s="1"/>
      <c r="O537" s="1"/>
      <c r="P537" s="1"/>
      <c r="Q537" s="1"/>
      <c r="R537" s="1"/>
      <c r="S537" s="1"/>
      <c r="T537" s="1"/>
      <c r="U537" s="1"/>
      <c r="V537" s="7"/>
    </row>
    <row r="538" spans="2:22" x14ac:dyDescent="0.2">
      <c r="B538" s="1"/>
      <c r="C538" s="1"/>
      <c r="D538" s="1"/>
      <c r="E538" s="1"/>
      <c r="F538" s="1"/>
      <c r="G538" s="1"/>
      <c r="H538" s="1"/>
      <c r="I538" s="1"/>
      <c r="J538" s="1"/>
      <c r="K538" s="1"/>
      <c r="L538" s="1"/>
      <c r="M538" s="1"/>
      <c r="N538" s="1"/>
      <c r="O538" s="1"/>
      <c r="P538" s="1"/>
      <c r="Q538" s="1"/>
      <c r="R538" s="1"/>
      <c r="S538" s="1"/>
      <c r="T538" s="1"/>
      <c r="U538" s="1"/>
      <c r="V538" s="7"/>
    </row>
    <row r="539" spans="2:22" x14ac:dyDescent="0.2">
      <c r="B539" s="1"/>
      <c r="C539" s="1"/>
      <c r="D539" s="1"/>
      <c r="E539" s="1"/>
      <c r="F539" s="1"/>
      <c r="G539" s="1"/>
      <c r="H539" s="1"/>
      <c r="I539" s="1"/>
      <c r="J539" s="1"/>
      <c r="K539" s="1"/>
      <c r="L539" s="1"/>
      <c r="M539" s="1"/>
      <c r="N539" s="1"/>
      <c r="O539" s="1"/>
      <c r="P539" s="1"/>
      <c r="Q539" s="1"/>
      <c r="R539" s="1"/>
      <c r="S539" s="1"/>
      <c r="T539" s="1"/>
      <c r="U539" s="1"/>
      <c r="V539" s="7"/>
    </row>
    <row r="540" spans="2:22" x14ac:dyDescent="0.2">
      <c r="B540" s="1"/>
      <c r="C540" s="1"/>
      <c r="D540" s="1"/>
      <c r="E540" s="1"/>
      <c r="F540" s="1"/>
      <c r="G540" s="1"/>
      <c r="H540" s="1"/>
      <c r="I540" s="1"/>
      <c r="J540" s="1"/>
      <c r="K540" s="1"/>
      <c r="L540" s="1"/>
      <c r="M540" s="1"/>
      <c r="N540" s="1"/>
      <c r="O540" s="1"/>
      <c r="P540" s="1"/>
      <c r="Q540" s="1"/>
      <c r="R540" s="1"/>
      <c r="S540" s="1"/>
      <c r="T540" s="1"/>
      <c r="U540" s="1"/>
      <c r="V540" s="7"/>
    </row>
    <row r="541" spans="2:22" x14ac:dyDescent="0.2">
      <c r="B541" s="1"/>
      <c r="C541" s="1"/>
      <c r="D541" s="1"/>
      <c r="E541" s="1"/>
      <c r="F541" s="1"/>
      <c r="G541" s="1"/>
      <c r="H541" s="1"/>
      <c r="I541" s="1"/>
      <c r="J541" s="1"/>
      <c r="K541" s="1"/>
      <c r="L541" s="1"/>
      <c r="M541" s="1"/>
      <c r="N541" s="1"/>
      <c r="O541" s="1"/>
      <c r="P541" s="1"/>
      <c r="Q541" s="1"/>
      <c r="R541" s="1"/>
      <c r="S541" s="1"/>
      <c r="T541" s="1"/>
      <c r="U541" s="1"/>
      <c r="V541" s="7"/>
    </row>
    <row r="542" spans="2:22" x14ac:dyDescent="0.2">
      <c r="B542" s="1"/>
      <c r="C542" s="1"/>
      <c r="D542" s="1"/>
      <c r="E542" s="1"/>
      <c r="F542" s="1"/>
      <c r="G542" s="1"/>
      <c r="H542" s="1"/>
      <c r="I542" s="1"/>
      <c r="J542" s="1"/>
      <c r="K542" s="1"/>
      <c r="L542" s="1"/>
      <c r="M542" s="1"/>
      <c r="N542" s="1"/>
      <c r="O542" s="1"/>
      <c r="P542" s="1"/>
      <c r="Q542" s="1"/>
      <c r="R542" s="1"/>
      <c r="S542" s="1"/>
      <c r="T542" s="1"/>
      <c r="U542" s="1"/>
      <c r="V542" s="7"/>
    </row>
    <row r="543" spans="2:22" x14ac:dyDescent="0.2">
      <c r="B543" s="22"/>
      <c r="U543" s="22"/>
      <c r="V543" s="7"/>
    </row>
    <row r="544" spans="2:22" x14ac:dyDescent="0.2">
      <c r="B544" s="22"/>
      <c r="U544" s="22"/>
      <c r="V544" s="7"/>
    </row>
    <row r="545" spans="2:22" x14ac:dyDescent="0.2">
      <c r="B545" s="22"/>
      <c r="U545" s="22"/>
      <c r="V545" s="7"/>
    </row>
    <row r="546" spans="2:22" x14ac:dyDescent="0.2">
      <c r="B546" s="22"/>
      <c r="U546" s="22"/>
      <c r="V546" s="7"/>
    </row>
    <row r="547" spans="2:22" x14ac:dyDescent="0.2">
      <c r="B547" s="22"/>
      <c r="U547" s="22"/>
      <c r="V547" s="7"/>
    </row>
    <row r="548" spans="2:22" x14ac:dyDescent="0.2">
      <c r="B548" s="22"/>
      <c r="U548" s="22"/>
      <c r="V548" s="7"/>
    </row>
    <row r="549" spans="2:22" x14ac:dyDescent="0.2">
      <c r="B549" s="22"/>
      <c r="U549" s="22"/>
      <c r="V549" s="7"/>
    </row>
    <row r="550" spans="2:22" x14ac:dyDescent="0.2">
      <c r="B550" s="22"/>
      <c r="U550" s="22"/>
      <c r="V550" s="7"/>
    </row>
    <row r="551" spans="2:22" x14ac:dyDescent="0.2">
      <c r="B551" s="22"/>
      <c r="U551" s="22"/>
      <c r="V551" s="7"/>
    </row>
    <row r="552" spans="2:22" x14ac:dyDescent="0.2">
      <c r="B552" s="22"/>
      <c r="U552" s="22"/>
      <c r="V552" s="7"/>
    </row>
    <row r="553" spans="2:22" x14ac:dyDescent="0.2">
      <c r="B553" s="22"/>
      <c r="U553" s="22"/>
      <c r="V553" s="7"/>
    </row>
    <row r="554" spans="2:22" x14ac:dyDescent="0.2">
      <c r="B554" s="22"/>
      <c r="U554" s="22"/>
      <c r="V554" s="7"/>
    </row>
    <row r="555" spans="2:22" x14ac:dyDescent="0.2">
      <c r="B555" s="22"/>
      <c r="U555" s="22"/>
      <c r="V555" s="7"/>
    </row>
    <row r="556" spans="2:22" x14ac:dyDescent="0.2">
      <c r="B556" s="22"/>
      <c r="U556" s="22"/>
      <c r="V556" s="7"/>
    </row>
    <row r="557" spans="2:22" x14ac:dyDescent="0.2">
      <c r="B557" s="22"/>
      <c r="U557" s="22"/>
      <c r="V557" s="7"/>
    </row>
    <row r="558" spans="2:22" x14ac:dyDescent="0.2">
      <c r="B558" s="22"/>
      <c r="U558" s="22"/>
      <c r="V558" s="7"/>
    </row>
    <row r="559" spans="2:22" x14ac:dyDescent="0.2">
      <c r="B559" s="22"/>
      <c r="U559" s="22"/>
      <c r="V559" s="7"/>
    </row>
    <row r="560" spans="2:22" x14ac:dyDescent="0.2">
      <c r="B560" s="22"/>
      <c r="U560" s="22"/>
      <c r="V560" s="7"/>
    </row>
    <row r="561" spans="2:22" x14ac:dyDescent="0.2">
      <c r="B561" s="22"/>
      <c r="U561" s="22"/>
      <c r="V561" s="7"/>
    </row>
    <row r="562" spans="2:22" x14ac:dyDescent="0.2">
      <c r="B562" s="22"/>
      <c r="U562" s="22"/>
      <c r="V562" s="7"/>
    </row>
    <row r="563" spans="2:22" x14ac:dyDescent="0.2">
      <c r="B563" s="22"/>
      <c r="U563" s="22"/>
      <c r="V563" s="7"/>
    </row>
    <row r="564" spans="2:22" x14ac:dyDescent="0.2">
      <c r="B564" s="22"/>
      <c r="U564" s="22"/>
      <c r="V564" s="7"/>
    </row>
    <row r="565" spans="2:22" x14ac:dyDescent="0.2">
      <c r="B565" s="22"/>
      <c r="U565" s="22"/>
      <c r="V565" s="7"/>
    </row>
    <row r="566" spans="2:22" x14ac:dyDescent="0.2">
      <c r="B566" s="22"/>
      <c r="U566" s="22"/>
      <c r="V566" s="7"/>
    </row>
    <row r="567" spans="2:22" x14ac:dyDescent="0.2">
      <c r="B567" s="22"/>
      <c r="U567" s="22"/>
      <c r="V567" s="7"/>
    </row>
    <row r="568" spans="2:22" x14ac:dyDescent="0.2">
      <c r="B568" s="22"/>
      <c r="U568" s="22"/>
      <c r="V568" s="7"/>
    </row>
    <row r="569" spans="2:22" x14ac:dyDescent="0.2">
      <c r="B569" s="22"/>
      <c r="U569" s="22"/>
      <c r="V569" s="7"/>
    </row>
    <row r="570" spans="2:22" x14ac:dyDescent="0.2">
      <c r="B570" s="22"/>
      <c r="U570" s="22"/>
      <c r="V570" s="7"/>
    </row>
    <row r="571" spans="2:22" x14ac:dyDescent="0.2">
      <c r="B571" s="22"/>
      <c r="U571" s="22"/>
      <c r="V571" s="7"/>
    </row>
    <row r="572" spans="2:22" x14ac:dyDescent="0.2">
      <c r="B572" s="22"/>
      <c r="U572" s="22"/>
      <c r="V572" s="7"/>
    </row>
    <row r="573" spans="2:22" x14ac:dyDescent="0.2">
      <c r="B573" s="22"/>
      <c r="U573" s="22"/>
      <c r="V573" s="7"/>
    </row>
    <row r="574" spans="2:22" x14ac:dyDescent="0.2">
      <c r="B574" s="22"/>
      <c r="U574" s="22"/>
      <c r="V574" s="7"/>
    </row>
    <row r="575" spans="2:22" x14ac:dyDescent="0.2">
      <c r="B575" s="22"/>
      <c r="U575" s="22"/>
      <c r="V575" s="7"/>
    </row>
    <row r="576" spans="2:22" x14ac:dyDescent="0.2">
      <c r="B576" s="22"/>
      <c r="U576" s="22"/>
      <c r="V576" s="7"/>
    </row>
    <row r="577" spans="2:22" x14ac:dyDescent="0.2">
      <c r="B577" s="22"/>
      <c r="U577" s="22"/>
      <c r="V577" s="7"/>
    </row>
    <row r="578" spans="2:22" x14ac:dyDescent="0.2">
      <c r="B578" s="22"/>
      <c r="U578" s="22"/>
      <c r="V578" s="7"/>
    </row>
    <row r="579" spans="2:22" x14ac:dyDescent="0.2">
      <c r="B579" s="22"/>
      <c r="U579" s="22"/>
      <c r="V579" s="7"/>
    </row>
    <row r="580" spans="2:22" x14ac:dyDescent="0.2">
      <c r="B580" s="22"/>
      <c r="U580" s="22"/>
      <c r="V580" s="7"/>
    </row>
    <row r="581" spans="2:22" x14ac:dyDescent="0.2">
      <c r="B581" s="22"/>
      <c r="U581" s="22"/>
      <c r="V581" s="7"/>
    </row>
    <row r="582" spans="2:22" x14ac:dyDescent="0.2">
      <c r="B582" s="22"/>
      <c r="U582" s="22"/>
      <c r="V582" s="7"/>
    </row>
    <row r="583" spans="2:22" x14ac:dyDescent="0.2">
      <c r="B583" s="22"/>
      <c r="U583" s="22"/>
      <c r="V583" s="7"/>
    </row>
    <row r="584" spans="2:22" x14ac:dyDescent="0.2">
      <c r="B584" s="22"/>
      <c r="U584" s="22"/>
      <c r="V584" s="7"/>
    </row>
    <row r="585" spans="2:22" x14ac:dyDescent="0.2">
      <c r="B585" s="22"/>
      <c r="U585" s="22"/>
      <c r="V585" s="7"/>
    </row>
    <row r="586" spans="2:22" x14ac:dyDescent="0.2">
      <c r="B586" s="22"/>
      <c r="U586" s="22"/>
      <c r="V586" s="7"/>
    </row>
    <row r="587" spans="2:22" x14ac:dyDescent="0.2">
      <c r="B587" s="22"/>
      <c r="U587" s="22"/>
      <c r="V587" s="7"/>
    </row>
    <row r="588" spans="2:22" x14ac:dyDescent="0.2">
      <c r="B588" s="22"/>
      <c r="U588" s="22"/>
      <c r="V588" s="7"/>
    </row>
    <row r="589" spans="2:22" x14ac:dyDescent="0.2">
      <c r="B589" s="22"/>
      <c r="U589" s="22"/>
      <c r="V589" s="7"/>
    </row>
    <row r="590" spans="2:22" x14ac:dyDescent="0.2">
      <c r="B590" s="22"/>
      <c r="U590" s="22"/>
      <c r="V590" s="7"/>
    </row>
    <row r="591" spans="2:22" x14ac:dyDescent="0.2">
      <c r="B591" s="22"/>
      <c r="U591" s="22"/>
      <c r="V591" s="7"/>
    </row>
    <row r="592" spans="2:22" x14ac:dyDescent="0.2">
      <c r="B592" s="22"/>
      <c r="U592" s="22"/>
      <c r="V592" s="7"/>
    </row>
    <row r="593" spans="2:22" x14ac:dyDescent="0.2">
      <c r="B593" s="22"/>
      <c r="U593" s="22"/>
      <c r="V593" s="7"/>
    </row>
    <row r="594" spans="2:22" x14ac:dyDescent="0.2">
      <c r="B594" s="22"/>
      <c r="U594" s="22"/>
      <c r="V594" s="7"/>
    </row>
    <row r="595" spans="2:22" x14ac:dyDescent="0.2">
      <c r="B595" s="22"/>
      <c r="U595" s="22"/>
      <c r="V595" s="7"/>
    </row>
    <row r="596" spans="2:22" x14ac:dyDescent="0.2">
      <c r="B596" s="22"/>
      <c r="U596" s="22"/>
      <c r="V596" s="7"/>
    </row>
    <row r="597" spans="2:22" x14ac:dyDescent="0.2">
      <c r="B597" s="22"/>
      <c r="U597" s="22"/>
      <c r="V597" s="7"/>
    </row>
    <row r="598" spans="2:22" x14ac:dyDescent="0.2">
      <c r="B598" s="22"/>
      <c r="U598" s="22"/>
      <c r="V598" s="7"/>
    </row>
    <row r="599" spans="2:22" x14ac:dyDescent="0.2">
      <c r="B599" s="22"/>
      <c r="U599" s="22"/>
      <c r="V599" s="7"/>
    </row>
    <row r="600" spans="2:22" x14ac:dyDescent="0.2">
      <c r="B600" s="22"/>
      <c r="U600" s="22"/>
      <c r="V600" s="7"/>
    </row>
    <row r="601" spans="2:22" x14ac:dyDescent="0.2">
      <c r="B601" s="22"/>
      <c r="U601" s="22"/>
      <c r="V601" s="7"/>
    </row>
    <row r="602" spans="2:22" x14ac:dyDescent="0.2">
      <c r="B602" s="22"/>
      <c r="U602" s="22"/>
      <c r="V602" s="7"/>
    </row>
    <row r="603" spans="2:22" x14ac:dyDescent="0.2">
      <c r="B603" s="22"/>
      <c r="U603" s="22"/>
      <c r="V603" s="7"/>
    </row>
    <row r="604" spans="2:22" x14ac:dyDescent="0.2">
      <c r="B604" s="22"/>
      <c r="U604" s="22"/>
      <c r="V604" s="7"/>
    </row>
    <row r="605" spans="2:22" x14ac:dyDescent="0.2">
      <c r="B605" s="22"/>
      <c r="U605" s="22"/>
      <c r="V605" s="7"/>
    </row>
    <row r="606" spans="2:22" x14ac:dyDescent="0.2">
      <c r="B606" s="22"/>
      <c r="U606" s="22"/>
      <c r="V606" s="7"/>
    </row>
    <row r="607" spans="2:22" x14ac:dyDescent="0.2">
      <c r="B607" s="22"/>
      <c r="U607" s="22"/>
      <c r="V607" s="7"/>
    </row>
    <row r="608" spans="2:22" x14ac:dyDescent="0.2">
      <c r="B608" s="22"/>
      <c r="U608" s="22"/>
      <c r="V608" s="7"/>
    </row>
    <row r="609" spans="2:22" x14ac:dyDescent="0.2">
      <c r="B609" s="22"/>
      <c r="U609" s="22"/>
      <c r="V609" s="7"/>
    </row>
    <row r="610" spans="2:22" x14ac:dyDescent="0.2">
      <c r="B610" s="22"/>
      <c r="U610" s="22"/>
      <c r="V610" s="7"/>
    </row>
    <row r="611" spans="2:22" x14ac:dyDescent="0.2">
      <c r="B611" s="22"/>
      <c r="U611" s="22"/>
      <c r="V611" s="7"/>
    </row>
    <row r="612" spans="2:22" x14ac:dyDescent="0.2">
      <c r="B612" s="22"/>
      <c r="U612" s="22"/>
      <c r="V612" s="7"/>
    </row>
    <row r="613" spans="2:22" x14ac:dyDescent="0.2">
      <c r="B613" s="22"/>
      <c r="U613" s="22"/>
      <c r="V613" s="7"/>
    </row>
    <row r="614" spans="2:22" x14ac:dyDescent="0.2">
      <c r="B614" s="22"/>
      <c r="U614" s="22"/>
      <c r="V614" s="7"/>
    </row>
    <row r="615" spans="2:22" x14ac:dyDescent="0.2">
      <c r="B615" s="22"/>
      <c r="U615" s="22"/>
      <c r="V615" s="7"/>
    </row>
    <row r="616" spans="2:22" x14ac:dyDescent="0.2">
      <c r="B616" s="22"/>
      <c r="U616" s="22"/>
      <c r="V616" s="7"/>
    </row>
    <row r="617" spans="2:22" x14ac:dyDescent="0.2">
      <c r="B617" s="22"/>
      <c r="U617" s="22"/>
      <c r="V617" s="7"/>
    </row>
    <row r="618" spans="2:22" x14ac:dyDescent="0.2">
      <c r="B618" s="22"/>
      <c r="U618" s="22"/>
      <c r="V618" s="7"/>
    </row>
    <row r="619" spans="2:22" x14ac:dyDescent="0.2">
      <c r="B619" s="22"/>
      <c r="U619" s="22"/>
      <c r="V619" s="7"/>
    </row>
    <row r="620" spans="2:22" x14ac:dyDescent="0.2">
      <c r="B620" s="22"/>
      <c r="U620" s="22"/>
      <c r="V620" s="7"/>
    </row>
    <row r="621" spans="2:22" x14ac:dyDescent="0.2">
      <c r="B621" s="22"/>
      <c r="U621" s="22"/>
      <c r="V621" s="7"/>
    </row>
    <row r="622" spans="2:22" x14ac:dyDescent="0.2">
      <c r="B622" s="22"/>
      <c r="U622" s="22"/>
      <c r="V622" s="7"/>
    </row>
    <row r="623" spans="2:22" x14ac:dyDescent="0.2">
      <c r="B623" s="22"/>
      <c r="U623" s="22"/>
      <c r="V623" s="7"/>
    </row>
    <row r="624" spans="2:22" x14ac:dyDescent="0.2">
      <c r="B624" s="22"/>
      <c r="U624" s="22"/>
      <c r="V624" s="7"/>
    </row>
    <row r="625" spans="2:22" x14ac:dyDescent="0.2">
      <c r="B625" s="22"/>
      <c r="U625" s="22"/>
      <c r="V625" s="7"/>
    </row>
    <row r="626" spans="2:22" x14ac:dyDescent="0.2">
      <c r="B626" s="22"/>
      <c r="U626" s="22"/>
      <c r="V626" s="7"/>
    </row>
    <row r="627" spans="2:22" x14ac:dyDescent="0.2">
      <c r="B627" s="22"/>
      <c r="U627" s="22"/>
      <c r="V627" s="7"/>
    </row>
    <row r="628" spans="2:22" x14ac:dyDescent="0.2">
      <c r="B628" s="22"/>
      <c r="U628" s="22"/>
      <c r="V628" s="7"/>
    </row>
    <row r="629" spans="2:22" x14ac:dyDescent="0.2">
      <c r="B629" s="22"/>
      <c r="U629" s="22"/>
      <c r="V629" s="7"/>
    </row>
    <row r="630" spans="2:22" x14ac:dyDescent="0.2">
      <c r="B630" s="22"/>
      <c r="U630" s="22"/>
      <c r="V630" s="7"/>
    </row>
    <row r="631" spans="2:22" x14ac:dyDescent="0.2">
      <c r="B631" s="22"/>
      <c r="U631" s="22"/>
      <c r="V631" s="7"/>
    </row>
    <row r="632" spans="2:22" x14ac:dyDescent="0.2">
      <c r="B632" s="22"/>
      <c r="U632" s="22"/>
      <c r="V632" s="7"/>
    </row>
    <row r="633" spans="2:22" x14ac:dyDescent="0.2">
      <c r="B633" s="22"/>
      <c r="U633" s="22"/>
      <c r="V633" s="7"/>
    </row>
    <row r="634" spans="2:22" x14ac:dyDescent="0.2">
      <c r="B634" s="22"/>
      <c r="U634" s="22"/>
      <c r="V634" s="7"/>
    </row>
    <row r="635" spans="2:22" x14ac:dyDescent="0.2">
      <c r="B635" s="22"/>
      <c r="U635" s="22"/>
      <c r="V635" s="7"/>
    </row>
    <row r="636" spans="2:22" x14ac:dyDescent="0.2">
      <c r="B636" s="22"/>
      <c r="U636" s="22"/>
      <c r="V636" s="7"/>
    </row>
    <row r="637" spans="2:22" x14ac:dyDescent="0.2">
      <c r="B637" s="22"/>
      <c r="U637" s="22"/>
      <c r="V637" s="7"/>
    </row>
    <row r="638" spans="2:22" x14ac:dyDescent="0.2">
      <c r="B638" s="22"/>
      <c r="U638" s="22"/>
      <c r="V638" s="7"/>
    </row>
    <row r="639" spans="2:22" x14ac:dyDescent="0.2">
      <c r="B639" s="22"/>
      <c r="U639" s="22"/>
      <c r="V639" s="7"/>
    </row>
    <row r="640" spans="2:22" x14ac:dyDescent="0.2">
      <c r="B640" s="22"/>
      <c r="U640" s="22"/>
      <c r="V640" s="7"/>
    </row>
    <row r="641" spans="2:22" x14ac:dyDescent="0.2">
      <c r="B641" s="22"/>
      <c r="U641" s="22"/>
      <c r="V641" s="7"/>
    </row>
    <row r="642" spans="2:22" x14ac:dyDescent="0.2">
      <c r="B642" s="22"/>
      <c r="U642" s="22"/>
      <c r="V642" s="7"/>
    </row>
    <row r="643" spans="2:22" x14ac:dyDescent="0.2">
      <c r="B643" s="22"/>
      <c r="U643" s="22"/>
      <c r="V643" s="7"/>
    </row>
    <row r="644" spans="2:22" x14ac:dyDescent="0.2">
      <c r="B644" s="22"/>
      <c r="U644" s="22"/>
      <c r="V644" s="7"/>
    </row>
    <row r="645" spans="2:22" x14ac:dyDescent="0.2">
      <c r="B645" s="22"/>
      <c r="U645" s="22"/>
      <c r="V645" s="7"/>
    </row>
    <row r="646" spans="2:22" x14ac:dyDescent="0.2">
      <c r="B646" s="22"/>
      <c r="U646" s="22"/>
      <c r="V646" s="7"/>
    </row>
    <row r="647" spans="2:22" x14ac:dyDescent="0.2">
      <c r="B647" s="22"/>
      <c r="U647" s="22"/>
      <c r="V647" s="7"/>
    </row>
    <row r="648" spans="2:22" x14ac:dyDescent="0.2">
      <c r="B648" s="22"/>
      <c r="U648" s="22"/>
      <c r="V648" s="7"/>
    </row>
    <row r="649" spans="2:22" x14ac:dyDescent="0.2">
      <c r="B649" s="22"/>
      <c r="U649" s="22"/>
      <c r="V649" s="7"/>
    </row>
    <row r="650" spans="2:22" x14ac:dyDescent="0.2">
      <c r="B650" s="22"/>
      <c r="U650" s="22"/>
      <c r="V650" s="7"/>
    </row>
    <row r="651" spans="2:22" x14ac:dyDescent="0.2">
      <c r="B651" s="22"/>
      <c r="U651" s="22"/>
      <c r="V651" s="7"/>
    </row>
    <row r="652" spans="2:22" x14ac:dyDescent="0.2">
      <c r="B652" s="22"/>
      <c r="U652" s="22"/>
      <c r="V652" s="7"/>
    </row>
    <row r="653" spans="2:22" x14ac:dyDescent="0.2">
      <c r="B653" s="22"/>
      <c r="U653" s="22"/>
      <c r="V653" s="7"/>
    </row>
    <row r="654" spans="2:22" x14ac:dyDescent="0.2">
      <c r="B654" s="22"/>
      <c r="U654" s="22"/>
      <c r="V654" s="7"/>
    </row>
    <row r="655" spans="2:22" x14ac:dyDescent="0.2">
      <c r="B655" s="22"/>
      <c r="U655" s="22"/>
      <c r="V655" s="7"/>
    </row>
    <row r="656" spans="2:22" x14ac:dyDescent="0.2">
      <c r="B656" s="22"/>
      <c r="U656" s="22"/>
      <c r="V656" s="7"/>
    </row>
    <row r="657" spans="2:22" x14ac:dyDescent="0.2">
      <c r="B657" s="22"/>
      <c r="U657" s="22"/>
      <c r="V657" s="7"/>
    </row>
    <row r="658" spans="2:22" x14ac:dyDescent="0.2">
      <c r="B658" s="22"/>
      <c r="U658" s="22"/>
      <c r="V658" s="7"/>
    </row>
    <row r="659" spans="2:22" x14ac:dyDescent="0.2">
      <c r="B659" s="22"/>
      <c r="U659" s="22"/>
      <c r="V659" s="7"/>
    </row>
    <row r="660" spans="2:22" x14ac:dyDescent="0.2">
      <c r="B660" s="22"/>
      <c r="U660" s="22"/>
      <c r="V660" s="7"/>
    </row>
    <row r="661" spans="2:22" x14ac:dyDescent="0.2">
      <c r="B661" s="22"/>
      <c r="U661" s="22"/>
      <c r="V661" s="7"/>
    </row>
    <row r="662" spans="2:22" x14ac:dyDescent="0.2">
      <c r="B662" s="22"/>
      <c r="U662" s="22"/>
      <c r="V662" s="7"/>
    </row>
    <row r="663" spans="2:22" x14ac:dyDescent="0.2">
      <c r="B663" s="22"/>
      <c r="U663" s="22"/>
      <c r="V663" s="7"/>
    </row>
    <row r="664" spans="2:22" x14ac:dyDescent="0.2">
      <c r="B664" s="22"/>
      <c r="U664" s="22"/>
      <c r="V664" s="7"/>
    </row>
    <row r="665" spans="2:22" x14ac:dyDescent="0.2">
      <c r="B665" s="22"/>
      <c r="U665" s="22"/>
      <c r="V665" s="7"/>
    </row>
    <row r="666" spans="2:22" x14ac:dyDescent="0.2">
      <c r="B666" s="22"/>
      <c r="U666" s="22"/>
      <c r="V666" s="7"/>
    </row>
    <row r="667" spans="2:22" x14ac:dyDescent="0.2">
      <c r="B667" s="22"/>
      <c r="U667" s="22"/>
      <c r="V667" s="7"/>
    </row>
    <row r="668" spans="2:22" x14ac:dyDescent="0.2">
      <c r="B668" s="22"/>
      <c r="U668" s="22"/>
      <c r="V668" s="7"/>
    </row>
    <row r="669" spans="2:22" x14ac:dyDescent="0.2">
      <c r="B669" s="22"/>
      <c r="U669" s="22"/>
      <c r="V669" s="7"/>
    </row>
    <row r="670" spans="2:22" x14ac:dyDescent="0.2">
      <c r="B670" s="22"/>
      <c r="U670" s="22"/>
      <c r="V670" s="7"/>
    </row>
    <row r="671" spans="2:22" x14ac:dyDescent="0.2">
      <c r="B671" s="22"/>
      <c r="U671" s="22"/>
      <c r="V671" s="7"/>
    </row>
    <row r="672" spans="2:22" x14ac:dyDescent="0.2">
      <c r="B672" s="22"/>
      <c r="U672" s="22"/>
      <c r="V672" s="7"/>
    </row>
    <row r="673" spans="2:22" x14ac:dyDescent="0.2">
      <c r="B673" s="22"/>
      <c r="U673" s="22"/>
      <c r="V673" s="7"/>
    </row>
    <row r="674" spans="2:22" x14ac:dyDescent="0.2">
      <c r="B674" s="22"/>
      <c r="U674" s="22"/>
      <c r="V674" s="7"/>
    </row>
    <row r="675" spans="2:22" x14ac:dyDescent="0.2">
      <c r="B675" s="22"/>
      <c r="U675" s="22"/>
      <c r="V675" s="7"/>
    </row>
    <row r="676" spans="2:22" x14ac:dyDescent="0.2">
      <c r="B676" s="22"/>
      <c r="U676" s="22"/>
      <c r="V676" s="7"/>
    </row>
    <row r="677" spans="2:22" x14ac:dyDescent="0.2">
      <c r="B677" s="22"/>
      <c r="U677" s="22"/>
      <c r="V677" s="7"/>
    </row>
    <row r="678" spans="2:22" x14ac:dyDescent="0.2">
      <c r="B678" s="22"/>
      <c r="U678" s="22"/>
      <c r="V678" s="7"/>
    </row>
    <row r="679" spans="2:22" x14ac:dyDescent="0.2">
      <c r="B679" s="22"/>
      <c r="U679" s="22"/>
      <c r="V679" s="7"/>
    </row>
    <row r="680" spans="2:22" x14ac:dyDescent="0.2">
      <c r="B680" s="22"/>
      <c r="U680" s="22"/>
      <c r="V680" s="7"/>
    </row>
    <row r="681" spans="2:22" x14ac:dyDescent="0.2">
      <c r="B681" s="22"/>
      <c r="U681" s="22"/>
      <c r="V681" s="7"/>
    </row>
    <row r="682" spans="2:22" x14ac:dyDescent="0.2">
      <c r="B682" s="22"/>
      <c r="U682" s="22"/>
      <c r="V682" s="7"/>
    </row>
    <row r="683" spans="2:22" x14ac:dyDescent="0.2">
      <c r="B683" s="22"/>
      <c r="U683" s="22"/>
      <c r="V683" s="7"/>
    </row>
    <row r="684" spans="2:22" x14ac:dyDescent="0.2">
      <c r="B684" s="22"/>
      <c r="U684" s="22"/>
      <c r="V684" s="7"/>
    </row>
    <row r="685" spans="2:22" x14ac:dyDescent="0.2">
      <c r="B685" s="22"/>
      <c r="U685" s="22"/>
      <c r="V685" s="7"/>
    </row>
    <row r="686" spans="2:22" x14ac:dyDescent="0.2">
      <c r="V686" s="7"/>
    </row>
    <row r="687" spans="2:22" x14ac:dyDescent="0.2">
      <c r="V687" s="7"/>
    </row>
    <row r="688" spans="2:22" x14ac:dyDescent="0.2">
      <c r="V688" s="7"/>
    </row>
    <row r="689" spans="22:22" x14ac:dyDescent="0.2">
      <c r="V689" s="7"/>
    </row>
  </sheetData>
  <sheetProtection algorithmName="SHA-512" hashValue="ZLKTm5ijd2nPGto/JR210oqCGgzaX0tb+Xe66BfTAFz4cdgjaX3FoAcEoNe6u75Mp2pSE0iaooPF8Vjp3bI0lA==" saltValue="dRPg9hP2AuF8+IfYHvV4Vg==" spinCount="100000" sheet="1" objects="1" scenarios="1" selectLockedCells="1" autoFilter="0"/>
  <customSheetViews>
    <customSheetView guid="{67FFD9AE-B4FE-4D55-B0D5-8B269AAA467F}" showGridLines="0">
      <pageMargins left="0.33" right="0.37" top="0.6" bottom="1" header="0.5" footer="0.5"/>
      <pageSetup paperSize="9" scale="93" orientation="portrait" r:id="rId1"/>
      <headerFooter alignWithMargins="0"/>
    </customSheetView>
  </customSheetViews>
  <mergeCells count="25">
    <mergeCell ref="B56:AI56"/>
    <mergeCell ref="BA20:BG20"/>
    <mergeCell ref="AL11:AR11"/>
    <mergeCell ref="AL13:AR13"/>
    <mergeCell ref="AL15:AR15"/>
    <mergeCell ref="C21:P21"/>
    <mergeCell ref="D16:Q16"/>
    <mergeCell ref="W16:AF16"/>
    <mergeCell ref="B18:AI18"/>
    <mergeCell ref="B27:AI27"/>
    <mergeCell ref="D35:W35"/>
    <mergeCell ref="D37:W37"/>
    <mergeCell ref="D43:W43"/>
    <mergeCell ref="D45:W45"/>
    <mergeCell ref="AL9:AR9"/>
    <mergeCell ref="D10:AF10"/>
    <mergeCell ref="D12:AF12"/>
    <mergeCell ref="D14:AF14"/>
    <mergeCell ref="B33:AI33"/>
    <mergeCell ref="B2:AI2"/>
    <mergeCell ref="D6:AF6"/>
    <mergeCell ref="D8:AF8"/>
    <mergeCell ref="C23:P23"/>
    <mergeCell ref="U25:Z25"/>
    <mergeCell ref="B4:AI4"/>
  </mergeCells>
  <phoneticPr fontId="1" type="noConversion"/>
  <pageMargins left="0.7" right="0.7" top="0.75" bottom="0.75" header="0.3" footer="0.3"/>
  <pageSetup paperSize="9" scale="74" orientation="portrait" r:id="rId2"/>
  <headerFooter alignWithMargins="0">
    <oddFooter>&amp;L&amp;1#&amp;"Calibri"&amp;10&amp;K000000Classification: Private</oddFooter>
  </headerFooter>
  <drawing r:id="rId3"/>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300-000000000000}">
  <sheetPr codeName="Sheet14">
    <pageSetUpPr fitToPage="1"/>
  </sheetPr>
  <dimension ref="A1:BR643"/>
  <sheetViews>
    <sheetView showGridLines="0" zoomScale="90" zoomScaleNormal="90" workbookViewId="0"/>
  </sheetViews>
  <sheetFormatPr defaultRowHeight="12.75" x14ac:dyDescent="0.2"/>
  <cols>
    <col min="1" max="1" width="1.5703125" style="7" customWidth="1"/>
    <col min="2" max="2" width="3.5703125" style="122" customWidth="1"/>
    <col min="3" max="3" width="16.28515625" style="22" customWidth="1"/>
    <col min="4" max="11" width="2.5703125" style="22" customWidth="1"/>
    <col min="12" max="12" width="2.5703125" style="123" customWidth="1"/>
    <col min="13" max="21" width="2.5703125" style="7" customWidth="1"/>
    <col min="22" max="22" width="2.5703125" style="147" customWidth="1"/>
    <col min="23" max="33" width="2.5703125" style="7" customWidth="1"/>
    <col min="34" max="34" width="3.140625" style="7" customWidth="1"/>
    <col min="35" max="35" width="2.5703125" style="7" customWidth="1"/>
    <col min="36" max="36" width="8.7109375" style="113"/>
    <col min="37" max="243" width="8.7109375" style="7"/>
    <col min="244" max="244" width="1.5703125" style="7" customWidth="1"/>
    <col min="245" max="245" width="2.42578125" style="7" customWidth="1"/>
    <col min="246" max="246" width="14.28515625" style="7" customWidth="1"/>
    <col min="247" max="247" width="14" style="7" customWidth="1"/>
    <col min="248" max="248" width="8.5703125" style="7" customWidth="1"/>
    <col min="249" max="250" width="8.7109375" style="7"/>
    <col min="251" max="251" width="7.85546875" style="7" customWidth="1"/>
    <col min="252" max="254" width="8.7109375" style="7"/>
    <col min="255" max="255" width="11.28515625" style="7" customWidth="1"/>
    <col min="256" max="499" width="8.7109375" style="7"/>
    <col min="500" max="500" width="1.5703125" style="7" customWidth="1"/>
    <col min="501" max="501" width="2.42578125" style="7" customWidth="1"/>
    <col min="502" max="502" width="14.28515625" style="7" customWidth="1"/>
    <col min="503" max="503" width="14" style="7" customWidth="1"/>
    <col min="504" max="504" width="8.5703125" style="7" customWidth="1"/>
    <col min="505" max="506" width="8.7109375" style="7"/>
    <col min="507" max="507" width="7.85546875" style="7" customWidth="1"/>
    <col min="508" max="510" width="8.7109375" style="7"/>
    <col min="511" max="511" width="11.28515625" style="7" customWidth="1"/>
    <col min="512" max="755" width="8.7109375" style="7"/>
    <col min="756" max="756" width="1.5703125" style="7" customWidth="1"/>
    <col min="757" max="757" width="2.42578125" style="7" customWidth="1"/>
    <col min="758" max="758" width="14.28515625" style="7" customWidth="1"/>
    <col min="759" max="759" width="14" style="7" customWidth="1"/>
    <col min="760" max="760" width="8.5703125" style="7" customWidth="1"/>
    <col min="761" max="762" width="8.7109375" style="7"/>
    <col min="763" max="763" width="7.85546875" style="7" customWidth="1"/>
    <col min="764" max="766" width="8.7109375" style="7"/>
    <col min="767" max="767" width="11.28515625" style="7" customWidth="1"/>
    <col min="768" max="1011" width="8.7109375" style="7"/>
    <col min="1012" max="1012" width="1.5703125" style="7" customWidth="1"/>
    <col min="1013" max="1013" width="2.42578125" style="7" customWidth="1"/>
    <col min="1014" max="1014" width="14.28515625" style="7" customWidth="1"/>
    <col min="1015" max="1015" width="14" style="7" customWidth="1"/>
    <col min="1016" max="1016" width="8.5703125" style="7" customWidth="1"/>
    <col min="1017" max="1018" width="8.7109375" style="7"/>
    <col min="1019" max="1019" width="7.85546875" style="7" customWidth="1"/>
    <col min="1020" max="1022" width="8.7109375" style="7"/>
    <col min="1023" max="1023" width="11.28515625" style="7" customWidth="1"/>
    <col min="1024" max="1267" width="8.7109375" style="7"/>
    <col min="1268" max="1268" width="1.5703125" style="7" customWidth="1"/>
    <col min="1269" max="1269" width="2.42578125" style="7" customWidth="1"/>
    <col min="1270" max="1270" width="14.28515625" style="7" customWidth="1"/>
    <col min="1271" max="1271" width="14" style="7" customWidth="1"/>
    <col min="1272" max="1272" width="8.5703125" style="7" customWidth="1"/>
    <col min="1273" max="1274" width="8.7109375" style="7"/>
    <col min="1275" max="1275" width="7.85546875" style="7" customWidth="1"/>
    <col min="1276" max="1278" width="8.7109375" style="7"/>
    <col min="1279" max="1279" width="11.28515625" style="7" customWidth="1"/>
    <col min="1280" max="1523" width="8.7109375" style="7"/>
    <col min="1524" max="1524" width="1.5703125" style="7" customWidth="1"/>
    <col min="1525" max="1525" width="2.42578125" style="7" customWidth="1"/>
    <col min="1526" max="1526" width="14.28515625" style="7" customWidth="1"/>
    <col min="1527" max="1527" width="14" style="7" customWidth="1"/>
    <col min="1528" max="1528" width="8.5703125" style="7" customWidth="1"/>
    <col min="1529" max="1530" width="8.7109375" style="7"/>
    <col min="1531" max="1531" width="7.85546875" style="7" customWidth="1"/>
    <col min="1532" max="1534" width="8.7109375" style="7"/>
    <col min="1535" max="1535" width="11.28515625" style="7" customWidth="1"/>
    <col min="1536" max="1779" width="8.7109375" style="7"/>
    <col min="1780" max="1780" width="1.5703125" style="7" customWidth="1"/>
    <col min="1781" max="1781" width="2.42578125" style="7" customWidth="1"/>
    <col min="1782" max="1782" width="14.28515625" style="7" customWidth="1"/>
    <col min="1783" max="1783" width="14" style="7" customWidth="1"/>
    <col min="1784" max="1784" width="8.5703125" style="7" customWidth="1"/>
    <col min="1785" max="1786" width="8.7109375" style="7"/>
    <col min="1787" max="1787" width="7.85546875" style="7" customWidth="1"/>
    <col min="1788" max="1790" width="8.7109375" style="7"/>
    <col min="1791" max="1791" width="11.28515625" style="7" customWidth="1"/>
    <col min="1792" max="2035" width="8.7109375" style="7"/>
    <col min="2036" max="2036" width="1.5703125" style="7" customWidth="1"/>
    <col min="2037" max="2037" width="2.42578125" style="7" customWidth="1"/>
    <col min="2038" max="2038" width="14.28515625" style="7" customWidth="1"/>
    <col min="2039" max="2039" width="14" style="7" customWidth="1"/>
    <col min="2040" max="2040" width="8.5703125" style="7" customWidth="1"/>
    <col min="2041" max="2042" width="8.7109375" style="7"/>
    <col min="2043" max="2043" width="7.85546875" style="7" customWidth="1"/>
    <col min="2044" max="2046" width="8.7109375" style="7"/>
    <col min="2047" max="2047" width="11.28515625" style="7" customWidth="1"/>
    <col min="2048" max="2291" width="8.7109375" style="7"/>
    <col min="2292" max="2292" width="1.5703125" style="7" customWidth="1"/>
    <col min="2293" max="2293" width="2.42578125" style="7" customWidth="1"/>
    <col min="2294" max="2294" width="14.28515625" style="7" customWidth="1"/>
    <col min="2295" max="2295" width="14" style="7" customWidth="1"/>
    <col min="2296" max="2296" width="8.5703125" style="7" customWidth="1"/>
    <col min="2297" max="2298" width="8.7109375" style="7"/>
    <col min="2299" max="2299" width="7.85546875" style="7" customWidth="1"/>
    <col min="2300" max="2302" width="8.7109375" style="7"/>
    <col min="2303" max="2303" width="11.28515625" style="7" customWidth="1"/>
    <col min="2304" max="2547" width="8.7109375" style="7"/>
    <col min="2548" max="2548" width="1.5703125" style="7" customWidth="1"/>
    <col min="2549" max="2549" width="2.42578125" style="7" customWidth="1"/>
    <col min="2550" max="2550" width="14.28515625" style="7" customWidth="1"/>
    <col min="2551" max="2551" width="14" style="7" customWidth="1"/>
    <col min="2552" max="2552" width="8.5703125" style="7" customWidth="1"/>
    <col min="2553" max="2554" width="8.7109375" style="7"/>
    <col min="2555" max="2555" width="7.85546875" style="7" customWidth="1"/>
    <col min="2556" max="2558" width="8.7109375" style="7"/>
    <col min="2559" max="2559" width="11.28515625" style="7" customWidth="1"/>
    <col min="2560" max="2803" width="8.7109375" style="7"/>
    <col min="2804" max="2804" width="1.5703125" style="7" customWidth="1"/>
    <col min="2805" max="2805" width="2.42578125" style="7" customWidth="1"/>
    <col min="2806" max="2806" width="14.28515625" style="7" customWidth="1"/>
    <col min="2807" max="2807" width="14" style="7" customWidth="1"/>
    <col min="2808" max="2808" width="8.5703125" style="7" customWidth="1"/>
    <col min="2809" max="2810" width="8.7109375" style="7"/>
    <col min="2811" max="2811" width="7.85546875" style="7" customWidth="1"/>
    <col min="2812" max="2814" width="8.7109375" style="7"/>
    <col min="2815" max="2815" width="11.28515625" style="7" customWidth="1"/>
    <col min="2816" max="3059" width="8.7109375" style="7"/>
    <col min="3060" max="3060" width="1.5703125" style="7" customWidth="1"/>
    <col min="3061" max="3061" width="2.42578125" style="7" customWidth="1"/>
    <col min="3062" max="3062" width="14.28515625" style="7" customWidth="1"/>
    <col min="3063" max="3063" width="14" style="7" customWidth="1"/>
    <col min="3064" max="3064" width="8.5703125" style="7" customWidth="1"/>
    <col min="3065" max="3066" width="8.7109375" style="7"/>
    <col min="3067" max="3067" width="7.85546875" style="7" customWidth="1"/>
    <col min="3068" max="3070" width="8.7109375" style="7"/>
    <col min="3071" max="3071" width="11.28515625" style="7" customWidth="1"/>
    <col min="3072" max="3315" width="8.7109375" style="7"/>
    <col min="3316" max="3316" width="1.5703125" style="7" customWidth="1"/>
    <col min="3317" max="3317" width="2.42578125" style="7" customWidth="1"/>
    <col min="3318" max="3318" width="14.28515625" style="7" customWidth="1"/>
    <col min="3319" max="3319" width="14" style="7" customWidth="1"/>
    <col min="3320" max="3320" width="8.5703125" style="7" customWidth="1"/>
    <col min="3321" max="3322" width="8.7109375" style="7"/>
    <col min="3323" max="3323" width="7.85546875" style="7" customWidth="1"/>
    <col min="3324" max="3326" width="8.7109375" style="7"/>
    <col min="3327" max="3327" width="11.28515625" style="7" customWidth="1"/>
    <col min="3328" max="3571" width="8.7109375" style="7"/>
    <col min="3572" max="3572" width="1.5703125" style="7" customWidth="1"/>
    <col min="3573" max="3573" width="2.42578125" style="7" customWidth="1"/>
    <col min="3574" max="3574" width="14.28515625" style="7" customWidth="1"/>
    <col min="3575" max="3575" width="14" style="7" customWidth="1"/>
    <col min="3576" max="3576" width="8.5703125" style="7" customWidth="1"/>
    <col min="3577" max="3578" width="8.7109375" style="7"/>
    <col min="3579" max="3579" width="7.85546875" style="7" customWidth="1"/>
    <col min="3580" max="3582" width="8.7109375" style="7"/>
    <col min="3583" max="3583" width="11.28515625" style="7" customWidth="1"/>
    <col min="3584" max="3827" width="8.7109375" style="7"/>
    <col min="3828" max="3828" width="1.5703125" style="7" customWidth="1"/>
    <col min="3829" max="3829" width="2.42578125" style="7" customWidth="1"/>
    <col min="3830" max="3830" width="14.28515625" style="7" customWidth="1"/>
    <col min="3831" max="3831" width="14" style="7" customWidth="1"/>
    <col min="3832" max="3832" width="8.5703125" style="7" customWidth="1"/>
    <col min="3833" max="3834" width="8.7109375" style="7"/>
    <col min="3835" max="3835" width="7.85546875" style="7" customWidth="1"/>
    <col min="3836" max="3838" width="8.7109375" style="7"/>
    <col min="3839" max="3839" width="11.28515625" style="7" customWidth="1"/>
    <col min="3840" max="4083" width="8.7109375" style="7"/>
    <col min="4084" max="4084" width="1.5703125" style="7" customWidth="1"/>
    <col min="4085" max="4085" width="2.42578125" style="7" customWidth="1"/>
    <col min="4086" max="4086" width="14.28515625" style="7" customWidth="1"/>
    <col min="4087" max="4087" width="14" style="7" customWidth="1"/>
    <col min="4088" max="4088" width="8.5703125" style="7" customWidth="1"/>
    <col min="4089" max="4090" width="8.7109375" style="7"/>
    <col min="4091" max="4091" width="7.85546875" style="7" customWidth="1"/>
    <col min="4092" max="4094" width="8.7109375" style="7"/>
    <col min="4095" max="4095" width="11.28515625" style="7" customWidth="1"/>
    <col min="4096" max="4339" width="8.7109375" style="7"/>
    <col min="4340" max="4340" width="1.5703125" style="7" customWidth="1"/>
    <col min="4341" max="4341" width="2.42578125" style="7" customWidth="1"/>
    <col min="4342" max="4342" width="14.28515625" style="7" customWidth="1"/>
    <col min="4343" max="4343" width="14" style="7" customWidth="1"/>
    <col min="4344" max="4344" width="8.5703125" style="7" customWidth="1"/>
    <col min="4345" max="4346" width="8.7109375" style="7"/>
    <col min="4347" max="4347" width="7.85546875" style="7" customWidth="1"/>
    <col min="4348" max="4350" width="8.7109375" style="7"/>
    <col min="4351" max="4351" width="11.28515625" style="7" customWidth="1"/>
    <col min="4352" max="4595" width="8.7109375" style="7"/>
    <col min="4596" max="4596" width="1.5703125" style="7" customWidth="1"/>
    <col min="4597" max="4597" width="2.42578125" style="7" customWidth="1"/>
    <col min="4598" max="4598" width="14.28515625" style="7" customWidth="1"/>
    <col min="4599" max="4599" width="14" style="7" customWidth="1"/>
    <col min="4600" max="4600" width="8.5703125" style="7" customWidth="1"/>
    <col min="4601" max="4602" width="8.7109375" style="7"/>
    <col min="4603" max="4603" width="7.85546875" style="7" customWidth="1"/>
    <col min="4604" max="4606" width="8.7109375" style="7"/>
    <col min="4607" max="4607" width="11.28515625" style="7" customWidth="1"/>
    <col min="4608" max="4851" width="8.7109375" style="7"/>
    <col min="4852" max="4852" width="1.5703125" style="7" customWidth="1"/>
    <col min="4853" max="4853" width="2.42578125" style="7" customWidth="1"/>
    <col min="4854" max="4854" width="14.28515625" style="7" customWidth="1"/>
    <col min="4855" max="4855" width="14" style="7" customWidth="1"/>
    <col min="4856" max="4856" width="8.5703125" style="7" customWidth="1"/>
    <col min="4857" max="4858" width="8.7109375" style="7"/>
    <col min="4859" max="4859" width="7.85546875" style="7" customWidth="1"/>
    <col min="4860" max="4862" width="8.7109375" style="7"/>
    <col min="4863" max="4863" width="11.28515625" style="7" customWidth="1"/>
    <col min="4864" max="5107" width="8.7109375" style="7"/>
    <col min="5108" max="5108" width="1.5703125" style="7" customWidth="1"/>
    <col min="5109" max="5109" width="2.42578125" style="7" customWidth="1"/>
    <col min="5110" max="5110" width="14.28515625" style="7" customWidth="1"/>
    <col min="5111" max="5111" width="14" style="7" customWidth="1"/>
    <col min="5112" max="5112" width="8.5703125" style="7" customWidth="1"/>
    <col min="5113" max="5114" width="8.7109375" style="7"/>
    <col min="5115" max="5115" width="7.85546875" style="7" customWidth="1"/>
    <col min="5116" max="5118" width="8.7109375" style="7"/>
    <col min="5119" max="5119" width="11.28515625" style="7" customWidth="1"/>
    <col min="5120" max="5363" width="8.7109375" style="7"/>
    <col min="5364" max="5364" width="1.5703125" style="7" customWidth="1"/>
    <col min="5365" max="5365" width="2.42578125" style="7" customWidth="1"/>
    <col min="5366" max="5366" width="14.28515625" style="7" customWidth="1"/>
    <col min="5367" max="5367" width="14" style="7" customWidth="1"/>
    <col min="5368" max="5368" width="8.5703125" style="7" customWidth="1"/>
    <col min="5369" max="5370" width="8.7109375" style="7"/>
    <col min="5371" max="5371" width="7.85546875" style="7" customWidth="1"/>
    <col min="5372" max="5374" width="8.7109375" style="7"/>
    <col min="5375" max="5375" width="11.28515625" style="7" customWidth="1"/>
    <col min="5376" max="5619" width="8.7109375" style="7"/>
    <col min="5620" max="5620" width="1.5703125" style="7" customWidth="1"/>
    <col min="5621" max="5621" width="2.42578125" style="7" customWidth="1"/>
    <col min="5622" max="5622" width="14.28515625" style="7" customWidth="1"/>
    <col min="5623" max="5623" width="14" style="7" customWidth="1"/>
    <col min="5624" max="5624" width="8.5703125" style="7" customWidth="1"/>
    <col min="5625" max="5626" width="8.7109375" style="7"/>
    <col min="5627" max="5627" width="7.85546875" style="7" customWidth="1"/>
    <col min="5628" max="5630" width="8.7109375" style="7"/>
    <col min="5631" max="5631" width="11.28515625" style="7" customWidth="1"/>
    <col min="5632" max="5875" width="8.7109375" style="7"/>
    <col min="5876" max="5876" width="1.5703125" style="7" customWidth="1"/>
    <col min="5877" max="5877" width="2.42578125" style="7" customWidth="1"/>
    <col min="5878" max="5878" width="14.28515625" style="7" customWidth="1"/>
    <col min="5879" max="5879" width="14" style="7" customWidth="1"/>
    <col min="5880" max="5880" width="8.5703125" style="7" customWidth="1"/>
    <col min="5881" max="5882" width="8.7109375" style="7"/>
    <col min="5883" max="5883" width="7.85546875" style="7" customWidth="1"/>
    <col min="5884" max="5886" width="8.7109375" style="7"/>
    <col min="5887" max="5887" width="11.28515625" style="7" customWidth="1"/>
    <col min="5888" max="6131" width="8.7109375" style="7"/>
    <col min="6132" max="6132" width="1.5703125" style="7" customWidth="1"/>
    <col min="6133" max="6133" width="2.42578125" style="7" customWidth="1"/>
    <col min="6134" max="6134" width="14.28515625" style="7" customWidth="1"/>
    <col min="6135" max="6135" width="14" style="7" customWidth="1"/>
    <col min="6136" max="6136" width="8.5703125" style="7" customWidth="1"/>
    <col min="6137" max="6138" width="8.7109375" style="7"/>
    <col min="6139" max="6139" width="7.85546875" style="7" customWidth="1"/>
    <col min="6140" max="6142" width="8.7109375" style="7"/>
    <col min="6143" max="6143" width="11.28515625" style="7" customWidth="1"/>
    <col min="6144" max="6387" width="8.7109375" style="7"/>
    <col min="6388" max="6388" width="1.5703125" style="7" customWidth="1"/>
    <col min="6389" max="6389" width="2.42578125" style="7" customWidth="1"/>
    <col min="6390" max="6390" width="14.28515625" style="7" customWidth="1"/>
    <col min="6391" max="6391" width="14" style="7" customWidth="1"/>
    <col min="6392" max="6392" width="8.5703125" style="7" customWidth="1"/>
    <col min="6393" max="6394" width="8.7109375" style="7"/>
    <col min="6395" max="6395" width="7.85546875" style="7" customWidth="1"/>
    <col min="6396" max="6398" width="8.7109375" style="7"/>
    <col min="6399" max="6399" width="11.28515625" style="7" customWidth="1"/>
    <col min="6400" max="6643" width="8.7109375" style="7"/>
    <col min="6644" max="6644" width="1.5703125" style="7" customWidth="1"/>
    <col min="6645" max="6645" width="2.42578125" style="7" customWidth="1"/>
    <col min="6646" max="6646" width="14.28515625" style="7" customWidth="1"/>
    <col min="6647" max="6647" width="14" style="7" customWidth="1"/>
    <col min="6648" max="6648" width="8.5703125" style="7" customWidth="1"/>
    <col min="6649" max="6650" width="8.7109375" style="7"/>
    <col min="6651" max="6651" width="7.85546875" style="7" customWidth="1"/>
    <col min="6652" max="6654" width="8.7109375" style="7"/>
    <col min="6655" max="6655" width="11.28515625" style="7" customWidth="1"/>
    <col min="6656" max="6899" width="8.7109375" style="7"/>
    <col min="6900" max="6900" width="1.5703125" style="7" customWidth="1"/>
    <col min="6901" max="6901" width="2.42578125" style="7" customWidth="1"/>
    <col min="6902" max="6902" width="14.28515625" style="7" customWidth="1"/>
    <col min="6903" max="6903" width="14" style="7" customWidth="1"/>
    <col min="6904" max="6904" width="8.5703125" style="7" customWidth="1"/>
    <col min="6905" max="6906" width="8.7109375" style="7"/>
    <col min="6907" max="6907" width="7.85546875" style="7" customWidth="1"/>
    <col min="6908" max="6910" width="8.7109375" style="7"/>
    <col min="6911" max="6911" width="11.28515625" style="7" customWidth="1"/>
    <col min="6912" max="7155" width="8.7109375" style="7"/>
    <col min="7156" max="7156" width="1.5703125" style="7" customWidth="1"/>
    <col min="7157" max="7157" width="2.42578125" style="7" customWidth="1"/>
    <col min="7158" max="7158" width="14.28515625" style="7" customWidth="1"/>
    <col min="7159" max="7159" width="14" style="7" customWidth="1"/>
    <col min="7160" max="7160" width="8.5703125" style="7" customWidth="1"/>
    <col min="7161" max="7162" width="8.7109375" style="7"/>
    <col min="7163" max="7163" width="7.85546875" style="7" customWidth="1"/>
    <col min="7164" max="7166" width="8.7109375" style="7"/>
    <col min="7167" max="7167" width="11.28515625" style="7" customWidth="1"/>
    <col min="7168" max="7411" width="8.7109375" style="7"/>
    <col min="7412" max="7412" width="1.5703125" style="7" customWidth="1"/>
    <col min="7413" max="7413" width="2.42578125" style="7" customWidth="1"/>
    <col min="7414" max="7414" width="14.28515625" style="7" customWidth="1"/>
    <col min="7415" max="7415" width="14" style="7" customWidth="1"/>
    <col min="7416" max="7416" width="8.5703125" style="7" customWidth="1"/>
    <col min="7417" max="7418" width="8.7109375" style="7"/>
    <col min="7419" max="7419" width="7.85546875" style="7" customWidth="1"/>
    <col min="7420" max="7422" width="8.7109375" style="7"/>
    <col min="7423" max="7423" width="11.28515625" style="7" customWidth="1"/>
    <col min="7424" max="7667" width="8.7109375" style="7"/>
    <col min="7668" max="7668" width="1.5703125" style="7" customWidth="1"/>
    <col min="7669" max="7669" width="2.42578125" style="7" customWidth="1"/>
    <col min="7670" max="7670" width="14.28515625" style="7" customWidth="1"/>
    <col min="7671" max="7671" width="14" style="7" customWidth="1"/>
    <col min="7672" max="7672" width="8.5703125" style="7" customWidth="1"/>
    <col min="7673" max="7674" width="8.7109375" style="7"/>
    <col min="7675" max="7675" width="7.85546875" style="7" customWidth="1"/>
    <col min="7676" max="7678" width="8.7109375" style="7"/>
    <col min="7679" max="7679" width="11.28515625" style="7" customWidth="1"/>
    <col min="7680" max="7923" width="8.7109375" style="7"/>
    <col min="7924" max="7924" width="1.5703125" style="7" customWidth="1"/>
    <col min="7925" max="7925" width="2.42578125" style="7" customWidth="1"/>
    <col min="7926" max="7926" width="14.28515625" style="7" customWidth="1"/>
    <col min="7927" max="7927" width="14" style="7" customWidth="1"/>
    <col min="7928" max="7928" width="8.5703125" style="7" customWidth="1"/>
    <col min="7929" max="7930" width="8.7109375" style="7"/>
    <col min="7931" max="7931" width="7.85546875" style="7" customWidth="1"/>
    <col min="7932" max="7934" width="8.7109375" style="7"/>
    <col min="7935" max="7935" width="11.28515625" style="7" customWidth="1"/>
    <col min="7936" max="8179" width="8.7109375" style="7"/>
    <col min="8180" max="8180" width="1.5703125" style="7" customWidth="1"/>
    <col min="8181" max="8181" width="2.42578125" style="7" customWidth="1"/>
    <col min="8182" max="8182" width="14.28515625" style="7" customWidth="1"/>
    <col min="8183" max="8183" width="14" style="7" customWidth="1"/>
    <col min="8184" max="8184" width="8.5703125" style="7" customWidth="1"/>
    <col min="8185" max="8186" width="8.7109375" style="7"/>
    <col min="8187" max="8187" width="7.85546875" style="7" customWidth="1"/>
    <col min="8188" max="8190" width="8.7109375" style="7"/>
    <col min="8191" max="8191" width="11.28515625" style="7" customWidth="1"/>
    <col min="8192" max="8435" width="8.7109375" style="7"/>
    <col min="8436" max="8436" width="1.5703125" style="7" customWidth="1"/>
    <col min="8437" max="8437" width="2.42578125" style="7" customWidth="1"/>
    <col min="8438" max="8438" width="14.28515625" style="7" customWidth="1"/>
    <col min="8439" max="8439" width="14" style="7" customWidth="1"/>
    <col min="8440" max="8440" width="8.5703125" style="7" customWidth="1"/>
    <col min="8441" max="8442" width="8.7109375" style="7"/>
    <col min="8443" max="8443" width="7.85546875" style="7" customWidth="1"/>
    <col min="8444" max="8446" width="8.7109375" style="7"/>
    <col min="8447" max="8447" width="11.28515625" style="7" customWidth="1"/>
    <col min="8448" max="8691" width="8.7109375" style="7"/>
    <col min="8692" max="8692" width="1.5703125" style="7" customWidth="1"/>
    <col min="8693" max="8693" width="2.42578125" style="7" customWidth="1"/>
    <col min="8694" max="8694" width="14.28515625" style="7" customWidth="1"/>
    <col min="8695" max="8695" width="14" style="7" customWidth="1"/>
    <col min="8696" max="8696" width="8.5703125" style="7" customWidth="1"/>
    <col min="8697" max="8698" width="8.7109375" style="7"/>
    <col min="8699" max="8699" width="7.85546875" style="7" customWidth="1"/>
    <col min="8700" max="8702" width="8.7109375" style="7"/>
    <col min="8703" max="8703" width="11.28515625" style="7" customWidth="1"/>
    <col min="8704" max="8947" width="8.7109375" style="7"/>
    <col min="8948" max="8948" width="1.5703125" style="7" customWidth="1"/>
    <col min="8949" max="8949" width="2.42578125" style="7" customWidth="1"/>
    <col min="8950" max="8950" width="14.28515625" style="7" customWidth="1"/>
    <col min="8951" max="8951" width="14" style="7" customWidth="1"/>
    <col min="8952" max="8952" width="8.5703125" style="7" customWidth="1"/>
    <col min="8953" max="8954" width="8.7109375" style="7"/>
    <col min="8955" max="8955" width="7.85546875" style="7" customWidth="1"/>
    <col min="8956" max="8958" width="8.7109375" style="7"/>
    <col min="8959" max="8959" width="11.28515625" style="7" customWidth="1"/>
    <col min="8960" max="9203" width="8.7109375" style="7"/>
    <col min="9204" max="9204" width="1.5703125" style="7" customWidth="1"/>
    <col min="9205" max="9205" width="2.42578125" style="7" customWidth="1"/>
    <col min="9206" max="9206" width="14.28515625" style="7" customWidth="1"/>
    <col min="9207" max="9207" width="14" style="7" customWidth="1"/>
    <col min="9208" max="9208" width="8.5703125" style="7" customWidth="1"/>
    <col min="9209" max="9210" width="8.7109375" style="7"/>
    <col min="9211" max="9211" width="7.85546875" style="7" customWidth="1"/>
    <col min="9212" max="9214" width="8.7109375" style="7"/>
    <col min="9215" max="9215" width="11.28515625" style="7" customWidth="1"/>
    <col min="9216" max="9459" width="8.7109375" style="7"/>
    <col min="9460" max="9460" width="1.5703125" style="7" customWidth="1"/>
    <col min="9461" max="9461" width="2.42578125" style="7" customWidth="1"/>
    <col min="9462" max="9462" width="14.28515625" style="7" customWidth="1"/>
    <col min="9463" max="9463" width="14" style="7" customWidth="1"/>
    <col min="9464" max="9464" width="8.5703125" style="7" customWidth="1"/>
    <col min="9465" max="9466" width="8.7109375" style="7"/>
    <col min="9467" max="9467" width="7.85546875" style="7" customWidth="1"/>
    <col min="9468" max="9470" width="8.7109375" style="7"/>
    <col min="9471" max="9471" width="11.28515625" style="7" customWidth="1"/>
    <col min="9472" max="9715" width="8.7109375" style="7"/>
    <col min="9716" max="9716" width="1.5703125" style="7" customWidth="1"/>
    <col min="9717" max="9717" width="2.42578125" style="7" customWidth="1"/>
    <col min="9718" max="9718" width="14.28515625" style="7" customWidth="1"/>
    <col min="9719" max="9719" width="14" style="7" customWidth="1"/>
    <col min="9720" max="9720" width="8.5703125" style="7" customWidth="1"/>
    <col min="9721" max="9722" width="8.7109375" style="7"/>
    <col min="9723" max="9723" width="7.85546875" style="7" customWidth="1"/>
    <col min="9724" max="9726" width="8.7109375" style="7"/>
    <col min="9727" max="9727" width="11.28515625" style="7" customWidth="1"/>
    <col min="9728" max="9971" width="8.7109375" style="7"/>
    <col min="9972" max="9972" width="1.5703125" style="7" customWidth="1"/>
    <col min="9973" max="9973" width="2.42578125" style="7" customWidth="1"/>
    <col min="9974" max="9974" width="14.28515625" style="7" customWidth="1"/>
    <col min="9975" max="9975" width="14" style="7" customWidth="1"/>
    <col min="9976" max="9976" width="8.5703125" style="7" customWidth="1"/>
    <col min="9977" max="9978" width="8.7109375" style="7"/>
    <col min="9979" max="9979" width="7.85546875" style="7" customWidth="1"/>
    <col min="9980" max="9982" width="8.7109375" style="7"/>
    <col min="9983" max="9983" width="11.28515625" style="7" customWidth="1"/>
    <col min="9984" max="10227" width="8.7109375" style="7"/>
    <col min="10228" max="10228" width="1.5703125" style="7" customWidth="1"/>
    <col min="10229" max="10229" width="2.42578125" style="7" customWidth="1"/>
    <col min="10230" max="10230" width="14.28515625" style="7" customWidth="1"/>
    <col min="10231" max="10231" width="14" style="7" customWidth="1"/>
    <col min="10232" max="10232" width="8.5703125" style="7" customWidth="1"/>
    <col min="10233" max="10234" width="8.7109375" style="7"/>
    <col min="10235" max="10235" width="7.85546875" style="7" customWidth="1"/>
    <col min="10236" max="10238" width="8.7109375" style="7"/>
    <col min="10239" max="10239" width="11.28515625" style="7" customWidth="1"/>
    <col min="10240" max="10483" width="8.7109375" style="7"/>
    <col min="10484" max="10484" width="1.5703125" style="7" customWidth="1"/>
    <col min="10485" max="10485" width="2.42578125" style="7" customWidth="1"/>
    <col min="10486" max="10486" width="14.28515625" style="7" customWidth="1"/>
    <col min="10487" max="10487" width="14" style="7" customWidth="1"/>
    <col min="10488" max="10488" width="8.5703125" style="7" customWidth="1"/>
    <col min="10489" max="10490" width="8.7109375" style="7"/>
    <col min="10491" max="10491" width="7.85546875" style="7" customWidth="1"/>
    <col min="10492" max="10494" width="8.7109375" style="7"/>
    <col min="10495" max="10495" width="11.28515625" style="7" customWidth="1"/>
    <col min="10496" max="10739" width="8.7109375" style="7"/>
    <col min="10740" max="10740" width="1.5703125" style="7" customWidth="1"/>
    <col min="10741" max="10741" width="2.42578125" style="7" customWidth="1"/>
    <col min="10742" max="10742" width="14.28515625" style="7" customWidth="1"/>
    <col min="10743" max="10743" width="14" style="7" customWidth="1"/>
    <col min="10744" max="10744" width="8.5703125" style="7" customWidth="1"/>
    <col min="10745" max="10746" width="8.7109375" style="7"/>
    <col min="10747" max="10747" width="7.85546875" style="7" customWidth="1"/>
    <col min="10748" max="10750" width="8.7109375" style="7"/>
    <col min="10751" max="10751" width="11.28515625" style="7" customWidth="1"/>
    <col min="10752" max="10995" width="8.7109375" style="7"/>
    <col min="10996" max="10996" width="1.5703125" style="7" customWidth="1"/>
    <col min="10997" max="10997" width="2.42578125" style="7" customWidth="1"/>
    <col min="10998" max="10998" width="14.28515625" style="7" customWidth="1"/>
    <col min="10999" max="10999" width="14" style="7" customWidth="1"/>
    <col min="11000" max="11000" width="8.5703125" style="7" customWidth="1"/>
    <col min="11001" max="11002" width="8.7109375" style="7"/>
    <col min="11003" max="11003" width="7.85546875" style="7" customWidth="1"/>
    <col min="11004" max="11006" width="8.7109375" style="7"/>
    <col min="11007" max="11007" width="11.28515625" style="7" customWidth="1"/>
    <col min="11008" max="11251" width="8.7109375" style="7"/>
    <col min="11252" max="11252" width="1.5703125" style="7" customWidth="1"/>
    <col min="11253" max="11253" width="2.42578125" style="7" customWidth="1"/>
    <col min="11254" max="11254" width="14.28515625" style="7" customWidth="1"/>
    <col min="11255" max="11255" width="14" style="7" customWidth="1"/>
    <col min="11256" max="11256" width="8.5703125" style="7" customWidth="1"/>
    <col min="11257" max="11258" width="8.7109375" style="7"/>
    <col min="11259" max="11259" width="7.85546875" style="7" customWidth="1"/>
    <col min="11260" max="11262" width="8.7109375" style="7"/>
    <col min="11263" max="11263" width="11.28515625" style="7" customWidth="1"/>
    <col min="11264" max="11507" width="8.7109375" style="7"/>
    <col min="11508" max="11508" width="1.5703125" style="7" customWidth="1"/>
    <col min="11509" max="11509" width="2.42578125" style="7" customWidth="1"/>
    <col min="11510" max="11510" width="14.28515625" style="7" customWidth="1"/>
    <col min="11511" max="11511" width="14" style="7" customWidth="1"/>
    <col min="11512" max="11512" width="8.5703125" style="7" customWidth="1"/>
    <col min="11513" max="11514" width="8.7109375" style="7"/>
    <col min="11515" max="11515" width="7.85546875" style="7" customWidth="1"/>
    <col min="11516" max="11518" width="8.7109375" style="7"/>
    <col min="11519" max="11519" width="11.28515625" style="7" customWidth="1"/>
    <col min="11520" max="11763" width="8.7109375" style="7"/>
    <col min="11764" max="11764" width="1.5703125" style="7" customWidth="1"/>
    <col min="11765" max="11765" width="2.42578125" style="7" customWidth="1"/>
    <col min="11766" max="11766" width="14.28515625" style="7" customWidth="1"/>
    <col min="11767" max="11767" width="14" style="7" customWidth="1"/>
    <col min="11768" max="11768" width="8.5703125" style="7" customWidth="1"/>
    <col min="11769" max="11770" width="8.7109375" style="7"/>
    <col min="11771" max="11771" width="7.85546875" style="7" customWidth="1"/>
    <col min="11772" max="11774" width="8.7109375" style="7"/>
    <col min="11775" max="11775" width="11.28515625" style="7" customWidth="1"/>
    <col min="11776" max="12019" width="8.7109375" style="7"/>
    <col min="12020" max="12020" width="1.5703125" style="7" customWidth="1"/>
    <col min="12021" max="12021" width="2.42578125" style="7" customWidth="1"/>
    <col min="12022" max="12022" width="14.28515625" style="7" customWidth="1"/>
    <col min="12023" max="12023" width="14" style="7" customWidth="1"/>
    <col min="12024" max="12024" width="8.5703125" style="7" customWidth="1"/>
    <col min="12025" max="12026" width="8.7109375" style="7"/>
    <col min="12027" max="12027" width="7.85546875" style="7" customWidth="1"/>
    <col min="12028" max="12030" width="8.7109375" style="7"/>
    <col min="12031" max="12031" width="11.28515625" style="7" customWidth="1"/>
    <col min="12032" max="12275" width="8.7109375" style="7"/>
    <col min="12276" max="12276" width="1.5703125" style="7" customWidth="1"/>
    <col min="12277" max="12277" width="2.42578125" style="7" customWidth="1"/>
    <col min="12278" max="12278" width="14.28515625" style="7" customWidth="1"/>
    <col min="12279" max="12279" width="14" style="7" customWidth="1"/>
    <col min="12280" max="12280" width="8.5703125" style="7" customWidth="1"/>
    <col min="12281" max="12282" width="8.7109375" style="7"/>
    <col min="12283" max="12283" width="7.85546875" style="7" customWidth="1"/>
    <col min="12284" max="12286" width="8.7109375" style="7"/>
    <col min="12287" max="12287" width="11.28515625" style="7" customWidth="1"/>
    <col min="12288" max="12531" width="8.7109375" style="7"/>
    <col min="12532" max="12532" width="1.5703125" style="7" customWidth="1"/>
    <col min="12533" max="12533" width="2.42578125" style="7" customWidth="1"/>
    <col min="12534" max="12534" width="14.28515625" style="7" customWidth="1"/>
    <col min="12535" max="12535" width="14" style="7" customWidth="1"/>
    <col min="12536" max="12536" width="8.5703125" style="7" customWidth="1"/>
    <col min="12537" max="12538" width="8.7109375" style="7"/>
    <col min="12539" max="12539" width="7.85546875" style="7" customWidth="1"/>
    <col min="12540" max="12542" width="8.7109375" style="7"/>
    <col min="12543" max="12543" width="11.28515625" style="7" customWidth="1"/>
    <col min="12544" max="12787" width="8.7109375" style="7"/>
    <col min="12788" max="12788" width="1.5703125" style="7" customWidth="1"/>
    <col min="12789" max="12789" width="2.42578125" style="7" customWidth="1"/>
    <col min="12790" max="12790" width="14.28515625" style="7" customWidth="1"/>
    <col min="12791" max="12791" width="14" style="7" customWidth="1"/>
    <col min="12792" max="12792" width="8.5703125" style="7" customWidth="1"/>
    <col min="12793" max="12794" width="8.7109375" style="7"/>
    <col min="12795" max="12795" width="7.85546875" style="7" customWidth="1"/>
    <col min="12796" max="12798" width="8.7109375" style="7"/>
    <col min="12799" max="12799" width="11.28515625" style="7" customWidth="1"/>
    <col min="12800" max="13043" width="8.7109375" style="7"/>
    <col min="13044" max="13044" width="1.5703125" style="7" customWidth="1"/>
    <col min="13045" max="13045" width="2.42578125" style="7" customWidth="1"/>
    <col min="13046" max="13046" width="14.28515625" style="7" customWidth="1"/>
    <col min="13047" max="13047" width="14" style="7" customWidth="1"/>
    <col min="13048" max="13048" width="8.5703125" style="7" customWidth="1"/>
    <col min="13049" max="13050" width="8.7109375" style="7"/>
    <col min="13051" max="13051" width="7.85546875" style="7" customWidth="1"/>
    <col min="13052" max="13054" width="8.7109375" style="7"/>
    <col min="13055" max="13055" width="11.28515625" style="7" customWidth="1"/>
    <col min="13056" max="13299" width="8.7109375" style="7"/>
    <col min="13300" max="13300" width="1.5703125" style="7" customWidth="1"/>
    <col min="13301" max="13301" width="2.42578125" style="7" customWidth="1"/>
    <col min="13302" max="13302" width="14.28515625" style="7" customWidth="1"/>
    <col min="13303" max="13303" width="14" style="7" customWidth="1"/>
    <col min="13304" max="13304" width="8.5703125" style="7" customWidth="1"/>
    <col min="13305" max="13306" width="8.7109375" style="7"/>
    <col min="13307" max="13307" width="7.85546875" style="7" customWidth="1"/>
    <col min="13308" max="13310" width="8.7109375" style="7"/>
    <col min="13311" max="13311" width="11.28515625" style="7" customWidth="1"/>
    <col min="13312" max="13555" width="8.7109375" style="7"/>
    <col min="13556" max="13556" width="1.5703125" style="7" customWidth="1"/>
    <col min="13557" max="13557" width="2.42578125" style="7" customWidth="1"/>
    <col min="13558" max="13558" width="14.28515625" style="7" customWidth="1"/>
    <col min="13559" max="13559" width="14" style="7" customWidth="1"/>
    <col min="13560" max="13560" width="8.5703125" style="7" customWidth="1"/>
    <col min="13561" max="13562" width="8.7109375" style="7"/>
    <col min="13563" max="13563" width="7.85546875" style="7" customWidth="1"/>
    <col min="13564" max="13566" width="8.7109375" style="7"/>
    <col min="13567" max="13567" width="11.28515625" style="7" customWidth="1"/>
    <col min="13568" max="13811" width="8.7109375" style="7"/>
    <col min="13812" max="13812" width="1.5703125" style="7" customWidth="1"/>
    <col min="13813" max="13813" width="2.42578125" style="7" customWidth="1"/>
    <col min="13814" max="13814" width="14.28515625" style="7" customWidth="1"/>
    <col min="13815" max="13815" width="14" style="7" customWidth="1"/>
    <col min="13816" max="13816" width="8.5703125" style="7" customWidth="1"/>
    <col min="13817" max="13818" width="8.7109375" style="7"/>
    <col min="13819" max="13819" width="7.85546875" style="7" customWidth="1"/>
    <col min="13820" max="13822" width="8.7109375" style="7"/>
    <col min="13823" max="13823" width="11.28515625" style="7" customWidth="1"/>
    <col min="13824" max="14067" width="8.7109375" style="7"/>
    <col min="14068" max="14068" width="1.5703125" style="7" customWidth="1"/>
    <col min="14069" max="14069" width="2.42578125" style="7" customWidth="1"/>
    <col min="14070" max="14070" width="14.28515625" style="7" customWidth="1"/>
    <col min="14071" max="14071" width="14" style="7" customWidth="1"/>
    <col min="14072" max="14072" width="8.5703125" style="7" customWidth="1"/>
    <col min="14073" max="14074" width="8.7109375" style="7"/>
    <col min="14075" max="14075" width="7.85546875" style="7" customWidth="1"/>
    <col min="14076" max="14078" width="8.7109375" style="7"/>
    <col min="14079" max="14079" width="11.28515625" style="7" customWidth="1"/>
    <col min="14080" max="14323" width="8.7109375" style="7"/>
    <col min="14324" max="14324" width="1.5703125" style="7" customWidth="1"/>
    <col min="14325" max="14325" width="2.42578125" style="7" customWidth="1"/>
    <col min="14326" max="14326" width="14.28515625" style="7" customWidth="1"/>
    <col min="14327" max="14327" width="14" style="7" customWidth="1"/>
    <col min="14328" max="14328" width="8.5703125" style="7" customWidth="1"/>
    <col min="14329" max="14330" width="8.7109375" style="7"/>
    <col min="14331" max="14331" width="7.85546875" style="7" customWidth="1"/>
    <col min="14332" max="14334" width="8.7109375" style="7"/>
    <col min="14335" max="14335" width="11.28515625" style="7" customWidth="1"/>
    <col min="14336" max="14579" width="8.7109375" style="7"/>
    <col min="14580" max="14580" width="1.5703125" style="7" customWidth="1"/>
    <col min="14581" max="14581" width="2.42578125" style="7" customWidth="1"/>
    <col min="14582" max="14582" width="14.28515625" style="7" customWidth="1"/>
    <col min="14583" max="14583" width="14" style="7" customWidth="1"/>
    <col min="14584" max="14584" width="8.5703125" style="7" customWidth="1"/>
    <col min="14585" max="14586" width="8.7109375" style="7"/>
    <col min="14587" max="14587" width="7.85546875" style="7" customWidth="1"/>
    <col min="14588" max="14590" width="8.7109375" style="7"/>
    <col min="14591" max="14591" width="11.28515625" style="7" customWidth="1"/>
    <col min="14592" max="14835" width="8.7109375" style="7"/>
    <col min="14836" max="14836" width="1.5703125" style="7" customWidth="1"/>
    <col min="14837" max="14837" width="2.42578125" style="7" customWidth="1"/>
    <col min="14838" max="14838" width="14.28515625" style="7" customWidth="1"/>
    <col min="14839" max="14839" width="14" style="7" customWidth="1"/>
    <col min="14840" max="14840" width="8.5703125" style="7" customWidth="1"/>
    <col min="14841" max="14842" width="8.7109375" style="7"/>
    <col min="14843" max="14843" width="7.85546875" style="7" customWidth="1"/>
    <col min="14844" max="14846" width="8.7109375" style="7"/>
    <col min="14847" max="14847" width="11.28515625" style="7" customWidth="1"/>
    <col min="14848" max="15091" width="8.7109375" style="7"/>
    <col min="15092" max="15092" width="1.5703125" style="7" customWidth="1"/>
    <col min="15093" max="15093" width="2.42578125" style="7" customWidth="1"/>
    <col min="15094" max="15094" width="14.28515625" style="7" customWidth="1"/>
    <col min="15095" max="15095" width="14" style="7" customWidth="1"/>
    <col min="15096" max="15096" width="8.5703125" style="7" customWidth="1"/>
    <col min="15097" max="15098" width="8.7109375" style="7"/>
    <col min="15099" max="15099" width="7.85546875" style="7" customWidth="1"/>
    <col min="15100" max="15102" width="8.7109375" style="7"/>
    <col min="15103" max="15103" width="11.28515625" style="7" customWidth="1"/>
    <col min="15104" max="15347" width="8.7109375" style="7"/>
    <col min="15348" max="15348" width="1.5703125" style="7" customWidth="1"/>
    <col min="15349" max="15349" width="2.42578125" style="7" customWidth="1"/>
    <col min="15350" max="15350" width="14.28515625" style="7" customWidth="1"/>
    <col min="15351" max="15351" width="14" style="7" customWidth="1"/>
    <col min="15352" max="15352" width="8.5703125" style="7" customWidth="1"/>
    <col min="15353" max="15354" width="8.7109375" style="7"/>
    <col min="15355" max="15355" width="7.85546875" style="7" customWidth="1"/>
    <col min="15356" max="15358" width="8.7109375" style="7"/>
    <col min="15359" max="15359" width="11.28515625" style="7" customWidth="1"/>
    <col min="15360" max="15603" width="8.7109375" style="7"/>
    <col min="15604" max="15604" width="1.5703125" style="7" customWidth="1"/>
    <col min="15605" max="15605" width="2.42578125" style="7" customWidth="1"/>
    <col min="15606" max="15606" width="14.28515625" style="7" customWidth="1"/>
    <col min="15607" max="15607" width="14" style="7" customWidth="1"/>
    <col min="15608" max="15608" width="8.5703125" style="7" customWidth="1"/>
    <col min="15609" max="15610" width="8.7109375" style="7"/>
    <col min="15611" max="15611" width="7.85546875" style="7" customWidth="1"/>
    <col min="15612" max="15614" width="8.7109375" style="7"/>
    <col min="15615" max="15615" width="11.28515625" style="7" customWidth="1"/>
    <col min="15616" max="15859" width="8.7109375" style="7"/>
    <col min="15860" max="15860" width="1.5703125" style="7" customWidth="1"/>
    <col min="15861" max="15861" width="2.42578125" style="7" customWidth="1"/>
    <col min="15862" max="15862" width="14.28515625" style="7" customWidth="1"/>
    <col min="15863" max="15863" width="14" style="7" customWidth="1"/>
    <col min="15864" max="15864" width="8.5703125" style="7" customWidth="1"/>
    <col min="15865" max="15866" width="8.7109375" style="7"/>
    <col min="15867" max="15867" width="7.85546875" style="7" customWidth="1"/>
    <col min="15868" max="15870" width="8.7109375" style="7"/>
    <col min="15871" max="15871" width="11.28515625" style="7" customWidth="1"/>
    <col min="15872" max="16115" width="8.7109375" style="7"/>
    <col min="16116" max="16116" width="1.5703125" style="7" customWidth="1"/>
    <col min="16117" max="16117" width="2.42578125" style="7" customWidth="1"/>
    <col min="16118" max="16118" width="14.28515625" style="7" customWidth="1"/>
    <col min="16119" max="16119" width="14" style="7" customWidth="1"/>
    <col min="16120" max="16120" width="8.5703125" style="7" customWidth="1"/>
    <col min="16121" max="16122" width="8.7109375" style="7"/>
    <col min="16123" max="16123" width="7.85546875" style="7" customWidth="1"/>
    <col min="16124" max="16126" width="8.7109375" style="7"/>
    <col min="16127" max="16127" width="11.28515625" style="7" customWidth="1"/>
    <col min="16128" max="16384" width="8.7109375" style="7"/>
  </cols>
  <sheetData>
    <row r="1" spans="1:70" ht="74.45" customHeight="1" x14ac:dyDescent="0.2">
      <c r="B1" s="22"/>
      <c r="L1" s="22"/>
      <c r="M1" s="22"/>
      <c r="N1" s="22"/>
      <c r="O1" s="22"/>
      <c r="P1" s="22"/>
      <c r="Q1" s="22"/>
      <c r="R1" s="22"/>
      <c r="S1" s="22"/>
      <c r="T1" s="22"/>
      <c r="U1" s="22"/>
      <c r="V1" s="7"/>
      <c r="W1" s="68"/>
      <c r="X1" s="23"/>
      <c r="Y1" s="23"/>
      <c r="Z1" s="23"/>
      <c r="AA1" s="23"/>
      <c r="AB1" s="23"/>
      <c r="AC1" s="23"/>
      <c r="AD1" s="23"/>
      <c r="AE1" s="23"/>
      <c r="AF1" s="23"/>
      <c r="AG1" s="23"/>
      <c r="AH1" s="23"/>
      <c r="AJ1" s="23"/>
      <c r="AK1" s="23"/>
      <c r="AL1" s="23"/>
      <c r="AM1" s="23"/>
      <c r="AN1" s="23"/>
      <c r="AO1" s="23"/>
      <c r="AP1" s="23"/>
      <c r="AQ1" s="23"/>
      <c r="AR1" s="23"/>
      <c r="AS1" s="23"/>
      <c r="AT1" s="113"/>
    </row>
    <row r="2" spans="1:70" ht="30.6" customHeight="1" x14ac:dyDescent="0.2">
      <c r="A2" s="39"/>
      <c r="B2" s="240" t="s">
        <v>191</v>
      </c>
      <c r="C2" s="240"/>
      <c r="D2" s="240"/>
      <c r="E2" s="240"/>
      <c r="F2" s="240"/>
      <c r="G2" s="240"/>
      <c r="H2" s="240"/>
      <c r="I2" s="240"/>
      <c r="J2" s="240"/>
      <c r="K2" s="240"/>
      <c r="L2" s="240"/>
      <c r="M2" s="240"/>
      <c r="N2" s="240"/>
      <c r="O2" s="240"/>
      <c r="P2" s="240"/>
      <c r="Q2" s="240"/>
      <c r="R2" s="240"/>
      <c r="S2" s="240"/>
      <c r="T2" s="240"/>
      <c r="U2" s="240"/>
      <c r="V2" s="240"/>
      <c r="W2" s="240"/>
      <c r="X2" s="240"/>
      <c r="Y2" s="240"/>
      <c r="Z2" s="240"/>
      <c r="AA2" s="240"/>
      <c r="AB2" s="240"/>
      <c r="AC2" s="240"/>
      <c r="AD2" s="240"/>
      <c r="AE2" s="240"/>
      <c r="AF2" s="240"/>
      <c r="AG2" s="240"/>
      <c r="AH2" s="240"/>
    </row>
    <row r="3" spans="1:70" ht="3.75" customHeight="1" x14ac:dyDescent="0.2">
      <c r="B3" s="84"/>
      <c r="C3" s="84"/>
      <c r="D3" s="185"/>
      <c r="E3" s="185"/>
      <c r="F3" s="185"/>
      <c r="G3" s="185"/>
      <c r="H3" s="185"/>
      <c r="I3" s="185"/>
      <c r="J3" s="185"/>
      <c r="K3" s="185"/>
      <c r="L3" s="34"/>
    </row>
    <row r="4" spans="1:70" ht="24.95" customHeight="1" x14ac:dyDescent="0.2">
      <c r="A4" s="128"/>
      <c r="B4" s="237" t="s">
        <v>202</v>
      </c>
      <c r="C4" s="238"/>
      <c r="D4" s="238"/>
      <c r="E4" s="238"/>
      <c r="F4" s="238"/>
      <c r="G4" s="238"/>
      <c r="H4" s="238"/>
      <c r="I4" s="238"/>
      <c r="J4" s="238"/>
      <c r="K4" s="238"/>
      <c r="L4" s="238"/>
      <c r="M4" s="238"/>
      <c r="N4" s="238"/>
      <c r="O4" s="238"/>
      <c r="P4" s="238"/>
      <c r="Q4" s="238"/>
      <c r="R4" s="238"/>
      <c r="S4" s="238"/>
      <c r="T4" s="238"/>
      <c r="U4" s="238"/>
      <c r="V4" s="238"/>
      <c r="W4" s="238"/>
      <c r="X4" s="238"/>
      <c r="Y4" s="238"/>
      <c r="Z4" s="238"/>
      <c r="AA4" s="238"/>
      <c r="AB4" s="238"/>
      <c r="AC4" s="238"/>
      <c r="AD4" s="238"/>
      <c r="AE4" s="238"/>
      <c r="AF4" s="238"/>
      <c r="AG4" s="238"/>
      <c r="AH4" s="239"/>
    </row>
    <row r="5" spans="1:70" ht="3.75" customHeight="1" x14ac:dyDescent="0.2">
      <c r="B5" s="84"/>
      <c r="C5" s="84"/>
      <c r="D5" s="186"/>
      <c r="E5" s="186"/>
      <c r="F5" s="186"/>
      <c r="G5" s="186"/>
      <c r="H5" s="186"/>
      <c r="I5" s="186"/>
      <c r="J5" s="186"/>
      <c r="K5" s="186"/>
      <c r="L5" s="34"/>
      <c r="AH5" s="69"/>
      <c r="AI5" s="113"/>
      <c r="AJ5" s="7"/>
    </row>
    <row r="6" spans="1:70" ht="20.100000000000001" customHeight="1" x14ac:dyDescent="0.2">
      <c r="B6" s="35" t="s">
        <v>18</v>
      </c>
      <c r="C6" s="82"/>
      <c r="D6" s="217" t="str">
        <f>IF('Input Form'!D6="", "", 'Input Form'!D6)</f>
        <v>SHETLAND UHI LTD</v>
      </c>
      <c r="E6" s="218"/>
      <c r="F6" s="218"/>
      <c r="G6" s="218"/>
      <c r="H6" s="218"/>
      <c r="I6" s="218"/>
      <c r="J6" s="218"/>
      <c r="K6" s="218"/>
      <c r="L6" s="218"/>
      <c r="M6" s="218"/>
      <c r="N6" s="218"/>
      <c r="O6" s="218"/>
      <c r="P6" s="218"/>
      <c r="Q6" s="218"/>
      <c r="R6" s="218"/>
      <c r="S6" s="218"/>
      <c r="T6" s="218"/>
      <c r="U6" s="218"/>
      <c r="V6" s="218"/>
      <c r="W6" s="218"/>
      <c r="X6" s="218"/>
      <c r="Y6" s="218"/>
      <c r="Z6" s="218"/>
      <c r="AA6" s="218"/>
      <c r="AB6" s="218"/>
      <c r="AC6" s="218"/>
      <c r="AD6" s="218"/>
      <c r="AE6" s="218"/>
      <c r="AF6" s="218"/>
      <c r="AG6" s="218"/>
      <c r="AH6" s="219"/>
      <c r="AI6" s="113"/>
      <c r="AJ6" s="7"/>
      <c r="BR6" s="7" t="s">
        <v>2</v>
      </c>
    </row>
    <row r="7" spans="1:70" ht="3.75" customHeight="1" x14ac:dyDescent="0.2">
      <c r="B7" s="34"/>
      <c r="C7" s="84"/>
      <c r="D7" s="135"/>
      <c r="E7" s="135"/>
      <c r="F7" s="135"/>
      <c r="G7" s="135"/>
      <c r="H7" s="135"/>
      <c r="I7" s="135"/>
      <c r="J7" s="135"/>
      <c r="K7" s="135"/>
      <c r="L7" s="135"/>
      <c r="M7" s="135"/>
      <c r="N7" s="135"/>
      <c r="O7" s="135"/>
      <c r="P7" s="135"/>
      <c r="Q7" s="135"/>
      <c r="R7" s="135"/>
      <c r="S7" s="135"/>
      <c r="T7" s="135"/>
      <c r="U7" s="135"/>
      <c r="V7" s="135"/>
      <c r="W7" s="135"/>
      <c r="X7" s="135"/>
      <c r="Y7" s="135"/>
      <c r="Z7" s="135"/>
      <c r="AA7" s="135"/>
      <c r="AB7" s="135"/>
      <c r="AC7" s="135"/>
      <c r="AD7" s="135"/>
      <c r="AE7" s="135"/>
      <c r="AF7" s="135"/>
      <c r="AG7" s="135"/>
      <c r="AI7" s="113"/>
      <c r="AJ7" s="7"/>
    </row>
    <row r="8" spans="1:70" ht="20.100000000000001" customHeight="1" x14ac:dyDescent="0.2">
      <c r="B8" s="34" t="s">
        <v>22</v>
      </c>
      <c r="C8" s="84"/>
      <c r="D8" s="217" t="str">
        <f>IF('Input Form'!D8="", "", 'Input Form'!D8)</f>
        <v>GREMISTA</v>
      </c>
      <c r="E8" s="218"/>
      <c r="F8" s="218"/>
      <c r="G8" s="218"/>
      <c r="H8" s="218"/>
      <c r="I8" s="218"/>
      <c r="J8" s="218"/>
      <c r="K8" s="218"/>
      <c r="L8" s="218"/>
      <c r="M8" s="218"/>
      <c r="N8" s="218"/>
      <c r="O8" s="218"/>
      <c r="P8" s="218"/>
      <c r="Q8" s="218"/>
      <c r="R8" s="218"/>
      <c r="S8" s="218"/>
      <c r="T8" s="218"/>
      <c r="U8" s="218"/>
      <c r="V8" s="218"/>
      <c r="W8" s="218"/>
      <c r="X8" s="218"/>
      <c r="Y8" s="218"/>
      <c r="Z8" s="218"/>
      <c r="AA8" s="218"/>
      <c r="AB8" s="218"/>
      <c r="AC8" s="218"/>
      <c r="AD8" s="218"/>
      <c r="AE8" s="218"/>
      <c r="AF8" s="218"/>
      <c r="AG8" s="218"/>
      <c r="AH8" s="219"/>
      <c r="AI8" s="113"/>
      <c r="AJ8" s="7"/>
    </row>
    <row r="9" spans="1:70" ht="4.5" customHeight="1" x14ac:dyDescent="0.2">
      <c r="B9" s="34"/>
      <c r="C9" s="34"/>
      <c r="D9" s="114"/>
      <c r="E9" s="114"/>
      <c r="F9" s="114"/>
      <c r="G9" s="114"/>
      <c r="H9" s="114"/>
      <c r="I9" s="114"/>
      <c r="J9" s="114"/>
      <c r="K9" s="114"/>
      <c r="L9" s="114"/>
      <c r="M9" s="135"/>
      <c r="N9" s="148"/>
      <c r="O9" s="135"/>
      <c r="P9" s="135"/>
      <c r="Q9" s="135"/>
      <c r="R9" s="135"/>
      <c r="S9" s="135"/>
      <c r="T9" s="135"/>
      <c r="U9" s="135"/>
      <c r="V9" s="149"/>
      <c r="W9" s="135"/>
      <c r="X9" s="135"/>
      <c r="Y9" s="135"/>
      <c r="Z9" s="135"/>
      <c r="AA9" s="135"/>
      <c r="AB9" s="135"/>
      <c r="AC9" s="135"/>
      <c r="AD9" s="135"/>
      <c r="AE9" s="135"/>
      <c r="AF9" s="135"/>
      <c r="AG9" s="135"/>
      <c r="AI9" s="113"/>
      <c r="AJ9" s="7"/>
      <c r="AN9" s="225"/>
      <c r="AO9" s="225"/>
      <c r="AP9" s="225"/>
      <c r="AQ9" s="225"/>
      <c r="AR9" s="225"/>
      <c r="AS9" s="225"/>
      <c r="AT9" s="225"/>
    </row>
    <row r="10" spans="1:70" ht="20.100000000000001" customHeight="1" x14ac:dyDescent="0.2">
      <c r="B10" s="7"/>
      <c r="C10" s="7"/>
      <c r="D10" s="217" t="str">
        <f>IF('Input Form'!D9="", "", 'Input Form'!D9)</f>
        <v>INDUSTRIAL ESTATE</v>
      </c>
      <c r="E10" s="218"/>
      <c r="F10" s="218"/>
      <c r="G10" s="218"/>
      <c r="H10" s="218"/>
      <c r="I10" s="218"/>
      <c r="J10" s="218"/>
      <c r="K10" s="218"/>
      <c r="L10" s="218"/>
      <c r="M10" s="218"/>
      <c r="N10" s="218"/>
      <c r="O10" s="218"/>
      <c r="P10" s="218"/>
      <c r="Q10" s="218"/>
      <c r="R10" s="218"/>
      <c r="S10" s="218"/>
      <c r="T10" s="218"/>
      <c r="U10" s="218"/>
      <c r="V10" s="218"/>
      <c r="W10" s="218"/>
      <c r="X10" s="218"/>
      <c r="Y10" s="218"/>
      <c r="Z10" s="218"/>
      <c r="AA10" s="218"/>
      <c r="AB10" s="218"/>
      <c r="AC10" s="218"/>
      <c r="AD10" s="218"/>
      <c r="AE10" s="218"/>
      <c r="AF10" s="218"/>
      <c r="AG10" s="218"/>
      <c r="AH10" s="219"/>
      <c r="AI10" s="113"/>
      <c r="AJ10" s="7"/>
    </row>
    <row r="11" spans="1:70" ht="4.5" customHeight="1" x14ac:dyDescent="0.2">
      <c r="B11" s="7"/>
      <c r="C11" s="7"/>
      <c r="D11" s="135"/>
      <c r="E11" s="135"/>
      <c r="F11" s="135"/>
      <c r="G11" s="135"/>
      <c r="H11" s="135"/>
      <c r="I11" s="135"/>
      <c r="J11" s="135"/>
      <c r="K11" s="135"/>
      <c r="L11" s="135"/>
      <c r="M11" s="135"/>
      <c r="N11" s="148"/>
      <c r="O11" s="135"/>
      <c r="P11" s="135"/>
      <c r="Q11" s="135"/>
      <c r="R11" s="135"/>
      <c r="S11" s="135"/>
      <c r="T11" s="135"/>
      <c r="U11" s="135"/>
      <c r="V11" s="149"/>
      <c r="W11" s="135"/>
      <c r="X11" s="135"/>
      <c r="Y11" s="135"/>
      <c r="Z11" s="135"/>
      <c r="AA11" s="135"/>
      <c r="AB11" s="135"/>
      <c r="AC11" s="135"/>
      <c r="AD11" s="135"/>
      <c r="AE11" s="135"/>
      <c r="AF11" s="135"/>
      <c r="AG11" s="135"/>
      <c r="AI11" s="113"/>
      <c r="AJ11" s="7"/>
      <c r="AN11" s="225"/>
      <c r="AO11" s="225"/>
      <c r="AP11" s="225"/>
      <c r="AQ11" s="225"/>
      <c r="AR11" s="225"/>
      <c r="AS11" s="225"/>
      <c r="AT11" s="225"/>
    </row>
    <row r="12" spans="1:70" ht="20.100000000000001" customHeight="1" x14ac:dyDescent="0.2">
      <c r="B12" s="7"/>
      <c r="C12" s="7"/>
      <c r="D12" s="217" t="str">
        <f>IF('Input Form'!D10="", "", 'Input Form'!D10)</f>
        <v>SHETLAND</v>
      </c>
      <c r="E12" s="218"/>
      <c r="F12" s="218"/>
      <c r="G12" s="218"/>
      <c r="H12" s="218"/>
      <c r="I12" s="218"/>
      <c r="J12" s="218"/>
      <c r="K12" s="218"/>
      <c r="L12" s="218"/>
      <c r="M12" s="218"/>
      <c r="N12" s="218"/>
      <c r="O12" s="218"/>
      <c r="P12" s="218"/>
      <c r="Q12" s="218"/>
      <c r="R12" s="218"/>
      <c r="S12" s="218"/>
      <c r="T12" s="218"/>
      <c r="U12" s="218"/>
      <c r="V12" s="218"/>
      <c r="W12" s="218"/>
      <c r="X12" s="218"/>
      <c r="Y12" s="218"/>
      <c r="Z12" s="218"/>
      <c r="AA12" s="218"/>
      <c r="AB12" s="218"/>
      <c r="AC12" s="218"/>
      <c r="AD12" s="218"/>
      <c r="AE12" s="218"/>
      <c r="AF12" s="218"/>
      <c r="AG12" s="218"/>
      <c r="AH12" s="219"/>
      <c r="AI12" s="113"/>
      <c r="AJ12" s="7"/>
    </row>
    <row r="13" spans="1:70" ht="4.5" customHeight="1" x14ac:dyDescent="0.2">
      <c r="B13" s="7"/>
      <c r="C13" s="7"/>
      <c r="D13" s="135"/>
      <c r="E13" s="135"/>
      <c r="F13" s="135"/>
      <c r="G13" s="135"/>
      <c r="H13" s="135"/>
      <c r="I13" s="135"/>
      <c r="J13" s="135"/>
      <c r="K13" s="135"/>
      <c r="L13" s="135"/>
      <c r="M13" s="135"/>
      <c r="N13" s="148"/>
      <c r="O13" s="135"/>
      <c r="P13" s="135"/>
      <c r="Q13" s="135"/>
      <c r="R13" s="135"/>
      <c r="S13" s="135"/>
      <c r="T13" s="135"/>
      <c r="U13" s="135"/>
      <c r="V13" s="149"/>
      <c r="W13" s="135"/>
      <c r="X13" s="135"/>
      <c r="Y13" s="135"/>
      <c r="Z13" s="135"/>
      <c r="AA13" s="135"/>
      <c r="AB13" s="135"/>
      <c r="AC13" s="135"/>
      <c r="AD13" s="135"/>
      <c r="AE13" s="135"/>
      <c r="AF13" s="135"/>
      <c r="AG13" s="135"/>
      <c r="AI13" s="113"/>
      <c r="AJ13" s="7"/>
      <c r="AN13" s="225"/>
      <c r="AO13" s="225"/>
      <c r="AP13" s="225"/>
      <c r="AQ13" s="225"/>
      <c r="AR13" s="225"/>
      <c r="AS13" s="225"/>
      <c r="AT13" s="225"/>
    </row>
    <row r="14" spans="1:70" ht="20.100000000000001" customHeight="1" x14ac:dyDescent="0.2">
      <c r="B14" s="7"/>
      <c r="C14" s="7"/>
      <c r="D14" s="217" t="str">
        <f>IF('Input Form'!D11="", "", 'Input Form'!D11)</f>
        <v/>
      </c>
      <c r="E14" s="218"/>
      <c r="F14" s="218"/>
      <c r="G14" s="218"/>
      <c r="H14" s="218"/>
      <c r="I14" s="218"/>
      <c r="J14" s="218"/>
      <c r="K14" s="218"/>
      <c r="L14" s="218"/>
      <c r="M14" s="218"/>
      <c r="N14" s="218"/>
      <c r="O14" s="218"/>
      <c r="P14" s="218"/>
      <c r="Q14" s="218"/>
      <c r="R14" s="218"/>
      <c r="S14" s="218"/>
      <c r="T14" s="218"/>
      <c r="U14" s="218"/>
      <c r="V14" s="218"/>
      <c r="W14" s="218"/>
      <c r="X14" s="218"/>
      <c r="Y14" s="218"/>
      <c r="Z14" s="218"/>
      <c r="AA14" s="218"/>
      <c r="AB14" s="218"/>
      <c r="AC14" s="218"/>
      <c r="AD14" s="218"/>
      <c r="AE14" s="218"/>
      <c r="AF14" s="218"/>
      <c r="AG14" s="218"/>
      <c r="AH14" s="219"/>
      <c r="AI14" s="113"/>
      <c r="AJ14" s="7"/>
    </row>
    <row r="15" spans="1:70" ht="4.5" customHeight="1" x14ac:dyDescent="0.2">
      <c r="B15" s="34"/>
      <c r="C15" s="34"/>
      <c r="D15" s="114"/>
      <c r="E15" s="114"/>
      <c r="F15" s="114"/>
      <c r="G15" s="114"/>
      <c r="H15" s="114"/>
      <c r="I15" s="114"/>
      <c r="J15" s="114"/>
      <c r="K15" s="114"/>
      <c r="L15" s="114"/>
      <c r="M15" s="135"/>
      <c r="N15" s="135"/>
      <c r="O15" s="135"/>
      <c r="P15" s="135"/>
      <c r="Q15" s="135"/>
      <c r="R15" s="135"/>
      <c r="S15" s="135"/>
      <c r="T15" s="135"/>
      <c r="U15" s="135"/>
      <c r="V15" s="149"/>
      <c r="W15" s="135"/>
      <c r="X15" s="135"/>
      <c r="Y15" s="135"/>
      <c r="Z15" s="135"/>
      <c r="AA15" s="135"/>
      <c r="AB15" s="135"/>
      <c r="AC15" s="135"/>
      <c r="AD15" s="135"/>
      <c r="AE15" s="135"/>
      <c r="AF15" s="135"/>
      <c r="AG15" s="135"/>
      <c r="AI15" s="113"/>
      <c r="AJ15" s="7"/>
      <c r="AN15" s="225"/>
      <c r="AO15" s="225"/>
      <c r="AP15" s="225"/>
      <c r="AQ15" s="225"/>
      <c r="AR15" s="225"/>
      <c r="AS15" s="225"/>
      <c r="AT15" s="225"/>
    </row>
    <row r="16" spans="1:70" ht="20.100000000000001" customHeight="1" x14ac:dyDescent="0.2">
      <c r="B16" s="17" t="s">
        <v>4</v>
      </c>
      <c r="C16" s="35"/>
      <c r="D16" s="217" t="str">
        <f>IF('Input Form'!D15="", "", 'Input Form'!D15)</f>
        <v>N/A</v>
      </c>
      <c r="E16" s="218"/>
      <c r="F16" s="218"/>
      <c r="G16" s="218"/>
      <c r="H16" s="218"/>
      <c r="I16" s="218"/>
      <c r="J16" s="218"/>
      <c r="K16" s="218"/>
      <c r="L16" s="218"/>
      <c r="M16" s="218"/>
      <c r="N16" s="218"/>
      <c r="O16" s="218"/>
      <c r="P16" s="218"/>
      <c r="Q16" s="219"/>
      <c r="R16" s="205"/>
      <c r="S16" s="135" t="s">
        <v>1</v>
      </c>
      <c r="T16" s="147"/>
      <c r="U16" s="147"/>
      <c r="W16" s="147"/>
      <c r="X16" s="217" t="str">
        <f>IF('Input Form'!D13="", "", 'Input Form'!D13)</f>
        <v>ZE1 0PX</v>
      </c>
      <c r="Y16" s="218"/>
      <c r="Z16" s="218"/>
      <c r="AA16" s="218"/>
      <c r="AB16" s="218"/>
      <c r="AC16" s="218"/>
      <c r="AD16" s="218"/>
      <c r="AE16" s="218"/>
      <c r="AF16" s="218"/>
      <c r="AG16" s="218"/>
      <c r="AH16" s="219"/>
    </row>
    <row r="17" spans="1:53" x14ac:dyDescent="0.2">
      <c r="A17" s="128"/>
      <c r="B17" s="34"/>
      <c r="C17" s="34"/>
      <c r="D17" s="34"/>
      <c r="E17" s="34"/>
      <c r="F17" s="34"/>
      <c r="G17" s="34"/>
      <c r="H17" s="34"/>
      <c r="I17" s="34"/>
      <c r="J17" s="34"/>
      <c r="K17" s="34"/>
      <c r="L17" s="34"/>
      <c r="M17" s="127"/>
    </row>
    <row r="18" spans="1:53" ht="24.95" customHeight="1" x14ac:dyDescent="0.2">
      <c r="A18" s="128"/>
      <c r="B18" s="237" t="s">
        <v>11</v>
      </c>
      <c r="C18" s="238"/>
      <c r="D18" s="238"/>
      <c r="E18" s="238"/>
      <c r="F18" s="238"/>
      <c r="G18" s="238"/>
      <c r="H18" s="238"/>
      <c r="I18" s="238"/>
      <c r="J18" s="238"/>
      <c r="K18" s="238"/>
      <c r="L18" s="238"/>
      <c r="M18" s="238"/>
      <c r="N18" s="238"/>
      <c r="O18" s="238"/>
      <c r="P18" s="238"/>
      <c r="Q18" s="238"/>
      <c r="R18" s="238"/>
      <c r="S18" s="238"/>
      <c r="T18" s="238"/>
      <c r="U18" s="238"/>
      <c r="V18" s="238"/>
      <c r="W18" s="238"/>
      <c r="X18" s="238"/>
      <c r="Y18" s="238"/>
      <c r="Z18" s="238"/>
      <c r="AA18" s="238"/>
      <c r="AB18" s="238"/>
      <c r="AC18" s="238"/>
      <c r="AD18" s="238"/>
      <c r="AE18" s="238"/>
      <c r="AF18" s="238"/>
      <c r="AG18" s="238"/>
      <c r="AH18" s="239"/>
    </row>
    <row r="19" spans="1:53" ht="6" customHeight="1" x14ac:dyDescent="0.2">
      <c r="A19" s="128"/>
      <c r="B19" s="34"/>
      <c r="C19" s="34"/>
      <c r="D19" s="34"/>
      <c r="E19" s="34"/>
      <c r="F19" s="34"/>
      <c r="G19" s="34"/>
      <c r="H19" s="34"/>
      <c r="I19" s="34"/>
      <c r="J19" s="34"/>
      <c r="K19" s="34"/>
      <c r="L19" s="34"/>
      <c r="M19" s="127"/>
    </row>
    <row r="20" spans="1:53" ht="17.100000000000001" customHeight="1" x14ac:dyDescent="0.2">
      <c r="A20" s="128"/>
      <c r="B20" s="34" t="s">
        <v>17</v>
      </c>
      <c r="C20" s="34"/>
      <c r="D20" s="34"/>
      <c r="E20" s="34"/>
      <c r="F20" s="34"/>
      <c r="G20" s="34"/>
      <c r="H20" s="34"/>
      <c r="I20" s="34"/>
      <c r="J20" s="34"/>
      <c r="K20" s="34"/>
      <c r="L20" s="34"/>
      <c r="M20" s="1"/>
      <c r="AU20" s="225"/>
      <c r="AV20" s="225"/>
      <c r="AW20" s="225"/>
      <c r="AX20" s="225"/>
      <c r="AY20" s="225"/>
      <c r="AZ20" s="225"/>
      <c r="BA20" s="225"/>
    </row>
    <row r="21" spans="1:53" ht="20.45" customHeight="1" x14ac:dyDescent="0.2">
      <c r="A21" s="128"/>
      <c r="B21" s="35" t="s">
        <v>132</v>
      </c>
      <c r="C21" s="234"/>
      <c r="D21" s="235"/>
      <c r="E21" s="235"/>
      <c r="F21" s="235"/>
      <c r="G21" s="235"/>
      <c r="H21" s="235"/>
      <c r="I21" s="235"/>
      <c r="J21" s="236"/>
      <c r="K21" s="35" t="s">
        <v>192</v>
      </c>
      <c r="L21"/>
      <c r="M21"/>
      <c r="N21"/>
      <c r="O21"/>
      <c r="P21" s="217" t="str">
        <f>D6</f>
        <v>SHETLAND UHI LTD</v>
      </c>
      <c r="Q21" s="218"/>
      <c r="R21" s="218"/>
      <c r="S21" s="218"/>
      <c r="T21" s="218"/>
      <c r="U21" s="218"/>
      <c r="V21" s="218"/>
      <c r="W21" s="218"/>
      <c r="X21" s="218"/>
      <c r="Y21" s="218"/>
      <c r="Z21" s="218"/>
      <c r="AA21" s="218"/>
      <c r="AB21" s="218"/>
      <c r="AC21" s="218"/>
      <c r="AD21" s="218"/>
      <c r="AE21" s="218"/>
      <c r="AF21" s="218"/>
      <c r="AG21" s="219"/>
    </row>
    <row r="22" spans="1:53" ht="4.5" customHeight="1" x14ac:dyDescent="0.2">
      <c r="A22" s="128"/>
      <c r="B22" s="34"/>
      <c r="C22" s="34"/>
      <c r="D22" s="34"/>
      <c r="E22" s="34"/>
      <c r="F22" s="34"/>
      <c r="G22" s="34"/>
      <c r="H22" s="34"/>
      <c r="I22" s="34"/>
      <c r="J22" s="34"/>
      <c r="K22" s="34"/>
      <c r="L22" s="34"/>
      <c r="M22" s="1"/>
    </row>
    <row r="23" spans="1:53" ht="20.100000000000001" customHeight="1" x14ac:dyDescent="0.2">
      <c r="A23" s="128"/>
      <c r="B23" s="35" t="s">
        <v>193</v>
      </c>
      <c r="C23" s="185"/>
      <c r="D23" s="242"/>
      <c r="E23" s="243"/>
      <c r="F23" s="243"/>
      <c r="G23" s="243"/>
      <c r="H23" s="243"/>
      <c r="I23" s="243"/>
      <c r="J23" s="244"/>
      <c r="K23" s="22" t="s">
        <v>194</v>
      </c>
      <c r="L23" s="7"/>
      <c r="P23" s="113"/>
      <c r="V23" s="7"/>
      <c r="AJ23" s="7"/>
    </row>
    <row r="24" spans="1:53" ht="1.5" customHeight="1" x14ac:dyDescent="0.2">
      <c r="A24" s="128"/>
      <c r="B24" s="34"/>
      <c r="C24" s="34"/>
      <c r="D24" s="34"/>
      <c r="E24" s="34"/>
      <c r="F24" s="34"/>
      <c r="G24" s="34"/>
      <c r="H24" s="34"/>
      <c r="I24" s="34"/>
      <c r="J24" s="34"/>
      <c r="K24" s="34"/>
      <c r="L24" s="34"/>
      <c r="M24" s="1"/>
    </row>
    <row r="25" spans="1:53" ht="1.5" customHeight="1" x14ac:dyDescent="0.2">
      <c r="A25" s="128"/>
      <c r="B25" s="34"/>
      <c r="C25" s="34"/>
      <c r="D25" s="34"/>
      <c r="E25" s="34"/>
      <c r="F25" s="34"/>
      <c r="G25" s="34"/>
      <c r="H25" s="34"/>
      <c r="I25" s="34"/>
      <c r="J25" s="34"/>
      <c r="K25" s="34"/>
      <c r="L25" s="34"/>
      <c r="M25" s="1"/>
    </row>
    <row r="26" spans="1:53" ht="20.100000000000001" customHeight="1" x14ac:dyDescent="0.2">
      <c r="A26" s="128"/>
      <c r="B26" s="35" t="s">
        <v>137</v>
      </c>
      <c r="C26" s="185"/>
      <c r="F26" s="7"/>
      <c r="G26" s="242"/>
      <c r="H26" s="243"/>
      <c r="I26" s="243"/>
      <c r="J26" s="243"/>
      <c r="K26" s="243"/>
      <c r="L26" s="243"/>
      <c r="M26" s="243"/>
      <c r="N26" s="243"/>
      <c r="O26" s="244"/>
      <c r="P26" s="7" t="s">
        <v>133</v>
      </c>
    </row>
    <row r="27" spans="1:53" ht="3.95" customHeight="1" x14ac:dyDescent="0.2">
      <c r="A27" s="128"/>
      <c r="B27" s="35"/>
      <c r="C27" s="185"/>
      <c r="F27" s="7"/>
      <c r="G27" s="7"/>
      <c r="I27" s="118"/>
      <c r="J27" s="129"/>
      <c r="K27" s="129"/>
      <c r="L27" s="129"/>
      <c r="M27" s="1"/>
      <c r="N27" s="117"/>
      <c r="O27" s="117"/>
      <c r="P27" s="117"/>
    </row>
    <row r="28" spans="1:53" ht="137.1" customHeight="1" x14ac:dyDescent="0.2">
      <c r="A28" s="128"/>
      <c r="B28" s="245" t="s">
        <v>203</v>
      </c>
      <c r="C28" s="245"/>
      <c r="D28" s="245"/>
      <c r="E28" s="245"/>
      <c r="F28" s="245"/>
      <c r="G28" s="245"/>
      <c r="H28" s="245"/>
      <c r="I28" s="245"/>
      <c r="J28" s="245"/>
      <c r="K28" s="245"/>
      <c r="L28" s="245"/>
      <c r="M28" s="245"/>
      <c r="N28" s="245"/>
      <c r="O28" s="245"/>
      <c r="P28" s="245"/>
      <c r="Q28" s="245"/>
      <c r="R28" s="245"/>
      <c r="S28" s="245"/>
      <c r="T28" s="245"/>
      <c r="U28" s="245"/>
      <c r="V28" s="245"/>
      <c r="W28" s="245"/>
      <c r="X28" s="245"/>
      <c r="Y28" s="245"/>
      <c r="Z28" s="245"/>
      <c r="AA28" s="245"/>
      <c r="AB28" s="245"/>
      <c r="AC28" s="245"/>
      <c r="AD28" s="245"/>
      <c r="AE28" s="245"/>
      <c r="AF28" s="245"/>
      <c r="AG28" s="245"/>
      <c r="AH28" s="245"/>
    </row>
    <row r="29" spans="1:53" ht="3" customHeight="1" x14ac:dyDescent="0.2">
      <c r="A29" s="128"/>
      <c r="B29" s="24"/>
      <c r="C29" s="24"/>
      <c r="D29" s="24"/>
      <c r="E29" s="24"/>
      <c r="F29" s="24"/>
      <c r="G29" s="24"/>
      <c r="H29" s="24"/>
      <c r="I29" s="24"/>
      <c r="J29" s="24"/>
      <c r="K29" s="24"/>
      <c r="L29" s="24"/>
      <c r="M29" s="130"/>
    </row>
    <row r="30" spans="1:53" ht="112.5" customHeight="1" x14ac:dyDescent="0.2">
      <c r="A30" s="128"/>
      <c r="B30" s="245" t="s">
        <v>205</v>
      </c>
      <c r="C30" s="245"/>
      <c r="D30" s="245"/>
      <c r="E30" s="245"/>
      <c r="F30" s="245"/>
      <c r="G30" s="245"/>
      <c r="H30" s="245"/>
      <c r="I30" s="245"/>
      <c r="J30" s="245"/>
      <c r="K30" s="245"/>
      <c r="L30" s="245"/>
      <c r="M30" s="245"/>
      <c r="N30" s="245"/>
      <c r="O30" s="245"/>
      <c r="P30" s="245"/>
      <c r="Q30" s="245"/>
      <c r="R30" s="245"/>
      <c r="S30" s="245"/>
      <c r="T30" s="245"/>
      <c r="U30" s="245"/>
      <c r="V30" s="245"/>
      <c r="W30" s="245"/>
      <c r="X30" s="245"/>
      <c r="Y30" s="245"/>
      <c r="Z30" s="245"/>
      <c r="AA30" s="245"/>
      <c r="AB30" s="245"/>
      <c r="AC30" s="245"/>
      <c r="AD30" s="245"/>
      <c r="AE30" s="245"/>
      <c r="AF30" s="245"/>
      <c r="AG30" s="245"/>
      <c r="AH30" s="245"/>
    </row>
    <row r="31" spans="1:53" x14ac:dyDescent="0.2">
      <c r="A31" s="127"/>
      <c r="B31" s="1"/>
      <c r="C31" s="1"/>
      <c r="D31" s="1"/>
      <c r="E31" s="1"/>
      <c r="F31" s="1"/>
      <c r="G31" s="1"/>
      <c r="H31" s="1"/>
      <c r="I31" s="1"/>
      <c r="J31" s="1"/>
      <c r="K31" s="1"/>
      <c r="L31" s="1"/>
      <c r="M31" s="127"/>
      <c r="N31" s="127"/>
      <c r="O31" s="127"/>
      <c r="P31" s="127"/>
      <c r="Q31" s="127"/>
      <c r="R31" s="127"/>
      <c r="S31" s="127"/>
      <c r="T31" s="127"/>
      <c r="U31" s="127"/>
      <c r="V31" s="150"/>
      <c r="W31" s="127"/>
      <c r="X31" s="127"/>
      <c r="Y31" s="127"/>
      <c r="Z31" s="127"/>
    </row>
    <row r="32" spans="1:53" ht="20.100000000000001" customHeight="1" x14ac:dyDescent="0.2">
      <c r="A32" s="127"/>
      <c r="B32" s="1" t="s">
        <v>15</v>
      </c>
      <c r="C32" s="1"/>
      <c r="D32" s="127"/>
      <c r="E32" s="151"/>
      <c r="F32" s="246" t="str">
        <f>IF('Input Form'!D6="", "", 'Input Form'!D6)</f>
        <v>SHETLAND UHI LTD</v>
      </c>
      <c r="G32" s="247"/>
      <c r="H32" s="247"/>
      <c r="I32" s="247"/>
      <c r="J32" s="247"/>
      <c r="K32" s="247"/>
      <c r="L32" s="247"/>
      <c r="M32" s="247"/>
      <c r="N32" s="247"/>
      <c r="O32" s="247"/>
      <c r="P32" s="247"/>
      <c r="Q32" s="247"/>
      <c r="R32" s="247"/>
      <c r="S32" s="247"/>
      <c r="T32" s="247"/>
      <c r="U32" s="247"/>
      <c r="V32" s="247"/>
      <c r="W32" s="247"/>
      <c r="X32" s="247"/>
      <c r="Y32" s="248"/>
      <c r="Z32" s="152" t="s">
        <v>204</v>
      </c>
    </row>
    <row r="33" spans="1:36" ht="6.95" customHeight="1" x14ac:dyDescent="0.2">
      <c r="A33" s="127"/>
      <c r="B33" s="1"/>
      <c r="C33" s="1"/>
      <c r="D33" s="1"/>
      <c r="E33" s="1"/>
      <c r="F33" s="1"/>
      <c r="G33" s="1"/>
      <c r="H33" s="1"/>
      <c r="I33" s="1"/>
      <c r="J33" s="1"/>
      <c r="K33" s="1"/>
      <c r="L33" s="1"/>
      <c r="M33" s="127"/>
      <c r="N33" s="127"/>
      <c r="O33" s="127"/>
      <c r="P33" s="127"/>
      <c r="Q33" s="127"/>
      <c r="R33" s="127"/>
      <c r="S33" s="127"/>
      <c r="T33" s="127"/>
      <c r="U33" s="127"/>
      <c r="V33" s="150"/>
      <c r="W33" s="127"/>
      <c r="X33" s="127"/>
      <c r="Y33" s="127"/>
      <c r="Z33" s="127"/>
    </row>
    <row r="34" spans="1:36" ht="20.100000000000001" customHeight="1" x14ac:dyDescent="0.2">
      <c r="A34" s="127"/>
      <c r="B34" s="1" t="s">
        <v>27</v>
      </c>
      <c r="C34" s="249"/>
      <c r="D34" s="250"/>
      <c r="E34" s="250"/>
      <c r="F34" s="250"/>
      <c r="G34" s="250"/>
      <c r="H34" s="250"/>
      <c r="I34" s="250"/>
      <c r="J34" s="250"/>
      <c r="K34" s="250"/>
      <c r="L34" s="250"/>
      <c r="M34" s="250"/>
      <c r="N34" s="250"/>
      <c r="O34" s="250"/>
      <c r="P34" s="250"/>
      <c r="Q34" s="250"/>
      <c r="R34" s="250"/>
      <c r="S34" s="250"/>
      <c r="T34" s="250"/>
      <c r="U34" s="250"/>
      <c r="V34" s="250"/>
      <c r="W34" s="250"/>
      <c r="X34" s="250"/>
      <c r="Y34" s="251"/>
      <c r="Z34" s="152" t="s">
        <v>28</v>
      </c>
    </row>
    <row r="35" spans="1:36" ht="6.95" customHeight="1" x14ac:dyDescent="0.2">
      <c r="A35" s="127"/>
      <c r="B35" s="1"/>
      <c r="C35" s="1"/>
      <c r="D35" s="1"/>
      <c r="E35" s="1"/>
      <c r="F35" s="1"/>
      <c r="G35" s="1"/>
      <c r="H35" s="1"/>
      <c r="I35" s="1"/>
      <c r="J35" s="1"/>
      <c r="K35" s="1"/>
      <c r="L35" s="1"/>
      <c r="M35" s="127"/>
      <c r="N35" s="127"/>
      <c r="O35" s="127"/>
      <c r="P35" s="127"/>
      <c r="Q35" s="127"/>
      <c r="R35" s="127"/>
      <c r="S35" s="127"/>
      <c r="T35" s="127"/>
      <c r="U35" s="127"/>
      <c r="V35" s="150"/>
      <c r="W35" s="127"/>
      <c r="X35" s="127"/>
      <c r="Y35" s="127"/>
      <c r="Z35" s="127"/>
    </row>
    <row r="36" spans="1:36" ht="20.100000000000001" customHeight="1" x14ac:dyDescent="0.2">
      <c r="A36" s="127"/>
      <c r="B36" s="1" t="s">
        <v>16</v>
      </c>
      <c r="C36" s="249"/>
      <c r="D36" s="250"/>
      <c r="E36" s="250"/>
      <c r="F36" s="250"/>
      <c r="G36" s="250"/>
      <c r="H36" s="250"/>
      <c r="I36" s="251"/>
      <c r="J36" s="152" t="s">
        <v>78</v>
      </c>
      <c r="K36" s="1"/>
      <c r="L36" s="1"/>
      <c r="M36" s="127"/>
      <c r="N36" s="127"/>
      <c r="O36" s="127"/>
      <c r="P36" s="127"/>
      <c r="Q36" s="127"/>
      <c r="R36" s="127"/>
      <c r="S36" s="127"/>
      <c r="T36" s="127"/>
      <c r="U36" s="127"/>
      <c r="V36" s="150"/>
      <c r="W36" s="127"/>
      <c r="X36" s="127"/>
      <c r="Y36" s="127"/>
      <c r="Z36" s="127"/>
    </row>
    <row r="37" spans="1:36" ht="12.75" customHeight="1" x14ac:dyDescent="0.2">
      <c r="A37" s="127"/>
      <c r="B37" s="1"/>
      <c r="C37" s="1"/>
      <c r="D37" s="1"/>
      <c r="E37" s="1"/>
      <c r="F37" s="1"/>
      <c r="G37" s="1"/>
      <c r="H37" s="1"/>
      <c r="I37" s="1"/>
      <c r="J37" s="1"/>
      <c r="K37" s="1"/>
      <c r="L37" s="1"/>
      <c r="M37" s="127"/>
      <c r="N37" s="127"/>
      <c r="O37" s="127"/>
      <c r="P37" s="127"/>
      <c r="Q37" s="127"/>
      <c r="R37" s="127"/>
      <c r="S37" s="127"/>
      <c r="T37" s="127"/>
      <c r="U37" s="127"/>
      <c r="V37" s="150"/>
      <c r="W37" s="127"/>
      <c r="X37" s="127"/>
      <c r="Y37" s="127"/>
      <c r="Z37" s="127"/>
    </row>
    <row r="38" spans="1:36" ht="20.100000000000001" customHeight="1" x14ac:dyDescent="0.2">
      <c r="A38" s="127"/>
      <c r="B38" s="1" t="s">
        <v>190</v>
      </c>
      <c r="C38" s="1"/>
      <c r="D38" s="231"/>
      <c r="E38" s="232"/>
      <c r="F38" s="232"/>
      <c r="G38" s="232"/>
      <c r="H38" s="232"/>
      <c r="I38" s="232"/>
      <c r="J38" s="232"/>
      <c r="K38" s="232"/>
      <c r="L38" s="232"/>
      <c r="M38" s="232"/>
      <c r="N38" s="232"/>
      <c r="O38" s="232"/>
      <c r="P38" s="232"/>
      <c r="Q38" s="232"/>
      <c r="R38" s="232"/>
      <c r="S38" s="232"/>
      <c r="T38" s="232"/>
      <c r="U38" s="232"/>
      <c r="V38" s="232"/>
      <c r="W38" s="233"/>
      <c r="X38" s="127"/>
      <c r="Y38" s="127"/>
      <c r="Z38" s="127"/>
      <c r="AB38" s="241" t="s">
        <v>181</v>
      </c>
      <c r="AC38" s="241"/>
      <c r="AD38" s="241"/>
      <c r="AE38" s="241"/>
      <c r="AF38" s="241"/>
      <c r="AG38" s="241"/>
      <c r="AH38" s="241"/>
    </row>
    <row r="39" spans="1:36" ht="6.95" customHeight="1" x14ac:dyDescent="0.2">
      <c r="A39" s="127"/>
      <c r="B39" s="1"/>
      <c r="C39" s="1"/>
      <c r="D39" s="151"/>
      <c r="E39" s="151"/>
      <c r="F39" s="151"/>
      <c r="G39" s="151"/>
      <c r="H39" s="1"/>
      <c r="I39" s="1"/>
      <c r="J39" s="1"/>
      <c r="K39" s="1"/>
      <c r="L39" s="1"/>
      <c r="M39" s="127"/>
      <c r="N39" s="127"/>
      <c r="O39" s="127"/>
      <c r="P39" s="127"/>
      <c r="Q39" s="127"/>
      <c r="R39" s="127"/>
      <c r="S39" s="127"/>
      <c r="T39" s="127"/>
      <c r="U39" s="127"/>
      <c r="V39" s="150"/>
      <c r="W39" s="127"/>
      <c r="X39" s="127"/>
      <c r="Y39" s="127"/>
      <c r="Z39" s="127"/>
      <c r="AB39" s="241"/>
      <c r="AC39" s="241"/>
      <c r="AD39" s="241"/>
      <c r="AE39" s="241"/>
      <c r="AF39" s="241"/>
      <c r="AG39" s="241"/>
      <c r="AH39" s="241"/>
    </row>
    <row r="40" spans="1:36" ht="20.100000000000001" customHeight="1" x14ac:dyDescent="0.2">
      <c r="A40" s="127"/>
      <c r="B40" s="1" t="s">
        <v>29</v>
      </c>
      <c r="C40" s="1"/>
      <c r="D40" s="231"/>
      <c r="E40" s="232"/>
      <c r="F40" s="232"/>
      <c r="G40" s="232"/>
      <c r="H40" s="232"/>
      <c r="I40" s="232"/>
      <c r="J40" s="232"/>
      <c r="K40" s="232"/>
      <c r="L40" s="232"/>
      <c r="M40" s="232"/>
      <c r="N40" s="232"/>
      <c r="O40" s="232"/>
      <c r="P40" s="232"/>
      <c r="Q40" s="232"/>
      <c r="R40" s="232"/>
      <c r="S40" s="232"/>
      <c r="T40" s="232"/>
      <c r="U40" s="232"/>
      <c r="V40" s="232"/>
      <c r="W40" s="233"/>
      <c r="X40" s="127"/>
      <c r="Y40" s="127"/>
      <c r="Z40" s="127"/>
      <c r="AB40" s="241"/>
      <c r="AC40" s="241"/>
      <c r="AD40" s="241"/>
      <c r="AE40" s="241"/>
      <c r="AF40" s="241"/>
      <c r="AG40" s="241"/>
      <c r="AH40" s="241"/>
    </row>
    <row r="41" spans="1:36" ht="8.1" customHeight="1" x14ac:dyDescent="0.2">
      <c r="A41" s="127"/>
      <c r="B41" s="1"/>
      <c r="C41" s="1"/>
      <c r="D41" s="151"/>
      <c r="E41" s="151"/>
      <c r="F41" s="151"/>
      <c r="G41" s="151"/>
      <c r="H41" s="1"/>
      <c r="I41" s="1"/>
      <c r="J41" s="1"/>
      <c r="K41" s="1"/>
      <c r="L41" s="1"/>
      <c r="M41" s="127"/>
      <c r="N41" s="127"/>
      <c r="O41" s="127"/>
      <c r="P41" s="127"/>
      <c r="Q41" s="127"/>
      <c r="R41" s="127"/>
      <c r="S41" s="127"/>
      <c r="T41" s="127"/>
      <c r="U41" s="127"/>
      <c r="V41" s="150"/>
      <c r="W41" s="127"/>
      <c r="X41" s="127"/>
      <c r="Y41" s="127"/>
      <c r="Z41" s="127"/>
      <c r="AB41" s="241"/>
      <c r="AC41" s="241"/>
      <c r="AD41" s="241"/>
      <c r="AE41" s="241"/>
      <c r="AF41" s="241"/>
      <c r="AG41" s="241"/>
      <c r="AH41" s="241"/>
    </row>
    <row r="42" spans="1:36" s="68" customFormat="1" ht="20.100000000000001" customHeight="1" x14ac:dyDescent="0.2">
      <c r="A42" s="127"/>
      <c r="B42" s="1" t="s">
        <v>138</v>
      </c>
      <c r="C42" s="1"/>
      <c r="D42" s="153"/>
      <c r="E42" s="204" t="s">
        <v>75</v>
      </c>
      <c r="F42" s="127"/>
      <c r="G42" s="127"/>
      <c r="H42"/>
      <c r="I42"/>
      <c r="J42"/>
      <c r="K42"/>
      <c r="L42"/>
      <c r="M42"/>
      <c r="N42"/>
      <c r="O42" s="127"/>
      <c r="P42" s="127"/>
      <c r="Q42" s="1"/>
      <c r="R42" s="1"/>
      <c r="S42" s="1"/>
      <c r="T42" s="1"/>
      <c r="U42" s="1"/>
      <c r="V42" s="150"/>
      <c r="W42" s="127"/>
      <c r="X42" s="127"/>
      <c r="Y42" s="127"/>
      <c r="Z42" s="127"/>
      <c r="AA42" s="7"/>
      <c r="AB42" s="241"/>
      <c r="AC42" s="241"/>
      <c r="AD42" s="241"/>
      <c r="AE42" s="241"/>
      <c r="AF42" s="241"/>
      <c r="AG42" s="241"/>
      <c r="AH42" s="241"/>
      <c r="AI42" s="7"/>
      <c r="AJ42" s="113"/>
    </row>
    <row r="43" spans="1:36" ht="6.95" customHeight="1" x14ac:dyDescent="0.2">
      <c r="A43" s="127"/>
      <c r="B43" s="127"/>
      <c r="C43" s="127"/>
      <c r="D43" s="127"/>
      <c r="E43" s="127"/>
      <c r="F43" s="127"/>
      <c r="G43" s="127"/>
      <c r="H43" s="127"/>
      <c r="I43" s="127"/>
      <c r="J43" s="127"/>
      <c r="K43" s="127"/>
      <c r="L43" s="127"/>
      <c r="M43" s="127"/>
      <c r="N43" s="127"/>
      <c r="O43" s="127"/>
      <c r="P43" s="127"/>
      <c r="Q43" s="127"/>
      <c r="R43" s="127"/>
      <c r="S43" s="127"/>
      <c r="T43" s="127"/>
      <c r="U43" s="127"/>
      <c r="V43" s="150"/>
      <c r="W43" s="127"/>
      <c r="X43" s="127"/>
      <c r="Y43" s="127"/>
      <c r="Z43" s="127"/>
      <c r="AB43" s="241"/>
      <c r="AC43" s="241"/>
      <c r="AD43" s="241"/>
      <c r="AE43" s="241"/>
      <c r="AF43" s="241"/>
      <c r="AG43" s="241"/>
      <c r="AH43" s="241"/>
    </row>
    <row r="44" spans="1:36" s="68" customFormat="1" ht="20.100000000000001" customHeight="1" x14ac:dyDescent="0.25">
      <c r="A44" s="127"/>
      <c r="B44" s="154" t="s">
        <v>37</v>
      </c>
      <c r="C44" s="154"/>
      <c r="D44" s="155"/>
      <c r="E44" s="155"/>
      <c r="F44" s="156" t="s">
        <v>76</v>
      </c>
      <c r="G44" s="155"/>
      <c r="H44" s="155"/>
      <c r="I44" s="156" t="s">
        <v>76</v>
      </c>
      <c r="J44" s="155"/>
      <c r="K44" s="155"/>
      <c r="L44" s="155"/>
      <c r="M44" s="155"/>
      <c r="N44" s="151"/>
      <c r="O44" s="151"/>
      <c r="P44" s="151"/>
      <c r="Q44" s="1"/>
      <c r="R44" s="1"/>
      <c r="S44" s="1"/>
      <c r="T44" s="1"/>
      <c r="U44" s="1"/>
      <c r="V44" s="127"/>
      <c r="W44" s="151"/>
      <c r="X44" s="151"/>
      <c r="Y44" s="151"/>
      <c r="Z44" s="151"/>
      <c r="AA44" s="69"/>
      <c r="AB44" s="241"/>
      <c r="AC44" s="241"/>
      <c r="AD44" s="241"/>
      <c r="AE44" s="241"/>
      <c r="AF44" s="241"/>
      <c r="AG44" s="241"/>
      <c r="AH44" s="241"/>
      <c r="AI44" s="112"/>
      <c r="AJ44" s="111"/>
    </row>
    <row r="45" spans="1:36" x14ac:dyDescent="0.2">
      <c r="A45" s="127"/>
      <c r="B45" s="1"/>
      <c r="C45" s="1"/>
      <c r="D45" s="151"/>
      <c r="E45" s="151"/>
      <c r="F45" s="151"/>
      <c r="G45" s="151"/>
      <c r="H45" s="1"/>
      <c r="I45" s="1"/>
      <c r="J45" s="1"/>
      <c r="K45" s="1"/>
      <c r="L45" s="1"/>
      <c r="M45" s="127"/>
      <c r="N45" s="127"/>
      <c r="O45" s="127"/>
      <c r="P45" s="127"/>
      <c r="Q45" s="127"/>
      <c r="R45" s="127"/>
      <c r="S45" s="127"/>
      <c r="T45" s="127"/>
      <c r="U45" s="127"/>
      <c r="V45" s="150"/>
      <c r="W45" s="127"/>
      <c r="X45" s="127"/>
      <c r="Y45" s="127"/>
      <c r="Z45" s="127"/>
    </row>
    <row r="46" spans="1:36" ht="20.100000000000001" customHeight="1" x14ac:dyDescent="0.2">
      <c r="A46" s="127"/>
      <c r="B46" s="1" t="s">
        <v>190</v>
      </c>
      <c r="C46" s="1"/>
      <c r="D46" s="231"/>
      <c r="E46" s="232"/>
      <c r="F46" s="232"/>
      <c r="G46" s="232"/>
      <c r="H46" s="232"/>
      <c r="I46" s="232"/>
      <c r="J46" s="232"/>
      <c r="K46" s="232"/>
      <c r="L46" s="232"/>
      <c r="M46" s="232"/>
      <c r="N46" s="232"/>
      <c r="O46" s="232"/>
      <c r="P46" s="232"/>
      <c r="Q46" s="232"/>
      <c r="R46" s="232"/>
      <c r="S46" s="232"/>
      <c r="T46" s="232"/>
      <c r="U46" s="232"/>
      <c r="V46" s="232"/>
      <c r="W46" s="233"/>
      <c r="X46" s="127"/>
      <c r="Y46" s="127"/>
      <c r="Z46" s="127"/>
      <c r="AB46" s="252" t="s">
        <v>182</v>
      </c>
      <c r="AC46" s="252"/>
      <c r="AD46" s="252"/>
      <c r="AE46" s="252"/>
      <c r="AF46" s="252"/>
      <c r="AG46" s="252"/>
      <c r="AH46" s="252"/>
    </row>
    <row r="47" spans="1:36" ht="6.95" customHeight="1" x14ac:dyDescent="0.2">
      <c r="A47" s="127"/>
      <c r="B47" s="1"/>
      <c r="C47" s="1"/>
      <c r="D47" s="151"/>
      <c r="E47" s="151"/>
      <c r="F47" s="151"/>
      <c r="G47" s="151"/>
      <c r="H47" s="1"/>
      <c r="I47" s="1"/>
      <c r="J47" s="1"/>
      <c r="K47" s="1"/>
      <c r="L47" s="1"/>
      <c r="M47" s="127"/>
      <c r="N47" s="127"/>
      <c r="O47" s="127"/>
      <c r="P47" s="127"/>
      <c r="Q47" s="127"/>
      <c r="R47" s="127"/>
      <c r="S47" s="127"/>
      <c r="T47" s="127"/>
      <c r="U47" s="127"/>
      <c r="V47" s="150"/>
      <c r="W47" s="127"/>
      <c r="X47" s="127"/>
      <c r="Y47" s="127"/>
      <c r="Z47" s="127"/>
      <c r="AB47" s="252"/>
      <c r="AC47" s="252"/>
      <c r="AD47" s="252"/>
      <c r="AE47" s="252"/>
      <c r="AF47" s="252"/>
      <c r="AG47" s="252"/>
      <c r="AH47" s="252"/>
    </row>
    <row r="48" spans="1:36" ht="20.100000000000001" customHeight="1" x14ac:dyDescent="0.2">
      <c r="A48" s="127"/>
      <c r="B48" s="1" t="s">
        <v>29</v>
      </c>
      <c r="C48" s="1"/>
      <c r="D48" s="231"/>
      <c r="E48" s="232"/>
      <c r="F48" s="232"/>
      <c r="G48" s="232"/>
      <c r="H48" s="232"/>
      <c r="I48" s="232"/>
      <c r="J48" s="232"/>
      <c r="K48" s="232"/>
      <c r="L48" s="232"/>
      <c r="M48" s="232"/>
      <c r="N48" s="232"/>
      <c r="O48" s="232"/>
      <c r="P48" s="232"/>
      <c r="Q48" s="232"/>
      <c r="R48" s="232"/>
      <c r="S48" s="232"/>
      <c r="T48" s="232"/>
      <c r="U48" s="232"/>
      <c r="V48" s="232"/>
      <c r="W48" s="233"/>
      <c r="X48" s="127"/>
      <c r="Y48" s="127"/>
      <c r="Z48" s="127"/>
      <c r="AB48" s="252"/>
      <c r="AC48" s="252"/>
      <c r="AD48" s="252"/>
      <c r="AE48" s="252"/>
      <c r="AF48" s="252"/>
      <c r="AG48" s="252"/>
      <c r="AH48" s="252"/>
    </row>
    <row r="49" spans="1:36" ht="8.1" customHeight="1" x14ac:dyDescent="0.2">
      <c r="A49" s="127"/>
      <c r="B49" s="1"/>
      <c r="C49" s="1"/>
      <c r="D49" s="151"/>
      <c r="E49" s="151"/>
      <c r="F49" s="151"/>
      <c r="G49" s="151"/>
      <c r="H49" s="1"/>
      <c r="I49" s="1"/>
      <c r="J49" s="1"/>
      <c r="K49" s="1"/>
      <c r="L49" s="1"/>
      <c r="M49" s="127"/>
      <c r="N49" s="127"/>
      <c r="O49" s="127"/>
      <c r="P49" s="127"/>
      <c r="Q49" s="127"/>
      <c r="R49" s="127"/>
      <c r="S49" s="127"/>
      <c r="T49" s="127"/>
      <c r="U49" s="127"/>
      <c r="V49" s="150"/>
      <c r="W49" s="127"/>
      <c r="X49" s="127"/>
      <c r="Y49" s="127"/>
      <c r="Z49" s="127"/>
      <c r="AB49" s="252"/>
      <c r="AC49" s="252"/>
      <c r="AD49" s="252"/>
      <c r="AE49" s="252"/>
      <c r="AF49" s="252"/>
      <c r="AG49" s="252"/>
      <c r="AH49" s="252"/>
    </row>
    <row r="50" spans="1:36" s="68" customFormat="1" ht="20.100000000000001" customHeight="1" x14ac:dyDescent="0.2">
      <c r="A50" s="127"/>
      <c r="B50" s="1" t="s">
        <v>138</v>
      </c>
      <c r="C50" s="1"/>
      <c r="D50" s="153"/>
      <c r="E50" s="204" t="s">
        <v>75</v>
      </c>
      <c r="F50" s="127"/>
      <c r="G50" s="127"/>
      <c r="H50"/>
      <c r="I50"/>
      <c r="J50"/>
      <c r="K50"/>
      <c r="L50"/>
      <c r="M50"/>
      <c r="N50" s="127"/>
      <c r="O50" s="127"/>
      <c r="P50" s="127"/>
      <c r="Q50" s="1"/>
      <c r="R50" s="1"/>
      <c r="S50" s="1"/>
      <c r="T50" s="1"/>
      <c r="U50" s="1"/>
      <c r="V50" s="150"/>
      <c r="W50" s="127"/>
      <c r="X50" s="127"/>
      <c r="Y50" s="127"/>
      <c r="Z50" s="127"/>
      <c r="AA50" s="7"/>
      <c r="AB50" s="252"/>
      <c r="AC50" s="252"/>
      <c r="AD50" s="252"/>
      <c r="AE50" s="252"/>
      <c r="AF50" s="252"/>
      <c r="AG50" s="252"/>
      <c r="AH50" s="252"/>
      <c r="AI50" s="7"/>
      <c r="AJ50" s="113"/>
    </row>
    <row r="51" spans="1:36" ht="6.95" customHeight="1" x14ac:dyDescent="0.2">
      <c r="A51" s="127"/>
      <c r="B51" s="127"/>
      <c r="C51" s="127"/>
      <c r="D51" s="127"/>
      <c r="E51" s="127"/>
      <c r="F51" s="127"/>
      <c r="G51" s="127"/>
      <c r="H51" s="127"/>
      <c r="I51" s="127"/>
      <c r="J51" s="127"/>
      <c r="K51" s="127"/>
      <c r="L51" s="127"/>
      <c r="M51" s="127"/>
      <c r="N51" s="127"/>
      <c r="O51" s="127"/>
      <c r="P51" s="127"/>
      <c r="Q51" s="127"/>
      <c r="R51" s="127"/>
      <c r="S51" s="127"/>
      <c r="T51" s="127"/>
      <c r="U51" s="127"/>
      <c r="V51" s="150"/>
      <c r="W51" s="127"/>
      <c r="X51" s="127"/>
      <c r="Y51" s="127"/>
      <c r="Z51" s="127"/>
      <c r="AB51" s="252"/>
      <c r="AC51" s="252"/>
      <c r="AD51" s="252"/>
      <c r="AE51" s="252"/>
      <c r="AF51" s="252"/>
      <c r="AG51" s="252"/>
      <c r="AH51" s="252"/>
    </row>
    <row r="52" spans="1:36" s="68" customFormat="1" ht="20.100000000000001" customHeight="1" x14ac:dyDescent="0.25">
      <c r="A52" s="127"/>
      <c r="B52" s="154" t="s">
        <v>37</v>
      </c>
      <c r="C52" s="154"/>
      <c r="D52" s="155"/>
      <c r="E52" s="155"/>
      <c r="F52" s="156" t="s">
        <v>76</v>
      </c>
      <c r="G52" s="155"/>
      <c r="H52" s="155"/>
      <c r="I52" s="156" t="s">
        <v>76</v>
      </c>
      <c r="J52" s="155"/>
      <c r="K52" s="155"/>
      <c r="L52" s="155"/>
      <c r="M52" s="155"/>
      <c r="N52" s="151"/>
      <c r="O52" s="151"/>
      <c r="P52" s="151"/>
      <c r="Q52" s="1"/>
      <c r="R52" s="1"/>
      <c r="S52" s="1"/>
      <c r="T52" s="1"/>
      <c r="U52" s="1"/>
      <c r="V52" s="127"/>
      <c r="W52" s="151"/>
      <c r="X52" s="151"/>
      <c r="Y52" s="151"/>
      <c r="Z52" s="151"/>
      <c r="AA52" s="69"/>
      <c r="AB52" s="252"/>
      <c r="AC52" s="252"/>
      <c r="AD52" s="252"/>
      <c r="AE52" s="252"/>
      <c r="AF52" s="252"/>
      <c r="AG52" s="252"/>
      <c r="AH52" s="252"/>
      <c r="AI52" s="112"/>
      <c r="AJ52" s="111"/>
    </row>
    <row r="53" spans="1:36" x14ac:dyDescent="0.2">
      <c r="A53" s="127"/>
      <c r="B53" s="1"/>
      <c r="C53" s="1"/>
      <c r="D53" s="151"/>
      <c r="E53" s="151"/>
      <c r="F53" s="151"/>
      <c r="G53" s="151"/>
      <c r="H53" s="1"/>
      <c r="I53" s="1"/>
      <c r="J53" s="1"/>
      <c r="K53" s="1"/>
      <c r="L53" s="1"/>
      <c r="M53" s="127"/>
      <c r="N53" s="127"/>
      <c r="O53" s="127"/>
      <c r="P53" s="127"/>
      <c r="Q53" s="127"/>
      <c r="R53" s="127"/>
      <c r="S53" s="127"/>
      <c r="T53" s="127"/>
      <c r="U53" s="127"/>
      <c r="V53" s="150"/>
      <c r="W53" s="127"/>
      <c r="X53" s="127"/>
      <c r="Y53" s="127"/>
      <c r="Z53" s="127"/>
      <c r="AB53" s="252"/>
      <c r="AC53" s="252"/>
      <c r="AD53" s="252"/>
      <c r="AE53" s="252"/>
      <c r="AF53" s="252"/>
      <c r="AG53" s="252"/>
      <c r="AH53" s="252"/>
    </row>
    <row r="54" spans="1:36" ht="20.100000000000001" customHeight="1" x14ac:dyDescent="0.2">
      <c r="A54" s="127"/>
      <c r="B54" s="1" t="s">
        <v>190</v>
      </c>
      <c r="C54" s="1"/>
      <c r="D54" s="231"/>
      <c r="E54" s="232"/>
      <c r="F54" s="232"/>
      <c r="G54" s="232"/>
      <c r="H54" s="232"/>
      <c r="I54" s="232"/>
      <c r="J54" s="232"/>
      <c r="K54" s="232"/>
      <c r="L54" s="232"/>
      <c r="M54" s="232"/>
      <c r="N54" s="232"/>
      <c r="O54" s="232"/>
      <c r="P54" s="232"/>
      <c r="Q54" s="232"/>
      <c r="R54" s="232"/>
      <c r="S54" s="232"/>
      <c r="T54" s="232"/>
      <c r="U54" s="232"/>
      <c r="V54" s="232"/>
      <c r="W54" s="233"/>
      <c r="X54" s="127"/>
      <c r="Y54" s="127"/>
      <c r="Z54" s="127"/>
      <c r="AB54" s="252"/>
      <c r="AC54" s="252"/>
      <c r="AD54" s="252"/>
      <c r="AE54" s="252"/>
      <c r="AF54" s="252"/>
      <c r="AG54" s="252"/>
      <c r="AH54" s="252"/>
    </row>
    <row r="55" spans="1:36" ht="6.95" customHeight="1" x14ac:dyDescent="0.2">
      <c r="A55" s="127"/>
      <c r="B55" s="1"/>
      <c r="C55" s="1"/>
      <c r="D55" s="151"/>
      <c r="E55" s="151"/>
      <c r="F55" s="151"/>
      <c r="G55" s="151"/>
      <c r="H55" s="1"/>
      <c r="I55" s="1"/>
      <c r="J55" s="1"/>
      <c r="K55" s="1"/>
      <c r="L55" s="1"/>
      <c r="M55" s="127"/>
      <c r="N55" s="127"/>
      <c r="O55" s="127"/>
      <c r="P55" s="127"/>
      <c r="Q55" s="127"/>
      <c r="R55" s="127"/>
      <c r="S55" s="127"/>
      <c r="T55" s="127"/>
      <c r="U55" s="127"/>
      <c r="V55" s="150"/>
      <c r="W55" s="127"/>
      <c r="X55" s="127"/>
      <c r="Y55" s="127"/>
      <c r="Z55" s="127"/>
      <c r="AB55" s="252"/>
      <c r="AC55" s="252"/>
      <c r="AD55" s="252"/>
      <c r="AE55" s="252"/>
      <c r="AF55" s="252"/>
      <c r="AG55" s="252"/>
      <c r="AH55" s="252"/>
    </row>
    <row r="56" spans="1:36" ht="20.100000000000001" customHeight="1" x14ac:dyDescent="0.2">
      <c r="A56" s="127"/>
      <c r="B56" s="1" t="s">
        <v>29</v>
      </c>
      <c r="C56" s="1"/>
      <c r="D56" s="231"/>
      <c r="E56" s="232"/>
      <c r="F56" s="232"/>
      <c r="G56" s="232"/>
      <c r="H56" s="232"/>
      <c r="I56" s="232"/>
      <c r="J56" s="232"/>
      <c r="K56" s="232"/>
      <c r="L56" s="232"/>
      <c r="M56" s="232"/>
      <c r="N56" s="232"/>
      <c r="O56" s="232"/>
      <c r="P56" s="232"/>
      <c r="Q56" s="232"/>
      <c r="R56" s="232"/>
      <c r="S56" s="232"/>
      <c r="T56" s="232"/>
      <c r="U56" s="232"/>
      <c r="V56" s="232"/>
      <c r="W56" s="233"/>
      <c r="X56" s="127"/>
      <c r="Y56" s="127"/>
      <c r="Z56" s="127"/>
      <c r="AB56" s="252"/>
      <c r="AC56" s="252"/>
      <c r="AD56" s="252"/>
      <c r="AE56" s="252"/>
      <c r="AF56" s="252"/>
      <c r="AG56" s="252"/>
      <c r="AH56" s="252"/>
    </row>
    <row r="57" spans="1:36" ht="8.1" customHeight="1" x14ac:dyDescent="0.2">
      <c r="A57" s="127"/>
      <c r="B57" s="1"/>
      <c r="C57" s="1"/>
      <c r="D57" s="151"/>
      <c r="E57" s="151"/>
      <c r="F57" s="151"/>
      <c r="G57" s="151"/>
      <c r="H57" s="1"/>
      <c r="I57" s="1"/>
      <c r="J57" s="1"/>
      <c r="K57" s="1"/>
      <c r="L57" s="1"/>
      <c r="M57" s="127"/>
      <c r="N57" s="127"/>
      <c r="O57" s="127"/>
      <c r="P57" s="127"/>
      <c r="Q57" s="127"/>
      <c r="R57" s="127"/>
      <c r="S57" s="127"/>
      <c r="T57" s="127"/>
      <c r="U57" s="127"/>
      <c r="V57" s="150"/>
      <c r="W57" s="127"/>
      <c r="X57" s="127"/>
      <c r="Y57" s="127"/>
      <c r="Z57" s="127"/>
      <c r="AB57" s="252"/>
      <c r="AC57" s="252"/>
      <c r="AD57" s="252"/>
      <c r="AE57" s="252"/>
      <c r="AF57" s="252"/>
      <c r="AG57" s="252"/>
      <c r="AH57" s="252"/>
    </row>
    <row r="58" spans="1:36" s="68" customFormat="1" ht="20.100000000000001" customHeight="1" x14ac:dyDescent="0.2">
      <c r="A58" s="127"/>
      <c r="B58" s="1" t="s">
        <v>138</v>
      </c>
      <c r="C58" s="1"/>
      <c r="D58" s="153"/>
      <c r="E58" s="204" t="s">
        <v>75</v>
      </c>
      <c r="F58" s="127"/>
      <c r="G58" s="127"/>
      <c r="H58"/>
      <c r="I58"/>
      <c r="J58"/>
      <c r="K58"/>
      <c r="L58"/>
      <c r="M58"/>
      <c r="N58" s="127"/>
      <c r="O58" s="127"/>
      <c r="P58" s="127"/>
      <c r="Q58" s="1"/>
      <c r="R58" s="1"/>
      <c r="S58" s="1"/>
      <c r="T58" s="1"/>
      <c r="U58" s="1"/>
      <c r="V58" s="150"/>
      <c r="W58" s="127"/>
      <c r="X58" s="127"/>
      <c r="Y58" s="127"/>
      <c r="Z58" s="127"/>
      <c r="AA58" s="7"/>
      <c r="AB58" s="252"/>
      <c r="AC58" s="252"/>
      <c r="AD58" s="252"/>
      <c r="AE58" s="252"/>
      <c r="AF58" s="252"/>
      <c r="AG58" s="252"/>
      <c r="AH58" s="252"/>
      <c r="AI58" s="7"/>
      <c r="AJ58" s="113"/>
    </row>
    <row r="59" spans="1:36" ht="6.95" customHeight="1" x14ac:dyDescent="0.2">
      <c r="A59" s="127"/>
      <c r="B59" s="127"/>
      <c r="C59" s="127"/>
      <c r="D59" s="127"/>
      <c r="E59" s="127"/>
      <c r="F59" s="127"/>
      <c r="G59" s="127"/>
      <c r="H59" s="127"/>
      <c r="I59" s="127"/>
      <c r="J59" s="127"/>
      <c r="K59" s="127"/>
      <c r="L59" s="127"/>
      <c r="M59" s="127"/>
      <c r="N59" s="127"/>
      <c r="O59" s="127"/>
      <c r="P59" s="127"/>
      <c r="Q59" s="127"/>
      <c r="R59" s="127"/>
      <c r="S59" s="127"/>
      <c r="T59" s="127"/>
      <c r="U59" s="127"/>
      <c r="V59" s="150"/>
      <c r="W59" s="127"/>
      <c r="X59" s="127"/>
      <c r="Y59" s="127"/>
      <c r="Z59" s="127"/>
      <c r="AB59" s="252"/>
      <c r="AC59" s="252"/>
      <c r="AD59" s="252"/>
      <c r="AE59" s="252"/>
      <c r="AF59" s="252"/>
      <c r="AG59" s="252"/>
      <c r="AH59" s="252"/>
    </row>
    <row r="60" spans="1:36" s="68" customFormat="1" ht="20.100000000000001" customHeight="1" x14ac:dyDescent="0.25">
      <c r="A60" s="127"/>
      <c r="B60" s="154" t="s">
        <v>37</v>
      </c>
      <c r="C60" s="154"/>
      <c r="D60" s="155"/>
      <c r="E60" s="155"/>
      <c r="F60" s="156" t="s">
        <v>76</v>
      </c>
      <c r="G60" s="155"/>
      <c r="H60" s="155"/>
      <c r="I60" s="156" t="s">
        <v>76</v>
      </c>
      <c r="J60" s="155"/>
      <c r="K60" s="155"/>
      <c r="L60" s="155"/>
      <c r="M60" s="155"/>
      <c r="N60" s="151"/>
      <c r="O60" s="151"/>
      <c r="P60" s="151"/>
      <c r="Q60" s="1"/>
      <c r="R60" s="1"/>
      <c r="S60" s="1"/>
      <c r="T60" s="1"/>
      <c r="U60" s="1"/>
      <c r="V60" s="127"/>
      <c r="W60" s="151"/>
      <c r="X60" s="151"/>
      <c r="Y60" s="151"/>
      <c r="Z60" s="151"/>
      <c r="AA60" s="69"/>
      <c r="AB60" s="252"/>
      <c r="AC60" s="252"/>
      <c r="AD60" s="252"/>
      <c r="AE60" s="252"/>
      <c r="AF60" s="252"/>
      <c r="AG60" s="252"/>
      <c r="AH60" s="252"/>
      <c r="AI60" s="112"/>
      <c r="AJ60" s="111"/>
    </row>
    <row r="61" spans="1:36" x14ac:dyDescent="0.2">
      <c r="A61" s="127"/>
      <c r="B61" s="1"/>
      <c r="C61" s="1"/>
      <c r="D61" s="151"/>
      <c r="E61" s="151"/>
      <c r="F61" s="151"/>
      <c r="G61" s="151"/>
      <c r="H61" s="1"/>
      <c r="I61" s="1"/>
      <c r="J61" s="1"/>
      <c r="K61" s="1"/>
      <c r="L61" s="1"/>
      <c r="M61" s="127"/>
      <c r="N61" s="127"/>
      <c r="O61" s="127"/>
      <c r="P61" s="127"/>
      <c r="Q61" s="127"/>
      <c r="R61" s="127"/>
      <c r="S61" s="127"/>
      <c r="T61" s="127"/>
      <c r="U61" s="127"/>
      <c r="V61" s="150"/>
      <c r="W61" s="127"/>
      <c r="X61" s="127"/>
      <c r="Y61" s="127"/>
      <c r="Z61" s="127"/>
      <c r="AB61" s="252"/>
      <c r="AC61" s="252"/>
      <c r="AD61" s="252"/>
      <c r="AE61" s="252"/>
      <c r="AF61" s="252"/>
      <c r="AG61" s="252"/>
      <c r="AH61" s="252"/>
    </row>
    <row r="62" spans="1:36" ht="20.100000000000001" customHeight="1" x14ac:dyDescent="0.2">
      <c r="A62" s="127"/>
      <c r="B62" s="1" t="s">
        <v>190</v>
      </c>
      <c r="C62" s="1"/>
      <c r="D62" s="231"/>
      <c r="E62" s="232"/>
      <c r="F62" s="232"/>
      <c r="G62" s="232"/>
      <c r="H62" s="232"/>
      <c r="I62" s="232"/>
      <c r="J62" s="232"/>
      <c r="K62" s="232"/>
      <c r="L62" s="232"/>
      <c r="M62" s="232"/>
      <c r="N62" s="232"/>
      <c r="O62" s="232"/>
      <c r="P62" s="232"/>
      <c r="Q62" s="232"/>
      <c r="R62" s="232"/>
      <c r="S62" s="232"/>
      <c r="T62" s="232"/>
      <c r="U62" s="232"/>
      <c r="V62" s="232"/>
      <c r="W62" s="233"/>
      <c r="X62" s="127"/>
      <c r="Y62" s="127"/>
      <c r="Z62" s="127"/>
      <c r="AB62" s="252"/>
      <c r="AC62" s="252"/>
      <c r="AD62" s="252"/>
      <c r="AE62" s="252"/>
      <c r="AF62" s="252"/>
      <c r="AG62" s="252"/>
      <c r="AH62" s="252"/>
    </row>
    <row r="63" spans="1:36" ht="6.95" customHeight="1" x14ac:dyDescent="0.2">
      <c r="A63" s="127"/>
      <c r="B63" s="1"/>
      <c r="C63" s="1"/>
      <c r="D63" s="151"/>
      <c r="E63" s="151"/>
      <c r="F63" s="151"/>
      <c r="G63" s="151"/>
      <c r="H63" s="1"/>
      <c r="I63" s="1"/>
      <c r="J63" s="1"/>
      <c r="K63" s="1"/>
      <c r="L63" s="1"/>
      <c r="M63" s="127"/>
      <c r="N63" s="127"/>
      <c r="O63" s="127"/>
      <c r="P63" s="127"/>
      <c r="Q63" s="127"/>
      <c r="R63" s="127"/>
      <c r="S63" s="127"/>
      <c r="T63" s="127"/>
      <c r="U63" s="127"/>
      <c r="V63" s="150"/>
      <c r="W63" s="127"/>
      <c r="X63" s="127"/>
      <c r="Y63" s="127"/>
      <c r="Z63" s="127"/>
      <c r="AB63" s="252"/>
      <c r="AC63" s="252"/>
      <c r="AD63" s="252"/>
      <c r="AE63" s="252"/>
      <c r="AF63" s="252"/>
      <c r="AG63" s="252"/>
      <c r="AH63" s="252"/>
    </row>
    <row r="64" spans="1:36" ht="20.100000000000001" customHeight="1" x14ac:dyDescent="0.2">
      <c r="A64" s="127"/>
      <c r="B64" s="1" t="s">
        <v>29</v>
      </c>
      <c r="C64" s="1"/>
      <c r="D64" s="231"/>
      <c r="E64" s="232"/>
      <c r="F64" s="232"/>
      <c r="G64" s="232"/>
      <c r="H64" s="232"/>
      <c r="I64" s="232"/>
      <c r="J64" s="232"/>
      <c r="K64" s="232"/>
      <c r="L64" s="232"/>
      <c r="M64" s="232"/>
      <c r="N64" s="232"/>
      <c r="O64" s="232"/>
      <c r="P64" s="232"/>
      <c r="Q64" s="232"/>
      <c r="R64" s="232"/>
      <c r="S64" s="232"/>
      <c r="T64" s="232"/>
      <c r="U64" s="232"/>
      <c r="V64" s="232"/>
      <c r="W64" s="233"/>
      <c r="X64" s="127"/>
      <c r="Y64" s="127"/>
      <c r="Z64" s="127"/>
      <c r="AB64" s="252"/>
      <c r="AC64" s="252"/>
      <c r="AD64" s="252"/>
      <c r="AE64" s="252"/>
      <c r="AF64" s="252"/>
      <c r="AG64" s="252"/>
      <c r="AH64" s="252"/>
    </row>
    <row r="65" spans="1:36" ht="8.1" customHeight="1" x14ac:dyDescent="0.2">
      <c r="A65" s="127"/>
      <c r="B65" s="1"/>
      <c r="C65" s="1"/>
      <c r="D65" s="151"/>
      <c r="E65" s="151"/>
      <c r="F65" s="151"/>
      <c r="G65" s="151"/>
      <c r="H65" s="1"/>
      <c r="I65" s="1"/>
      <c r="J65" s="1"/>
      <c r="K65" s="1"/>
      <c r="L65" s="1"/>
      <c r="M65" s="127"/>
      <c r="N65" s="127"/>
      <c r="O65" s="127"/>
      <c r="P65" s="127"/>
      <c r="Q65" s="127"/>
      <c r="R65" s="127"/>
      <c r="S65" s="127"/>
      <c r="T65" s="127"/>
      <c r="U65" s="127"/>
      <c r="V65" s="150"/>
      <c r="W65" s="127"/>
      <c r="X65" s="127"/>
      <c r="Y65" s="127"/>
      <c r="Z65" s="127"/>
      <c r="AB65" s="252"/>
      <c r="AC65" s="252"/>
      <c r="AD65" s="252"/>
      <c r="AE65" s="252"/>
      <c r="AF65" s="252"/>
      <c r="AG65" s="252"/>
      <c r="AH65" s="252"/>
    </row>
    <row r="66" spans="1:36" s="68" customFormat="1" ht="20.100000000000001" customHeight="1" x14ac:dyDescent="0.2">
      <c r="A66" s="127"/>
      <c r="B66" s="1" t="s">
        <v>138</v>
      </c>
      <c r="C66" s="1"/>
      <c r="D66" s="153"/>
      <c r="E66" s="204" t="s">
        <v>75</v>
      </c>
      <c r="F66" s="127"/>
      <c r="G66" s="127"/>
      <c r="H66"/>
      <c r="I66"/>
      <c r="J66"/>
      <c r="K66"/>
      <c r="L66"/>
      <c r="M66"/>
      <c r="N66" s="127"/>
      <c r="O66" s="127"/>
      <c r="P66" s="127"/>
      <c r="Q66" s="1"/>
      <c r="R66" s="1"/>
      <c r="S66" s="1"/>
      <c r="T66" s="1"/>
      <c r="U66" s="1"/>
      <c r="V66" s="150"/>
      <c r="W66" s="127"/>
      <c r="X66" s="127"/>
      <c r="Y66" s="127"/>
      <c r="Z66" s="127"/>
      <c r="AA66" s="7"/>
      <c r="AB66" s="252"/>
      <c r="AC66" s="252"/>
      <c r="AD66" s="252"/>
      <c r="AE66" s="252"/>
      <c r="AF66" s="252"/>
      <c r="AG66" s="252"/>
      <c r="AH66" s="252"/>
      <c r="AI66" s="7"/>
      <c r="AJ66" s="113"/>
    </row>
    <row r="67" spans="1:36" ht="6.95" customHeight="1" x14ac:dyDescent="0.2">
      <c r="A67" s="127"/>
      <c r="B67" s="127"/>
      <c r="C67" s="127"/>
      <c r="D67" s="127"/>
      <c r="E67" s="127"/>
      <c r="F67" s="127"/>
      <c r="G67" s="127"/>
      <c r="H67" s="127"/>
      <c r="I67" s="127"/>
      <c r="J67" s="127"/>
      <c r="K67" s="127"/>
      <c r="L67" s="127"/>
      <c r="M67" s="127"/>
      <c r="N67" s="127"/>
      <c r="O67" s="127"/>
      <c r="P67" s="127"/>
      <c r="Q67" s="127"/>
      <c r="R67" s="127"/>
      <c r="S67" s="127"/>
      <c r="T67" s="127"/>
      <c r="U67" s="127"/>
      <c r="V67" s="150"/>
      <c r="W67" s="127"/>
      <c r="X67" s="127"/>
      <c r="Y67" s="127"/>
      <c r="Z67" s="127"/>
      <c r="AB67" s="252"/>
      <c r="AC67" s="252"/>
      <c r="AD67" s="252"/>
      <c r="AE67" s="252"/>
      <c r="AF67" s="252"/>
      <c r="AG67" s="252"/>
      <c r="AH67" s="252"/>
    </row>
    <row r="68" spans="1:36" s="68" customFormat="1" ht="20.100000000000001" customHeight="1" x14ac:dyDescent="0.25">
      <c r="A68" s="127"/>
      <c r="B68" s="154" t="s">
        <v>37</v>
      </c>
      <c r="C68" s="154"/>
      <c r="D68" s="155"/>
      <c r="E68" s="155"/>
      <c r="F68" s="156" t="s">
        <v>76</v>
      </c>
      <c r="G68" s="155"/>
      <c r="H68" s="155"/>
      <c r="I68" s="156" t="s">
        <v>76</v>
      </c>
      <c r="J68" s="155"/>
      <c r="K68" s="155"/>
      <c r="L68" s="155"/>
      <c r="M68" s="155"/>
      <c r="N68" s="151"/>
      <c r="O68" s="151"/>
      <c r="P68" s="151"/>
      <c r="Q68" s="1"/>
      <c r="R68" s="1"/>
      <c r="S68" s="1"/>
      <c r="T68" s="1"/>
      <c r="U68" s="1"/>
      <c r="V68" s="127"/>
      <c r="W68" s="151"/>
      <c r="X68" s="151"/>
      <c r="Y68" s="151"/>
      <c r="Z68" s="151"/>
      <c r="AA68" s="69"/>
      <c r="AB68" s="252"/>
      <c r="AC68" s="252"/>
      <c r="AD68" s="252"/>
      <c r="AE68" s="252"/>
      <c r="AF68" s="252"/>
      <c r="AG68" s="252"/>
      <c r="AH68" s="252"/>
      <c r="AI68" s="112"/>
      <c r="AJ68" s="111"/>
    </row>
    <row r="69" spans="1:36" x14ac:dyDescent="0.2">
      <c r="A69" s="127"/>
      <c r="B69" s="1"/>
      <c r="C69" s="1"/>
      <c r="D69" s="151"/>
      <c r="E69" s="151"/>
      <c r="F69" s="151"/>
      <c r="G69" s="151"/>
      <c r="H69" s="1"/>
      <c r="I69" s="1"/>
      <c r="J69" s="1"/>
      <c r="K69" s="1"/>
      <c r="L69" s="1"/>
      <c r="M69" s="127"/>
      <c r="N69" s="127"/>
      <c r="O69" s="127"/>
      <c r="P69" s="127"/>
      <c r="Q69" s="127"/>
      <c r="R69" s="127"/>
      <c r="S69" s="127"/>
      <c r="T69" s="127"/>
      <c r="U69" s="127"/>
      <c r="V69" s="150"/>
      <c r="W69" s="127"/>
      <c r="X69" s="127"/>
      <c r="Y69" s="127"/>
      <c r="Z69" s="127"/>
      <c r="AB69" s="252"/>
      <c r="AC69" s="252"/>
      <c r="AD69" s="252"/>
      <c r="AE69" s="252"/>
      <c r="AF69" s="252"/>
      <c r="AG69" s="252"/>
      <c r="AH69" s="252"/>
    </row>
    <row r="70" spans="1:36" ht="20.100000000000001" customHeight="1" x14ac:dyDescent="0.2">
      <c r="A70" s="127"/>
      <c r="B70" s="1" t="s">
        <v>190</v>
      </c>
      <c r="C70" s="1"/>
      <c r="D70" s="231"/>
      <c r="E70" s="232"/>
      <c r="F70" s="232"/>
      <c r="G70" s="232"/>
      <c r="H70" s="232"/>
      <c r="I70" s="232"/>
      <c r="J70" s="232"/>
      <c r="K70" s="232"/>
      <c r="L70" s="232"/>
      <c r="M70" s="232"/>
      <c r="N70" s="232"/>
      <c r="O70" s="232"/>
      <c r="P70" s="232"/>
      <c r="Q70" s="232"/>
      <c r="R70" s="232"/>
      <c r="S70" s="232"/>
      <c r="T70" s="232"/>
      <c r="U70" s="232"/>
      <c r="V70" s="232"/>
      <c r="W70" s="233"/>
      <c r="X70" s="127"/>
      <c r="Y70" s="127"/>
      <c r="Z70" s="127"/>
      <c r="AB70" s="252"/>
      <c r="AC70" s="252"/>
      <c r="AD70" s="252"/>
      <c r="AE70" s="252"/>
      <c r="AF70" s="252"/>
      <c r="AG70" s="252"/>
      <c r="AH70" s="252"/>
    </row>
    <row r="71" spans="1:36" ht="6.95" customHeight="1" x14ac:dyDescent="0.2">
      <c r="A71" s="127"/>
      <c r="B71" s="1"/>
      <c r="C71" s="1"/>
      <c r="D71" s="151"/>
      <c r="E71" s="151"/>
      <c r="F71" s="151"/>
      <c r="G71" s="151"/>
      <c r="H71" s="1"/>
      <c r="I71" s="1"/>
      <c r="J71" s="1"/>
      <c r="K71" s="1"/>
      <c r="L71" s="1"/>
      <c r="M71" s="127"/>
      <c r="N71" s="127"/>
      <c r="O71" s="127"/>
      <c r="P71" s="127"/>
      <c r="Q71" s="127"/>
      <c r="R71" s="127"/>
      <c r="S71" s="127"/>
      <c r="T71" s="127"/>
      <c r="U71" s="127"/>
      <c r="V71" s="150"/>
      <c r="W71" s="127"/>
      <c r="X71" s="127"/>
      <c r="Y71" s="127"/>
      <c r="Z71" s="127"/>
      <c r="AB71" s="252"/>
      <c r="AC71" s="252"/>
      <c r="AD71" s="252"/>
      <c r="AE71" s="252"/>
      <c r="AF71" s="252"/>
      <c r="AG71" s="252"/>
      <c r="AH71" s="252"/>
    </row>
    <row r="72" spans="1:36" ht="20.100000000000001" customHeight="1" x14ac:dyDescent="0.2">
      <c r="A72" s="127"/>
      <c r="B72" s="1" t="s">
        <v>29</v>
      </c>
      <c r="C72" s="1"/>
      <c r="D72" s="231"/>
      <c r="E72" s="232"/>
      <c r="F72" s="232"/>
      <c r="G72" s="232"/>
      <c r="H72" s="232"/>
      <c r="I72" s="232"/>
      <c r="J72" s="232"/>
      <c r="K72" s="232"/>
      <c r="L72" s="232"/>
      <c r="M72" s="232"/>
      <c r="N72" s="232"/>
      <c r="O72" s="232"/>
      <c r="P72" s="232"/>
      <c r="Q72" s="232"/>
      <c r="R72" s="232"/>
      <c r="S72" s="232"/>
      <c r="T72" s="232"/>
      <c r="U72" s="232"/>
      <c r="V72" s="232"/>
      <c r="W72" s="233"/>
      <c r="X72" s="127"/>
      <c r="Y72" s="127"/>
      <c r="Z72" s="127"/>
      <c r="AB72" s="252"/>
      <c r="AC72" s="252"/>
      <c r="AD72" s="252"/>
      <c r="AE72" s="252"/>
      <c r="AF72" s="252"/>
      <c r="AG72" s="252"/>
      <c r="AH72" s="252"/>
    </row>
    <row r="73" spans="1:36" ht="8.1" customHeight="1" x14ac:dyDescent="0.2">
      <c r="A73" s="127"/>
      <c r="B73" s="1"/>
      <c r="C73" s="1"/>
      <c r="D73" s="151"/>
      <c r="E73" s="151"/>
      <c r="F73" s="151"/>
      <c r="G73" s="151"/>
      <c r="H73" s="1"/>
      <c r="I73" s="1"/>
      <c r="J73" s="1"/>
      <c r="K73" s="1"/>
      <c r="L73" s="1"/>
      <c r="M73" s="127"/>
      <c r="N73" s="127"/>
      <c r="O73" s="127"/>
      <c r="P73" s="127"/>
      <c r="Q73" s="127"/>
      <c r="R73" s="127"/>
      <c r="S73" s="127"/>
      <c r="T73" s="127"/>
      <c r="U73" s="127"/>
      <c r="V73" s="150"/>
      <c r="W73" s="127"/>
      <c r="X73" s="127"/>
      <c r="Y73" s="127"/>
      <c r="Z73" s="127"/>
      <c r="AB73" s="252"/>
      <c r="AC73" s="252"/>
      <c r="AD73" s="252"/>
      <c r="AE73" s="252"/>
      <c r="AF73" s="252"/>
      <c r="AG73" s="252"/>
      <c r="AH73" s="252"/>
    </row>
    <row r="74" spans="1:36" s="68" customFormat="1" ht="20.100000000000001" customHeight="1" x14ac:dyDescent="0.2">
      <c r="A74" s="127"/>
      <c r="B74" s="1" t="s">
        <v>138</v>
      </c>
      <c r="C74" s="1"/>
      <c r="D74" s="153"/>
      <c r="E74" s="204" t="s">
        <v>75</v>
      </c>
      <c r="F74" s="127"/>
      <c r="G74" s="127"/>
      <c r="H74"/>
      <c r="I74"/>
      <c r="J74"/>
      <c r="K74"/>
      <c r="L74"/>
      <c r="M74"/>
      <c r="N74" s="127"/>
      <c r="O74" s="127"/>
      <c r="P74" s="127"/>
      <c r="Q74" s="1"/>
      <c r="R74" s="1"/>
      <c r="S74" s="1"/>
      <c r="T74" s="1"/>
      <c r="U74" s="1"/>
      <c r="V74" s="150"/>
      <c r="W74" s="127"/>
      <c r="X74" s="127"/>
      <c r="Y74" s="127"/>
      <c r="Z74" s="127"/>
      <c r="AA74" s="7"/>
      <c r="AB74" s="252"/>
      <c r="AC74" s="252"/>
      <c r="AD74" s="252"/>
      <c r="AE74" s="252"/>
      <c r="AF74" s="252"/>
      <c r="AG74" s="252"/>
      <c r="AH74" s="252"/>
      <c r="AI74" s="7"/>
      <c r="AJ74" s="113"/>
    </row>
    <row r="75" spans="1:36" ht="6.95" customHeight="1" x14ac:dyDescent="0.2">
      <c r="A75" s="127"/>
      <c r="B75" s="127"/>
      <c r="C75" s="127"/>
      <c r="D75" s="127"/>
      <c r="E75" s="127"/>
      <c r="F75" s="127"/>
      <c r="G75" s="127"/>
      <c r="H75" s="127"/>
      <c r="I75" s="127"/>
      <c r="J75" s="127"/>
      <c r="K75" s="127"/>
      <c r="L75" s="127"/>
      <c r="M75" s="127"/>
      <c r="N75" s="127"/>
      <c r="O75" s="127"/>
      <c r="P75" s="127"/>
      <c r="Q75" s="127"/>
      <c r="R75" s="127"/>
      <c r="S75" s="127"/>
      <c r="T75" s="127"/>
      <c r="U75" s="127"/>
      <c r="V75" s="150"/>
      <c r="W75" s="127"/>
      <c r="X75" s="127"/>
      <c r="Y75" s="127"/>
      <c r="Z75" s="127"/>
      <c r="AB75" s="252"/>
      <c r="AC75" s="252"/>
      <c r="AD75" s="252"/>
      <c r="AE75" s="252"/>
      <c r="AF75" s="252"/>
      <c r="AG75" s="252"/>
      <c r="AH75" s="252"/>
    </row>
    <row r="76" spans="1:36" s="68" customFormat="1" ht="20.100000000000001" customHeight="1" x14ac:dyDescent="0.25">
      <c r="A76" s="127"/>
      <c r="B76" s="154" t="s">
        <v>37</v>
      </c>
      <c r="C76" s="154"/>
      <c r="D76" s="155"/>
      <c r="E76" s="155"/>
      <c r="F76" s="156" t="s">
        <v>76</v>
      </c>
      <c r="G76" s="155"/>
      <c r="H76" s="155"/>
      <c r="I76" s="156" t="s">
        <v>76</v>
      </c>
      <c r="J76" s="155"/>
      <c r="K76" s="155"/>
      <c r="L76" s="155"/>
      <c r="M76" s="155"/>
      <c r="N76" s="151"/>
      <c r="O76" s="151"/>
      <c r="P76" s="151"/>
      <c r="Q76" s="1"/>
      <c r="R76" s="1"/>
      <c r="S76" s="1"/>
      <c r="T76" s="1"/>
      <c r="U76" s="1"/>
      <c r="V76" s="127"/>
      <c r="W76" s="151"/>
      <c r="X76" s="151"/>
      <c r="Y76" s="151"/>
      <c r="Z76" s="151"/>
      <c r="AA76" s="69"/>
      <c r="AB76" s="252"/>
      <c r="AC76" s="252"/>
      <c r="AD76" s="252"/>
      <c r="AE76" s="252"/>
      <c r="AF76" s="252"/>
      <c r="AG76" s="252"/>
      <c r="AH76" s="252"/>
      <c r="AI76" s="112"/>
      <c r="AJ76" s="111"/>
    </row>
    <row r="77" spans="1:36" x14ac:dyDescent="0.2">
      <c r="A77" s="127"/>
      <c r="B77" s="1"/>
      <c r="C77" s="1"/>
      <c r="D77" s="151"/>
      <c r="E77" s="151"/>
      <c r="F77" s="151"/>
      <c r="G77" s="151"/>
      <c r="H77" s="1"/>
      <c r="I77" s="1"/>
      <c r="J77" s="1"/>
      <c r="K77" s="1"/>
      <c r="L77" s="1"/>
      <c r="M77" s="127"/>
      <c r="N77" s="127"/>
      <c r="O77" s="127"/>
      <c r="P77" s="127"/>
      <c r="Q77" s="127"/>
      <c r="R77" s="127"/>
      <c r="S77" s="127"/>
      <c r="T77" s="127"/>
      <c r="U77" s="127"/>
      <c r="V77" s="150"/>
      <c r="W77" s="127"/>
      <c r="X77" s="127"/>
      <c r="Y77" s="127"/>
      <c r="Z77" s="127"/>
      <c r="AB77" s="252"/>
      <c r="AC77" s="252"/>
      <c r="AD77" s="252"/>
      <c r="AE77" s="252"/>
      <c r="AF77" s="252"/>
      <c r="AG77" s="252"/>
      <c r="AH77" s="252"/>
    </row>
    <row r="78" spans="1:36" ht="20.100000000000001" customHeight="1" x14ac:dyDescent="0.2">
      <c r="A78" s="127"/>
      <c r="B78" s="1" t="s">
        <v>190</v>
      </c>
      <c r="C78" s="1"/>
      <c r="D78" s="231"/>
      <c r="E78" s="232"/>
      <c r="F78" s="232"/>
      <c r="G78" s="232"/>
      <c r="H78" s="232"/>
      <c r="I78" s="232"/>
      <c r="J78" s="232"/>
      <c r="K78" s="232"/>
      <c r="L78" s="232"/>
      <c r="M78" s="232"/>
      <c r="N78" s="232"/>
      <c r="O78" s="232"/>
      <c r="P78" s="232"/>
      <c r="Q78" s="232"/>
      <c r="R78" s="232"/>
      <c r="S78" s="232"/>
      <c r="T78" s="232"/>
      <c r="U78" s="232"/>
      <c r="V78" s="232"/>
      <c r="W78" s="233"/>
      <c r="X78" s="127"/>
      <c r="Y78" s="127"/>
      <c r="Z78" s="127"/>
      <c r="AB78" s="252"/>
      <c r="AC78" s="252"/>
      <c r="AD78" s="252"/>
      <c r="AE78" s="252"/>
      <c r="AF78" s="252"/>
      <c r="AG78" s="252"/>
      <c r="AH78" s="252"/>
    </row>
    <row r="79" spans="1:36" ht="6.95" customHeight="1" x14ac:dyDescent="0.2">
      <c r="A79" s="127"/>
      <c r="B79" s="1"/>
      <c r="C79" s="1"/>
      <c r="D79" s="151"/>
      <c r="E79" s="151"/>
      <c r="F79" s="151"/>
      <c r="G79" s="151"/>
      <c r="H79" s="1"/>
      <c r="I79" s="1"/>
      <c r="J79" s="1"/>
      <c r="K79" s="1"/>
      <c r="L79" s="1"/>
      <c r="M79" s="127"/>
      <c r="N79" s="127"/>
      <c r="O79" s="127"/>
      <c r="P79" s="127"/>
      <c r="Q79" s="127"/>
      <c r="R79" s="127"/>
      <c r="S79" s="127"/>
      <c r="T79" s="127"/>
      <c r="U79" s="127"/>
      <c r="V79" s="150"/>
      <c r="W79" s="127"/>
      <c r="X79" s="127"/>
      <c r="Y79" s="127"/>
      <c r="Z79" s="127"/>
      <c r="AB79" s="252"/>
      <c r="AC79" s="252"/>
      <c r="AD79" s="252"/>
      <c r="AE79" s="252"/>
      <c r="AF79" s="252"/>
      <c r="AG79" s="252"/>
      <c r="AH79" s="252"/>
    </row>
    <row r="80" spans="1:36" ht="20.100000000000001" customHeight="1" x14ac:dyDescent="0.2">
      <c r="A80" s="127"/>
      <c r="B80" s="1" t="s">
        <v>29</v>
      </c>
      <c r="C80" s="1"/>
      <c r="D80" s="231"/>
      <c r="E80" s="232"/>
      <c r="F80" s="232"/>
      <c r="G80" s="232"/>
      <c r="H80" s="232"/>
      <c r="I80" s="232"/>
      <c r="J80" s="232"/>
      <c r="K80" s="232"/>
      <c r="L80" s="232"/>
      <c r="M80" s="232"/>
      <c r="N80" s="232"/>
      <c r="O80" s="232"/>
      <c r="P80" s="232"/>
      <c r="Q80" s="232"/>
      <c r="R80" s="232"/>
      <c r="S80" s="232"/>
      <c r="T80" s="232"/>
      <c r="U80" s="232"/>
      <c r="V80" s="232"/>
      <c r="W80" s="233"/>
      <c r="X80" s="127"/>
      <c r="Y80" s="127"/>
      <c r="Z80" s="127"/>
      <c r="AB80" s="252"/>
      <c r="AC80" s="252"/>
      <c r="AD80" s="252"/>
      <c r="AE80" s="252"/>
      <c r="AF80" s="252"/>
      <c r="AG80" s="252"/>
      <c r="AH80" s="252"/>
    </row>
    <row r="81" spans="1:36" ht="8.1" customHeight="1" x14ac:dyDescent="0.2">
      <c r="A81" s="127"/>
      <c r="B81" s="1"/>
      <c r="C81" s="1"/>
      <c r="D81" s="151"/>
      <c r="E81" s="151"/>
      <c r="F81" s="151"/>
      <c r="G81" s="151"/>
      <c r="H81" s="1"/>
      <c r="I81" s="1"/>
      <c r="J81" s="1"/>
      <c r="K81" s="1"/>
      <c r="L81" s="1"/>
      <c r="M81" s="127"/>
      <c r="N81" s="127"/>
      <c r="O81" s="127"/>
      <c r="P81" s="127"/>
      <c r="Q81" s="127"/>
      <c r="R81" s="127"/>
      <c r="S81" s="127"/>
      <c r="T81" s="127"/>
      <c r="U81" s="127"/>
      <c r="V81" s="150"/>
      <c r="W81" s="127"/>
      <c r="X81" s="127"/>
      <c r="Y81" s="127"/>
      <c r="Z81" s="127"/>
      <c r="AB81" s="252"/>
      <c r="AC81" s="252"/>
      <c r="AD81" s="252"/>
      <c r="AE81" s="252"/>
      <c r="AF81" s="252"/>
      <c r="AG81" s="252"/>
      <c r="AH81" s="252"/>
    </row>
    <row r="82" spans="1:36" s="68" customFormat="1" ht="20.100000000000001" customHeight="1" x14ac:dyDescent="0.2">
      <c r="A82" s="127"/>
      <c r="B82" s="1" t="s">
        <v>138</v>
      </c>
      <c r="C82" s="1"/>
      <c r="D82" s="153"/>
      <c r="E82" s="204" t="s">
        <v>75</v>
      </c>
      <c r="F82" s="127"/>
      <c r="G82" s="127"/>
      <c r="H82"/>
      <c r="I82"/>
      <c r="J82"/>
      <c r="K82"/>
      <c r="L82"/>
      <c r="M82"/>
      <c r="N82" s="127"/>
      <c r="O82" s="127"/>
      <c r="P82" s="127"/>
      <c r="Q82" s="1"/>
      <c r="R82" s="1"/>
      <c r="S82" s="1"/>
      <c r="T82" s="1"/>
      <c r="U82" s="1"/>
      <c r="V82" s="150"/>
      <c r="W82" s="127"/>
      <c r="X82" s="127"/>
      <c r="Y82" s="127"/>
      <c r="Z82" s="127"/>
      <c r="AA82" s="7"/>
      <c r="AB82" s="252"/>
      <c r="AC82" s="252"/>
      <c r="AD82" s="252"/>
      <c r="AE82" s="252"/>
      <c r="AF82" s="252"/>
      <c r="AG82" s="252"/>
      <c r="AH82" s="252"/>
      <c r="AI82" s="7"/>
      <c r="AJ82" s="113"/>
    </row>
    <row r="83" spans="1:36" ht="6.95" customHeight="1" x14ac:dyDescent="0.2">
      <c r="A83" s="127"/>
      <c r="B83" s="127"/>
      <c r="C83" s="127"/>
      <c r="D83" s="127"/>
      <c r="E83" s="127"/>
      <c r="F83" s="127"/>
      <c r="G83" s="127"/>
      <c r="H83" s="127"/>
      <c r="I83" s="127"/>
      <c r="J83" s="127"/>
      <c r="K83" s="127"/>
      <c r="L83" s="127"/>
      <c r="M83" s="127"/>
      <c r="N83" s="127"/>
      <c r="O83" s="127"/>
      <c r="P83" s="127"/>
      <c r="Q83" s="127"/>
      <c r="R83" s="127"/>
      <c r="S83" s="127"/>
      <c r="T83" s="127"/>
      <c r="U83" s="127"/>
      <c r="V83" s="150"/>
      <c r="W83" s="127"/>
      <c r="X83" s="127"/>
      <c r="Y83" s="127"/>
      <c r="Z83" s="127"/>
      <c r="AB83" s="252"/>
      <c r="AC83" s="252"/>
      <c r="AD83" s="252"/>
      <c r="AE83" s="252"/>
      <c r="AF83" s="252"/>
      <c r="AG83" s="252"/>
      <c r="AH83" s="252"/>
    </row>
    <row r="84" spans="1:36" s="68" customFormat="1" ht="20.100000000000001" customHeight="1" x14ac:dyDescent="0.25">
      <c r="A84" s="127"/>
      <c r="B84" s="154" t="s">
        <v>37</v>
      </c>
      <c r="C84" s="154"/>
      <c r="D84" s="155"/>
      <c r="E84" s="155"/>
      <c r="F84" s="156" t="s">
        <v>76</v>
      </c>
      <c r="G84" s="155"/>
      <c r="H84" s="155"/>
      <c r="I84" s="156" t="s">
        <v>76</v>
      </c>
      <c r="J84" s="155"/>
      <c r="K84" s="155"/>
      <c r="L84" s="155"/>
      <c r="M84" s="155"/>
      <c r="N84" s="151"/>
      <c r="O84" s="151"/>
      <c r="P84" s="151"/>
      <c r="Q84" s="1"/>
      <c r="R84" s="1"/>
      <c r="S84" s="1"/>
      <c r="T84" s="1"/>
      <c r="U84" s="1"/>
      <c r="V84" s="127"/>
      <c r="W84" s="151"/>
      <c r="X84" s="151"/>
      <c r="Y84" s="151"/>
      <c r="Z84" s="151"/>
      <c r="AA84" s="69"/>
      <c r="AB84" s="252"/>
      <c r="AC84" s="252"/>
      <c r="AD84" s="252"/>
      <c r="AE84" s="252"/>
      <c r="AF84" s="252"/>
      <c r="AG84" s="252"/>
      <c r="AH84" s="252"/>
      <c r="AI84" s="112"/>
      <c r="AJ84" s="111"/>
    </row>
    <row r="85" spans="1:36" x14ac:dyDescent="0.2">
      <c r="A85" s="127"/>
      <c r="B85" s="1"/>
      <c r="C85" s="1"/>
      <c r="D85" s="1"/>
      <c r="E85" s="1"/>
      <c r="F85" s="1"/>
      <c r="G85" s="1"/>
      <c r="H85" s="1"/>
      <c r="I85" s="1"/>
      <c r="J85" s="1"/>
      <c r="K85" s="1"/>
      <c r="L85" s="1"/>
      <c r="M85" s="127"/>
      <c r="N85" s="127"/>
      <c r="O85" s="127"/>
      <c r="P85" s="127"/>
      <c r="Q85" s="127"/>
      <c r="R85" s="127"/>
      <c r="S85" s="127"/>
      <c r="T85" s="127"/>
      <c r="U85" s="127"/>
      <c r="V85" s="150"/>
      <c r="W85" s="127"/>
      <c r="X85" s="127"/>
      <c r="Y85" s="127"/>
      <c r="Z85" s="127"/>
      <c r="AB85" s="252"/>
      <c r="AC85" s="252"/>
      <c r="AD85" s="252"/>
      <c r="AE85" s="252"/>
      <c r="AF85" s="252"/>
      <c r="AG85" s="252"/>
      <c r="AH85" s="252"/>
    </row>
    <row r="86" spans="1:36" ht="20.100000000000001" customHeight="1" x14ac:dyDescent="0.2">
      <c r="A86" s="127"/>
      <c r="B86" s="1" t="s">
        <v>190</v>
      </c>
      <c r="C86" s="1"/>
      <c r="D86" s="231"/>
      <c r="E86" s="232"/>
      <c r="F86" s="232"/>
      <c r="G86" s="232"/>
      <c r="H86" s="232"/>
      <c r="I86" s="232"/>
      <c r="J86" s="232"/>
      <c r="K86" s="232"/>
      <c r="L86" s="232"/>
      <c r="M86" s="232"/>
      <c r="N86" s="232"/>
      <c r="O86" s="232"/>
      <c r="P86" s="232"/>
      <c r="Q86" s="232"/>
      <c r="R86" s="232"/>
      <c r="S86" s="232"/>
      <c r="T86" s="232"/>
      <c r="U86" s="232"/>
      <c r="V86" s="232"/>
      <c r="W86" s="233"/>
      <c r="X86" s="127"/>
      <c r="Y86" s="127"/>
      <c r="Z86" s="127"/>
      <c r="AB86" s="252"/>
      <c r="AC86" s="252"/>
      <c r="AD86" s="252"/>
      <c r="AE86" s="252"/>
      <c r="AF86" s="252"/>
      <c r="AG86" s="252"/>
      <c r="AH86" s="252"/>
    </row>
    <row r="87" spans="1:36" ht="6.95" customHeight="1" x14ac:dyDescent="0.2">
      <c r="A87" s="127"/>
      <c r="B87" s="1"/>
      <c r="C87" s="1"/>
      <c r="D87" s="151"/>
      <c r="E87" s="151"/>
      <c r="F87" s="151"/>
      <c r="G87" s="151"/>
      <c r="H87" s="1"/>
      <c r="I87" s="1"/>
      <c r="J87" s="1"/>
      <c r="K87" s="1"/>
      <c r="L87" s="1"/>
      <c r="M87" s="127"/>
      <c r="N87" s="127"/>
      <c r="O87" s="127"/>
      <c r="P87" s="127"/>
      <c r="Q87" s="127"/>
      <c r="R87" s="127"/>
      <c r="S87" s="127"/>
      <c r="T87" s="127"/>
      <c r="U87" s="127"/>
      <c r="V87" s="150"/>
      <c r="W87" s="127"/>
      <c r="X87" s="127"/>
      <c r="Y87" s="127"/>
      <c r="Z87" s="127"/>
      <c r="AB87" s="252"/>
      <c r="AC87" s="252"/>
      <c r="AD87" s="252"/>
      <c r="AE87" s="252"/>
      <c r="AF87" s="252"/>
      <c r="AG87" s="252"/>
      <c r="AH87" s="252"/>
    </row>
    <row r="88" spans="1:36" ht="20.100000000000001" customHeight="1" x14ac:dyDescent="0.2">
      <c r="A88" s="127"/>
      <c r="B88" s="1" t="s">
        <v>29</v>
      </c>
      <c r="C88" s="1"/>
      <c r="D88" s="231"/>
      <c r="E88" s="232"/>
      <c r="F88" s="232"/>
      <c r="G88" s="232"/>
      <c r="H88" s="232"/>
      <c r="I88" s="232"/>
      <c r="J88" s="232"/>
      <c r="K88" s="232"/>
      <c r="L88" s="232"/>
      <c r="M88" s="232"/>
      <c r="N88" s="232"/>
      <c r="O88" s="232"/>
      <c r="P88" s="232"/>
      <c r="Q88" s="232"/>
      <c r="R88" s="232"/>
      <c r="S88" s="232"/>
      <c r="T88" s="232"/>
      <c r="U88" s="232"/>
      <c r="V88" s="232"/>
      <c r="W88" s="233"/>
      <c r="X88" s="127"/>
      <c r="Y88" s="127"/>
      <c r="Z88" s="127"/>
      <c r="AB88" s="252"/>
      <c r="AC88" s="252"/>
      <c r="AD88" s="252"/>
      <c r="AE88" s="252"/>
      <c r="AF88" s="252"/>
      <c r="AG88" s="252"/>
      <c r="AH88" s="252"/>
    </row>
    <row r="89" spans="1:36" ht="8.1" customHeight="1" x14ac:dyDescent="0.2">
      <c r="A89" s="127"/>
      <c r="B89" s="1"/>
      <c r="C89" s="1"/>
      <c r="D89" s="151"/>
      <c r="E89" s="151"/>
      <c r="F89" s="151"/>
      <c r="G89" s="151"/>
      <c r="H89" s="1"/>
      <c r="I89" s="1"/>
      <c r="J89" s="1"/>
      <c r="K89" s="1"/>
      <c r="L89" s="1"/>
      <c r="M89" s="127"/>
      <c r="N89" s="127"/>
      <c r="O89" s="127"/>
      <c r="P89" s="127"/>
      <c r="Q89" s="127"/>
      <c r="R89" s="127"/>
      <c r="S89" s="127"/>
      <c r="T89" s="127"/>
      <c r="U89" s="127"/>
      <c r="V89" s="150"/>
      <c r="W89" s="127"/>
      <c r="X89" s="127"/>
      <c r="Y89" s="127"/>
      <c r="Z89" s="127"/>
      <c r="AB89" s="252"/>
      <c r="AC89" s="252"/>
      <c r="AD89" s="252"/>
      <c r="AE89" s="252"/>
      <c r="AF89" s="252"/>
      <c r="AG89" s="252"/>
      <c r="AH89" s="252"/>
    </row>
    <row r="90" spans="1:36" s="68" customFormat="1" ht="20.100000000000001" customHeight="1" x14ac:dyDescent="0.2">
      <c r="A90" s="127"/>
      <c r="B90" s="1" t="s">
        <v>138</v>
      </c>
      <c r="C90" s="1"/>
      <c r="D90" s="153"/>
      <c r="E90" s="204" t="s">
        <v>75</v>
      </c>
      <c r="F90" s="127"/>
      <c r="G90" s="127"/>
      <c r="H90"/>
      <c r="I90"/>
      <c r="J90"/>
      <c r="K90"/>
      <c r="L90"/>
      <c r="M90"/>
      <c r="N90" s="127"/>
      <c r="O90" s="127"/>
      <c r="P90" s="127"/>
      <c r="Q90" s="1"/>
      <c r="R90" s="1"/>
      <c r="S90" s="1"/>
      <c r="T90" s="1"/>
      <c r="U90" s="1"/>
      <c r="V90" s="150"/>
      <c r="W90" s="127"/>
      <c r="X90" s="127"/>
      <c r="Y90" s="127"/>
      <c r="Z90" s="127"/>
      <c r="AA90" s="7"/>
      <c r="AB90" s="252"/>
      <c r="AC90" s="252"/>
      <c r="AD90" s="252"/>
      <c r="AE90" s="252"/>
      <c r="AF90" s="252"/>
      <c r="AG90" s="252"/>
      <c r="AH90" s="252"/>
      <c r="AI90" s="7"/>
      <c r="AJ90" s="113"/>
    </row>
    <row r="91" spans="1:36" ht="6.95" customHeight="1" x14ac:dyDescent="0.2">
      <c r="A91" s="127"/>
      <c r="B91" s="127"/>
      <c r="C91" s="127"/>
      <c r="D91" s="127"/>
      <c r="E91" s="127"/>
      <c r="F91" s="127"/>
      <c r="G91" s="127"/>
      <c r="H91" s="127"/>
      <c r="I91" s="127"/>
      <c r="J91" s="127"/>
      <c r="K91" s="127"/>
      <c r="L91" s="127"/>
      <c r="M91" s="127"/>
      <c r="N91" s="127"/>
      <c r="O91" s="127"/>
      <c r="P91" s="127"/>
      <c r="Q91" s="127"/>
      <c r="R91" s="127"/>
      <c r="S91" s="127"/>
      <c r="T91" s="127"/>
      <c r="U91" s="127"/>
      <c r="V91" s="150"/>
      <c r="W91" s="127"/>
      <c r="X91" s="127"/>
      <c r="Y91" s="127"/>
      <c r="Z91" s="127"/>
      <c r="AB91" s="252"/>
      <c r="AC91" s="252"/>
      <c r="AD91" s="252"/>
      <c r="AE91" s="252"/>
      <c r="AF91" s="252"/>
      <c r="AG91" s="252"/>
      <c r="AH91" s="252"/>
    </row>
    <row r="92" spans="1:36" s="68" customFormat="1" ht="20.100000000000001" customHeight="1" x14ac:dyDescent="0.25">
      <c r="A92" s="127"/>
      <c r="B92" s="154" t="s">
        <v>37</v>
      </c>
      <c r="C92" s="154"/>
      <c r="D92" s="155"/>
      <c r="E92" s="155"/>
      <c r="F92" s="156" t="s">
        <v>76</v>
      </c>
      <c r="G92" s="155"/>
      <c r="H92" s="155"/>
      <c r="I92" s="156" t="s">
        <v>76</v>
      </c>
      <c r="J92" s="155"/>
      <c r="K92" s="155"/>
      <c r="L92" s="155"/>
      <c r="M92" s="155"/>
      <c r="N92" s="151"/>
      <c r="O92" s="151"/>
      <c r="P92" s="151"/>
      <c r="Q92" s="1"/>
      <c r="R92" s="1"/>
      <c r="S92" s="1"/>
      <c r="T92" s="1"/>
      <c r="U92" s="1"/>
      <c r="V92" s="127"/>
      <c r="W92" s="151"/>
      <c r="X92" s="151"/>
      <c r="Y92" s="151"/>
      <c r="Z92" s="151"/>
      <c r="AA92" s="69"/>
      <c r="AB92" s="252"/>
      <c r="AC92" s="252"/>
      <c r="AD92" s="252"/>
      <c r="AE92" s="252"/>
      <c r="AF92" s="252"/>
      <c r="AG92" s="252"/>
      <c r="AH92" s="252"/>
      <c r="AI92" s="112"/>
      <c r="AJ92" s="111"/>
    </row>
    <row r="93" spans="1:36" x14ac:dyDescent="0.2">
      <c r="A93" s="127"/>
      <c r="B93" s="1"/>
      <c r="C93" s="1"/>
      <c r="D93" s="1"/>
      <c r="E93" s="1"/>
      <c r="F93" s="1"/>
      <c r="G93" s="1"/>
      <c r="H93" s="1"/>
      <c r="I93" s="1"/>
      <c r="J93" s="1"/>
      <c r="K93" s="1"/>
      <c r="L93" s="1"/>
      <c r="M93" s="127"/>
      <c r="N93" s="127"/>
      <c r="O93" s="127"/>
      <c r="P93" s="127"/>
      <c r="Q93" s="127"/>
      <c r="R93" s="127"/>
      <c r="S93" s="127"/>
      <c r="T93" s="127"/>
      <c r="U93" s="127"/>
      <c r="V93" s="150"/>
      <c r="W93" s="127"/>
      <c r="X93" s="127"/>
      <c r="Y93" s="127"/>
      <c r="Z93" s="127"/>
      <c r="AB93" s="252"/>
      <c r="AC93" s="252"/>
      <c r="AD93" s="252"/>
      <c r="AE93" s="252"/>
      <c r="AF93" s="252"/>
      <c r="AG93" s="252"/>
      <c r="AH93" s="252"/>
    </row>
    <row r="94" spans="1:36" x14ac:dyDescent="0.2">
      <c r="A94" s="127"/>
      <c r="B94" s="1"/>
      <c r="C94" s="1"/>
      <c r="D94" s="1"/>
      <c r="E94" s="1"/>
      <c r="F94" s="1"/>
      <c r="G94" s="1"/>
      <c r="H94" s="1"/>
      <c r="I94" s="1"/>
      <c r="J94" s="1"/>
      <c r="K94" s="1"/>
      <c r="L94" s="1"/>
      <c r="M94" s="127"/>
      <c r="N94" s="127"/>
      <c r="O94" s="127"/>
      <c r="P94" s="127"/>
      <c r="Q94" s="127"/>
      <c r="R94" s="127"/>
      <c r="S94" s="127"/>
      <c r="T94" s="127"/>
      <c r="U94" s="127"/>
      <c r="V94" s="150"/>
      <c r="W94" s="127"/>
      <c r="X94" s="127"/>
      <c r="Y94" s="127"/>
      <c r="Z94" s="127"/>
      <c r="AB94" s="252"/>
      <c r="AC94" s="252"/>
      <c r="AD94" s="252"/>
      <c r="AE94" s="252"/>
      <c r="AF94" s="252"/>
      <c r="AG94" s="252"/>
      <c r="AH94" s="252"/>
    </row>
    <row r="95" spans="1:36" ht="20.100000000000001" customHeight="1" x14ac:dyDescent="0.2">
      <c r="A95" s="127"/>
      <c r="B95" s="1" t="s">
        <v>190</v>
      </c>
      <c r="C95" s="1"/>
      <c r="D95" s="231"/>
      <c r="E95" s="232"/>
      <c r="F95" s="232"/>
      <c r="G95" s="232"/>
      <c r="H95" s="232"/>
      <c r="I95" s="232"/>
      <c r="J95" s="232"/>
      <c r="K95" s="232"/>
      <c r="L95" s="232"/>
      <c r="M95" s="232"/>
      <c r="N95" s="232"/>
      <c r="O95" s="232"/>
      <c r="P95" s="232"/>
      <c r="Q95" s="232"/>
      <c r="R95" s="232"/>
      <c r="S95" s="232"/>
      <c r="T95" s="232"/>
      <c r="U95" s="232"/>
      <c r="V95" s="232"/>
      <c r="W95" s="233"/>
      <c r="X95" s="127"/>
      <c r="Y95" s="127"/>
      <c r="Z95" s="127"/>
      <c r="AB95" s="252"/>
      <c r="AC95" s="252"/>
      <c r="AD95" s="252"/>
      <c r="AE95" s="252"/>
      <c r="AF95" s="252"/>
      <c r="AG95" s="252"/>
      <c r="AH95" s="252"/>
    </row>
    <row r="96" spans="1:36" ht="6.95" customHeight="1" x14ac:dyDescent="0.2">
      <c r="A96" s="127"/>
      <c r="B96" s="1"/>
      <c r="C96" s="1"/>
      <c r="D96" s="151"/>
      <c r="E96" s="151"/>
      <c r="F96" s="151"/>
      <c r="G96" s="151"/>
      <c r="H96" s="1"/>
      <c r="I96" s="1"/>
      <c r="J96" s="1"/>
      <c r="K96" s="1"/>
      <c r="L96" s="1"/>
      <c r="M96" s="127"/>
      <c r="N96" s="127"/>
      <c r="O96" s="127"/>
      <c r="P96" s="127"/>
      <c r="Q96" s="127"/>
      <c r="R96" s="127"/>
      <c r="S96" s="127"/>
      <c r="T96" s="127"/>
      <c r="U96" s="127"/>
      <c r="V96" s="150"/>
      <c r="W96" s="127"/>
      <c r="X96" s="127"/>
      <c r="Y96" s="127"/>
      <c r="Z96" s="127"/>
      <c r="AB96" s="252"/>
      <c r="AC96" s="252"/>
      <c r="AD96" s="252"/>
      <c r="AE96" s="252"/>
      <c r="AF96" s="252"/>
      <c r="AG96" s="252"/>
      <c r="AH96" s="252"/>
    </row>
    <row r="97" spans="1:36" ht="20.100000000000001" customHeight="1" x14ac:dyDescent="0.2">
      <c r="A97" s="127"/>
      <c r="B97" s="1" t="s">
        <v>29</v>
      </c>
      <c r="C97" s="1"/>
      <c r="D97" s="231"/>
      <c r="E97" s="232"/>
      <c r="F97" s="232"/>
      <c r="G97" s="232"/>
      <c r="H97" s="232"/>
      <c r="I97" s="232"/>
      <c r="J97" s="232"/>
      <c r="K97" s="232"/>
      <c r="L97" s="232"/>
      <c r="M97" s="232"/>
      <c r="N97" s="232"/>
      <c r="O97" s="232"/>
      <c r="P97" s="232"/>
      <c r="Q97" s="232"/>
      <c r="R97" s="232"/>
      <c r="S97" s="232"/>
      <c r="T97" s="232"/>
      <c r="U97" s="232"/>
      <c r="V97" s="232"/>
      <c r="W97" s="233"/>
      <c r="X97" s="127"/>
      <c r="Y97" s="127"/>
      <c r="Z97" s="127"/>
      <c r="AB97" s="252"/>
      <c r="AC97" s="252"/>
      <c r="AD97" s="252"/>
      <c r="AE97" s="252"/>
      <c r="AF97" s="252"/>
      <c r="AG97" s="252"/>
      <c r="AH97" s="252"/>
    </row>
    <row r="98" spans="1:36" ht="8.1" customHeight="1" x14ac:dyDescent="0.2">
      <c r="A98" s="127"/>
      <c r="B98" s="1"/>
      <c r="C98" s="1"/>
      <c r="D98" s="151"/>
      <c r="E98" s="151"/>
      <c r="F98" s="151"/>
      <c r="G98" s="151"/>
      <c r="H98" s="1"/>
      <c r="I98" s="1"/>
      <c r="J98" s="1"/>
      <c r="K98" s="1"/>
      <c r="L98" s="1"/>
      <c r="M98" s="127"/>
      <c r="N98" s="127"/>
      <c r="O98" s="127"/>
      <c r="P98" s="127"/>
      <c r="Q98" s="127"/>
      <c r="R98" s="127"/>
      <c r="S98" s="127"/>
      <c r="T98" s="127"/>
      <c r="U98" s="127"/>
      <c r="V98" s="150"/>
      <c r="W98" s="127"/>
      <c r="X98" s="127"/>
      <c r="Y98" s="127"/>
      <c r="Z98" s="127"/>
      <c r="AB98" s="252"/>
      <c r="AC98" s="252"/>
      <c r="AD98" s="252"/>
      <c r="AE98" s="252"/>
      <c r="AF98" s="252"/>
      <c r="AG98" s="252"/>
      <c r="AH98" s="252"/>
    </row>
    <row r="99" spans="1:36" s="68" customFormat="1" ht="20.100000000000001" customHeight="1" x14ac:dyDescent="0.2">
      <c r="A99" s="127"/>
      <c r="B99" s="1" t="s">
        <v>138</v>
      </c>
      <c r="C99" s="1"/>
      <c r="D99" s="153"/>
      <c r="E99" s="204" t="s">
        <v>75</v>
      </c>
      <c r="F99" s="127"/>
      <c r="G99" s="127"/>
      <c r="H99"/>
      <c r="I99"/>
      <c r="J99"/>
      <c r="K99"/>
      <c r="L99"/>
      <c r="M99"/>
      <c r="N99" s="127"/>
      <c r="O99" s="127"/>
      <c r="P99" s="127"/>
      <c r="Q99" s="1"/>
      <c r="R99" s="1"/>
      <c r="S99" s="1"/>
      <c r="T99" s="1"/>
      <c r="U99" s="1"/>
      <c r="V99" s="150"/>
      <c r="W99" s="127"/>
      <c r="X99" s="127"/>
      <c r="Y99" s="127"/>
      <c r="Z99" s="127"/>
      <c r="AA99" s="7"/>
      <c r="AB99" s="252"/>
      <c r="AC99" s="252"/>
      <c r="AD99" s="252"/>
      <c r="AE99" s="252"/>
      <c r="AF99" s="252"/>
      <c r="AG99" s="252"/>
      <c r="AH99" s="252"/>
      <c r="AI99" s="7"/>
      <c r="AJ99" s="113"/>
    </row>
    <row r="100" spans="1:36" ht="6.95" customHeight="1" x14ac:dyDescent="0.2">
      <c r="A100" s="127"/>
      <c r="B100" s="127"/>
      <c r="C100" s="127"/>
      <c r="D100" s="127"/>
      <c r="E100" s="127"/>
      <c r="F100" s="127"/>
      <c r="G100" s="127"/>
      <c r="H100" s="127"/>
      <c r="I100" s="127"/>
      <c r="J100" s="127"/>
      <c r="K100" s="127"/>
      <c r="L100" s="127"/>
      <c r="M100" s="127"/>
      <c r="N100" s="127"/>
      <c r="O100" s="127"/>
      <c r="P100" s="127"/>
      <c r="Q100" s="127"/>
      <c r="R100" s="127"/>
      <c r="S100" s="127"/>
      <c r="T100" s="127"/>
      <c r="U100" s="127"/>
      <c r="V100" s="150"/>
      <c r="W100" s="127"/>
      <c r="X100" s="127"/>
      <c r="Y100" s="127"/>
      <c r="Z100" s="127"/>
      <c r="AB100" s="252"/>
      <c r="AC100" s="252"/>
      <c r="AD100" s="252"/>
      <c r="AE100" s="252"/>
      <c r="AF100" s="252"/>
      <c r="AG100" s="252"/>
      <c r="AH100" s="252"/>
    </row>
    <row r="101" spans="1:36" s="68" customFormat="1" ht="20.100000000000001" customHeight="1" x14ac:dyDescent="0.25">
      <c r="A101" s="127"/>
      <c r="B101" s="154" t="s">
        <v>37</v>
      </c>
      <c r="C101" s="154"/>
      <c r="D101" s="155"/>
      <c r="E101" s="155"/>
      <c r="F101" s="156" t="s">
        <v>76</v>
      </c>
      <c r="G101" s="155"/>
      <c r="H101" s="155"/>
      <c r="I101" s="156" t="s">
        <v>76</v>
      </c>
      <c r="J101" s="155"/>
      <c r="K101" s="155"/>
      <c r="L101" s="155"/>
      <c r="M101" s="155"/>
      <c r="N101" s="151"/>
      <c r="O101" s="151"/>
      <c r="P101" s="151"/>
      <c r="Q101" s="1"/>
      <c r="R101" s="1"/>
      <c r="S101" s="1"/>
      <c r="T101" s="1"/>
      <c r="U101" s="1"/>
      <c r="V101" s="127"/>
      <c r="W101" s="151"/>
      <c r="X101" s="151"/>
      <c r="Y101" s="151"/>
      <c r="Z101" s="151"/>
      <c r="AA101" s="69"/>
      <c r="AB101" s="252"/>
      <c r="AC101" s="252"/>
      <c r="AD101" s="252"/>
      <c r="AE101" s="252"/>
      <c r="AF101" s="252"/>
      <c r="AG101" s="252"/>
      <c r="AH101" s="252"/>
      <c r="AI101" s="112"/>
      <c r="AJ101" s="111"/>
    </row>
    <row r="102" spans="1:36" x14ac:dyDescent="0.2">
      <c r="A102" s="127"/>
      <c r="B102" s="1"/>
      <c r="C102" s="1"/>
      <c r="D102" s="1"/>
      <c r="E102" s="1"/>
      <c r="F102" s="1"/>
      <c r="G102" s="1"/>
      <c r="H102" s="1"/>
      <c r="I102" s="1"/>
      <c r="J102" s="1"/>
      <c r="K102" s="1"/>
      <c r="L102" s="1"/>
      <c r="M102" s="127"/>
      <c r="N102" s="127"/>
      <c r="O102" s="127"/>
      <c r="P102" s="127"/>
      <c r="Q102" s="127"/>
      <c r="R102" s="127"/>
      <c r="S102" s="127"/>
      <c r="T102" s="127"/>
      <c r="U102" s="127"/>
      <c r="V102" s="150"/>
      <c r="W102" s="127"/>
      <c r="X102" s="127"/>
      <c r="Y102" s="127"/>
      <c r="Z102" s="127"/>
    </row>
    <row r="103" spans="1:36" x14ac:dyDescent="0.2">
      <c r="A103" s="127"/>
      <c r="B103" s="1"/>
      <c r="C103" s="1"/>
      <c r="D103" s="1"/>
      <c r="E103" s="1"/>
      <c r="F103" s="1"/>
      <c r="G103" s="1"/>
      <c r="H103" s="1"/>
      <c r="I103" s="1"/>
      <c r="J103" s="1"/>
      <c r="K103" s="1"/>
      <c r="L103" s="1"/>
      <c r="M103" s="127"/>
      <c r="N103" s="127"/>
      <c r="O103" s="127"/>
      <c r="P103" s="127"/>
      <c r="Q103" s="127"/>
      <c r="R103" s="127"/>
      <c r="S103" s="127"/>
      <c r="T103" s="127"/>
      <c r="U103" s="127"/>
      <c r="V103" s="150"/>
      <c r="W103" s="127"/>
      <c r="X103" s="127"/>
      <c r="Y103" s="127"/>
      <c r="Z103" s="127"/>
    </row>
    <row r="104" spans="1:36" x14ac:dyDescent="0.2">
      <c r="A104" s="127"/>
      <c r="B104" s="1"/>
      <c r="C104" s="1"/>
      <c r="D104" s="1"/>
      <c r="E104" s="1"/>
      <c r="F104" s="1"/>
      <c r="G104" s="1"/>
      <c r="H104" s="1"/>
      <c r="I104" s="1"/>
      <c r="J104" s="1"/>
      <c r="K104" s="1"/>
      <c r="L104" s="1"/>
      <c r="M104" s="127"/>
      <c r="N104" s="127"/>
      <c r="O104" s="127"/>
      <c r="P104" s="127"/>
      <c r="Q104" s="127"/>
      <c r="R104" s="127"/>
      <c r="S104" s="127"/>
      <c r="T104" s="127"/>
      <c r="U104" s="127"/>
      <c r="V104" s="150"/>
      <c r="W104" s="127"/>
      <c r="X104" s="127"/>
      <c r="Y104" s="127"/>
      <c r="Z104" s="127"/>
    </row>
    <row r="105" spans="1:36" ht="26.45" customHeight="1" x14ac:dyDescent="0.2">
      <c r="B105" s="227" t="s">
        <v>210</v>
      </c>
      <c r="C105" s="227"/>
      <c r="D105" s="227"/>
      <c r="E105" s="227"/>
      <c r="F105" s="227"/>
      <c r="G105" s="227"/>
      <c r="H105" s="227"/>
      <c r="I105" s="227"/>
      <c r="J105" s="227"/>
      <c r="K105" s="227"/>
      <c r="L105" s="227"/>
      <c r="M105" s="227"/>
      <c r="N105" s="227"/>
      <c r="O105" s="227"/>
      <c r="P105" s="227"/>
      <c r="Q105" s="227"/>
      <c r="R105" s="227"/>
      <c r="S105" s="227"/>
      <c r="T105" s="227"/>
      <c r="U105" s="227"/>
      <c r="V105" s="227"/>
      <c r="W105" s="227"/>
      <c r="X105" s="227"/>
      <c r="Y105" s="227"/>
      <c r="Z105" s="227"/>
      <c r="AA105" s="227"/>
      <c r="AB105" s="227"/>
      <c r="AC105" s="227"/>
      <c r="AD105" s="227"/>
      <c r="AE105" s="227"/>
      <c r="AF105" s="227"/>
      <c r="AG105" s="227"/>
      <c r="AH105" s="227"/>
      <c r="AI105" s="227"/>
      <c r="AJ105" s="7"/>
    </row>
    <row r="106" spans="1:36" x14ac:dyDescent="0.2">
      <c r="B106" s="206" t="s">
        <v>211</v>
      </c>
      <c r="C106" s="1"/>
      <c r="D106" s="1"/>
      <c r="E106" s="1"/>
      <c r="F106" s="1"/>
      <c r="G106" s="1"/>
      <c r="H106" s="1"/>
      <c r="I106" s="1"/>
      <c r="J106" s="1"/>
      <c r="K106" s="1"/>
      <c r="L106" s="1"/>
      <c r="M106" s="1"/>
      <c r="N106" s="1"/>
      <c r="O106" s="1"/>
      <c r="P106" s="1"/>
      <c r="Q106" s="1"/>
      <c r="R106" s="1"/>
      <c r="S106" s="1"/>
      <c r="T106" s="1"/>
      <c r="U106" s="1"/>
      <c r="V106" s="7"/>
      <c r="W106" s="69"/>
      <c r="X106" s="69"/>
      <c r="Y106" s="69"/>
      <c r="Z106" s="69"/>
      <c r="AA106" s="69"/>
      <c r="AB106" s="69"/>
      <c r="AC106" s="69"/>
      <c r="AD106" s="69"/>
      <c r="AE106" s="69"/>
      <c r="AF106" s="69"/>
      <c r="AG106" s="112"/>
      <c r="AJ106" s="7"/>
    </row>
    <row r="107" spans="1:36" x14ac:dyDescent="0.2">
      <c r="A107" s="127"/>
      <c r="B107" s="1"/>
      <c r="C107" s="1"/>
      <c r="D107" s="1"/>
      <c r="E107" s="1"/>
      <c r="F107" s="1"/>
      <c r="G107" s="1"/>
      <c r="H107" s="1"/>
      <c r="I107" s="1"/>
      <c r="J107" s="1"/>
      <c r="K107" s="1"/>
      <c r="L107" s="1"/>
      <c r="M107" s="127"/>
      <c r="N107" s="127"/>
      <c r="O107" s="127"/>
      <c r="P107" s="127"/>
      <c r="Q107" s="127"/>
      <c r="R107" s="127"/>
      <c r="S107" s="127"/>
      <c r="T107" s="127"/>
      <c r="U107" s="127"/>
      <c r="V107" s="150"/>
      <c r="W107" s="127"/>
      <c r="X107" s="127"/>
      <c r="Y107" s="127"/>
      <c r="Z107" s="127"/>
    </row>
    <row r="108" spans="1:36" x14ac:dyDescent="0.2">
      <c r="A108" s="127"/>
      <c r="B108" s="1"/>
      <c r="C108" s="1"/>
      <c r="D108" s="1"/>
      <c r="E108" s="1"/>
      <c r="F108" s="1"/>
      <c r="G108" s="1"/>
      <c r="H108" s="1"/>
      <c r="I108" s="1"/>
      <c r="J108" s="1"/>
      <c r="K108" s="1"/>
      <c r="L108" s="1"/>
      <c r="M108" s="127"/>
      <c r="N108" s="127"/>
      <c r="O108" s="127"/>
      <c r="P108" s="127"/>
      <c r="Q108" s="127"/>
      <c r="R108" s="127"/>
      <c r="S108" s="127"/>
      <c r="T108" s="127"/>
      <c r="U108" s="127"/>
      <c r="V108" s="150"/>
      <c r="W108" s="127"/>
      <c r="X108" s="127"/>
      <c r="Y108" s="127"/>
      <c r="Z108" s="127"/>
    </row>
    <row r="109" spans="1:36" x14ac:dyDescent="0.2">
      <c r="A109" s="127"/>
      <c r="B109" s="1"/>
      <c r="C109" s="1"/>
      <c r="D109" s="1"/>
      <c r="E109" s="1"/>
      <c r="F109" s="1"/>
      <c r="G109" s="1"/>
      <c r="H109" s="1"/>
      <c r="I109" s="1"/>
      <c r="J109" s="1"/>
      <c r="K109" s="1"/>
      <c r="L109" s="1"/>
      <c r="M109" s="127"/>
      <c r="N109" s="127"/>
      <c r="O109" s="127"/>
      <c r="P109" s="127"/>
      <c r="Q109" s="127"/>
      <c r="R109" s="127"/>
      <c r="S109" s="127"/>
      <c r="T109" s="127"/>
      <c r="U109" s="127"/>
      <c r="V109" s="150"/>
      <c r="W109" s="127"/>
      <c r="X109" s="127"/>
      <c r="Y109" s="127"/>
      <c r="Z109" s="127"/>
    </row>
    <row r="110" spans="1:36" x14ac:dyDescent="0.2">
      <c r="A110" s="127"/>
      <c r="B110" s="1"/>
      <c r="C110" s="1"/>
      <c r="D110" s="1"/>
      <c r="E110" s="1"/>
      <c r="F110" s="1"/>
      <c r="G110" s="1"/>
      <c r="H110" s="1"/>
      <c r="I110" s="1"/>
      <c r="J110" s="1"/>
      <c r="K110" s="1"/>
      <c r="L110" s="1"/>
      <c r="M110" s="127"/>
      <c r="N110" s="127"/>
      <c r="O110" s="127"/>
      <c r="P110" s="127"/>
      <c r="Q110" s="127"/>
      <c r="R110" s="127"/>
      <c r="S110" s="127"/>
      <c r="T110" s="127"/>
      <c r="U110" s="127"/>
      <c r="V110" s="150"/>
      <c r="W110" s="127"/>
      <c r="X110" s="127"/>
      <c r="Y110" s="127"/>
      <c r="Z110" s="127"/>
    </row>
    <row r="111" spans="1:36" x14ac:dyDescent="0.2">
      <c r="A111" s="127"/>
      <c r="B111" s="1"/>
      <c r="C111" s="1"/>
      <c r="D111" s="1"/>
      <c r="E111" s="1"/>
      <c r="F111" s="1"/>
      <c r="G111" s="1"/>
      <c r="H111" s="1"/>
      <c r="I111" s="1"/>
      <c r="J111" s="1"/>
      <c r="K111" s="1"/>
      <c r="L111" s="1"/>
      <c r="M111" s="127"/>
      <c r="N111" s="127"/>
      <c r="O111" s="127"/>
      <c r="P111" s="127"/>
      <c r="Q111" s="127"/>
      <c r="R111" s="127"/>
      <c r="S111" s="127"/>
      <c r="T111" s="127"/>
      <c r="U111" s="127"/>
      <c r="V111" s="150"/>
      <c r="W111" s="127"/>
      <c r="X111" s="127"/>
      <c r="Y111" s="127"/>
      <c r="Z111" s="127"/>
    </row>
    <row r="112" spans="1:36" x14ac:dyDescent="0.2">
      <c r="A112" s="127"/>
      <c r="B112" s="1"/>
      <c r="C112" s="1"/>
      <c r="D112" s="1"/>
      <c r="E112" s="1"/>
      <c r="F112" s="1"/>
      <c r="G112" s="1"/>
      <c r="H112" s="1"/>
      <c r="I112" s="1"/>
      <c r="J112" s="1"/>
      <c r="K112" s="1"/>
      <c r="L112" s="1"/>
      <c r="M112" s="127"/>
      <c r="N112" s="127"/>
      <c r="O112" s="127"/>
      <c r="P112" s="127"/>
      <c r="Q112" s="127"/>
      <c r="R112" s="127"/>
      <c r="S112" s="127"/>
      <c r="T112" s="127"/>
      <c r="U112" s="127"/>
      <c r="V112" s="150"/>
      <c r="W112" s="127"/>
      <c r="X112" s="127"/>
      <c r="Y112" s="127"/>
      <c r="Z112" s="127"/>
    </row>
    <row r="113" spans="1:26" x14ac:dyDescent="0.2">
      <c r="A113" s="127"/>
      <c r="B113" s="1"/>
      <c r="C113" s="1"/>
      <c r="D113" s="1"/>
      <c r="E113" s="1"/>
      <c r="F113" s="1"/>
      <c r="G113" s="1"/>
      <c r="H113" s="1"/>
      <c r="I113" s="1"/>
      <c r="J113" s="1"/>
      <c r="K113" s="1"/>
      <c r="L113" s="1"/>
      <c r="M113" s="127"/>
      <c r="N113" s="127"/>
      <c r="O113" s="127"/>
      <c r="P113" s="127"/>
      <c r="Q113" s="127"/>
      <c r="R113" s="127"/>
      <c r="S113" s="127"/>
      <c r="T113" s="127"/>
      <c r="U113" s="127"/>
      <c r="V113" s="150"/>
      <c r="W113" s="127"/>
      <c r="X113" s="127"/>
      <c r="Y113" s="127"/>
      <c r="Z113" s="127"/>
    </row>
    <row r="114" spans="1:26" x14ac:dyDescent="0.2">
      <c r="A114" s="127"/>
      <c r="B114" s="1"/>
      <c r="C114" s="1"/>
      <c r="D114" s="1"/>
      <c r="E114" s="1"/>
      <c r="F114" s="1"/>
      <c r="G114" s="1"/>
      <c r="H114" s="1"/>
      <c r="I114" s="1"/>
      <c r="J114" s="1"/>
      <c r="K114" s="1"/>
      <c r="L114" s="1"/>
      <c r="M114" s="127"/>
      <c r="N114" s="127"/>
      <c r="O114" s="127"/>
      <c r="P114" s="127"/>
      <c r="Q114" s="127"/>
      <c r="R114" s="127"/>
      <c r="S114" s="127"/>
      <c r="T114" s="127"/>
      <c r="U114" s="127"/>
      <c r="V114" s="150"/>
      <c r="W114" s="127"/>
      <c r="X114" s="127"/>
      <c r="Y114" s="127"/>
      <c r="Z114" s="127"/>
    </row>
    <row r="115" spans="1:26" x14ac:dyDescent="0.2">
      <c r="A115" s="127"/>
      <c r="B115" s="1"/>
      <c r="C115" s="1"/>
      <c r="D115" s="1"/>
      <c r="E115" s="1"/>
      <c r="F115" s="1"/>
      <c r="G115" s="1"/>
      <c r="H115" s="1"/>
      <c r="I115" s="1"/>
      <c r="J115" s="1"/>
      <c r="K115" s="1"/>
      <c r="L115" s="1"/>
      <c r="M115" s="127"/>
      <c r="N115" s="127"/>
      <c r="O115" s="127"/>
      <c r="P115" s="127"/>
      <c r="Q115" s="127"/>
      <c r="R115" s="127"/>
      <c r="S115" s="127"/>
      <c r="T115" s="127"/>
      <c r="U115" s="127"/>
      <c r="V115" s="150"/>
      <c r="W115" s="127"/>
      <c r="X115" s="127"/>
      <c r="Y115" s="127"/>
      <c r="Z115" s="127"/>
    </row>
    <row r="116" spans="1:26" x14ac:dyDescent="0.2">
      <c r="A116" s="127"/>
      <c r="B116" s="1"/>
      <c r="C116" s="1"/>
      <c r="D116" s="1"/>
      <c r="E116" s="1"/>
      <c r="F116" s="1"/>
      <c r="G116" s="1"/>
      <c r="H116" s="1"/>
      <c r="I116" s="1"/>
      <c r="J116" s="1"/>
      <c r="K116" s="1"/>
      <c r="L116" s="1"/>
      <c r="M116" s="127"/>
      <c r="N116" s="127"/>
      <c r="O116" s="127"/>
      <c r="P116" s="127"/>
      <c r="Q116" s="127"/>
      <c r="R116" s="127"/>
      <c r="S116" s="127"/>
      <c r="T116" s="127"/>
      <c r="U116" s="127"/>
      <c r="V116" s="150"/>
      <c r="W116" s="127"/>
      <c r="X116" s="127"/>
      <c r="Y116" s="127"/>
      <c r="Z116" s="127"/>
    </row>
    <row r="117" spans="1:26" x14ac:dyDescent="0.2">
      <c r="A117" s="127"/>
      <c r="B117" s="1"/>
      <c r="C117" s="1"/>
      <c r="D117" s="1"/>
      <c r="E117" s="1"/>
      <c r="F117" s="1"/>
      <c r="G117" s="1"/>
      <c r="H117" s="1"/>
      <c r="I117" s="1"/>
      <c r="J117" s="1"/>
      <c r="K117" s="1"/>
      <c r="L117" s="1"/>
      <c r="M117" s="127"/>
      <c r="N117" s="127"/>
      <c r="O117" s="127"/>
      <c r="P117" s="127"/>
      <c r="Q117" s="127"/>
      <c r="R117" s="127"/>
      <c r="S117" s="127"/>
      <c r="T117" s="127"/>
      <c r="U117" s="127"/>
      <c r="V117" s="150"/>
      <c r="W117" s="127"/>
      <c r="X117" s="127"/>
      <c r="Y117" s="127"/>
      <c r="Z117" s="127"/>
    </row>
    <row r="118" spans="1:26" x14ac:dyDescent="0.2">
      <c r="A118" s="127"/>
      <c r="B118" s="1"/>
      <c r="C118" s="1"/>
      <c r="D118" s="1"/>
      <c r="E118" s="1"/>
      <c r="F118" s="1"/>
      <c r="G118" s="1"/>
      <c r="H118" s="1"/>
      <c r="I118" s="1"/>
      <c r="J118" s="1"/>
      <c r="K118" s="1"/>
      <c r="L118" s="1"/>
      <c r="M118" s="127"/>
      <c r="N118" s="127"/>
      <c r="O118" s="127"/>
      <c r="P118" s="127"/>
      <c r="Q118" s="127"/>
      <c r="R118" s="127"/>
      <c r="S118" s="127"/>
      <c r="T118" s="127"/>
      <c r="U118" s="127"/>
      <c r="V118" s="150"/>
      <c r="W118" s="127"/>
      <c r="X118" s="127"/>
      <c r="Y118" s="127"/>
      <c r="Z118" s="127"/>
    </row>
    <row r="119" spans="1:26" x14ac:dyDescent="0.2">
      <c r="A119" s="127"/>
      <c r="B119" s="1"/>
      <c r="C119" s="1"/>
      <c r="D119" s="1"/>
      <c r="E119" s="1"/>
      <c r="F119" s="1"/>
      <c r="G119" s="1"/>
      <c r="H119" s="1"/>
      <c r="I119" s="1"/>
      <c r="J119" s="1"/>
      <c r="K119" s="1"/>
      <c r="L119" s="1"/>
      <c r="M119" s="127"/>
      <c r="N119" s="127"/>
      <c r="O119" s="127"/>
      <c r="P119" s="127"/>
      <c r="Q119" s="127"/>
      <c r="R119" s="127"/>
      <c r="S119" s="127"/>
      <c r="T119" s="127"/>
      <c r="U119" s="127"/>
      <c r="V119" s="150"/>
      <c r="W119" s="127"/>
      <c r="X119" s="127"/>
      <c r="Y119" s="127"/>
      <c r="Z119" s="127"/>
    </row>
    <row r="120" spans="1:26" x14ac:dyDescent="0.2">
      <c r="A120" s="127"/>
      <c r="B120" s="1"/>
      <c r="C120" s="1"/>
      <c r="D120" s="1"/>
      <c r="E120" s="1"/>
      <c r="F120" s="1"/>
      <c r="G120" s="1"/>
      <c r="H120" s="1"/>
      <c r="I120" s="1"/>
      <c r="J120" s="1"/>
      <c r="K120" s="1"/>
      <c r="L120" s="1"/>
      <c r="M120" s="127"/>
      <c r="N120" s="127"/>
      <c r="O120" s="127"/>
      <c r="P120" s="127"/>
      <c r="Q120" s="127"/>
      <c r="R120" s="127"/>
      <c r="S120" s="127"/>
      <c r="T120" s="127"/>
      <c r="U120" s="127"/>
      <c r="V120" s="150"/>
      <c r="W120" s="127"/>
      <c r="X120" s="127"/>
      <c r="Y120" s="127"/>
      <c r="Z120" s="127"/>
    </row>
    <row r="121" spans="1:26" x14ac:dyDescent="0.2">
      <c r="A121" s="127"/>
      <c r="B121" s="1"/>
      <c r="C121" s="1"/>
      <c r="D121" s="1"/>
      <c r="E121" s="1"/>
      <c r="F121" s="1"/>
      <c r="G121" s="1"/>
      <c r="H121" s="1"/>
      <c r="I121" s="1"/>
      <c r="J121" s="1"/>
      <c r="K121" s="1"/>
      <c r="L121" s="1"/>
      <c r="M121" s="127"/>
      <c r="N121" s="127"/>
      <c r="O121" s="127"/>
      <c r="P121" s="127"/>
      <c r="Q121" s="127"/>
      <c r="R121" s="127"/>
      <c r="S121" s="127"/>
      <c r="T121" s="127"/>
      <c r="U121" s="127"/>
      <c r="V121" s="150"/>
      <c r="W121" s="127"/>
      <c r="X121" s="127"/>
      <c r="Y121" s="127"/>
      <c r="Z121" s="127"/>
    </row>
    <row r="122" spans="1:26" x14ac:dyDescent="0.2">
      <c r="A122" s="127"/>
      <c r="B122" s="1"/>
      <c r="C122" s="1"/>
      <c r="D122" s="1"/>
      <c r="E122" s="1"/>
      <c r="F122" s="1"/>
      <c r="G122" s="1"/>
      <c r="H122" s="1"/>
      <c r="I122" s="1"/>
      <c r="J122" s="1"/>
      <c r="K122" s="1"/>
      <c r="L122" s="1"/>
      <c r="M122" s="127"/>
      <c r="N122" s="127"/>
      <c r="O122" s="127"/>
      <c r="P122" s="127"/>
      <c r="Q122" s="127"/>
      <c r="R122" s="127"/>
      <c r="S122" s="127"/>
      <c r="T122" s="127"/>
      <c r="U122" s="127"/>
      <c r="V122" s="150"/>
      <c r="W122" s="127"/>
      <c r="X122" s="127"/>
      <c r="Y122" s="127"/>
      <c r="Z122" s="127"/>
    </row>
    <row r="123" spans="1:26" x14ac:dyDescent="0.2">
      <c r="A123" s="127"/>
      <c r="B123" s="1"/>
      <c r="C123" s="1"/>
      <c r="D123" s="1"/>
      <c r="E123" s="1"/>
      <c r="F123" s="1"/>
      <c r="G123" s="1"/>
      <c r="H123" s="1"/>
      <c r="I123" s="1"/>
      <c r="J123" s="1"/>
      <c r="K123" s="1"/>
      <c r="L123" s="1"/>
      <c r="M123" s="127"/>
      <c r="N123" s="127"/>
      <c r="O123" s="127"/>
      <c r="P123" s="127"/>
      <c r="Q123" s="127"/>
      <c r="R123" s="127"/>
      <c r="S123" s="127"/>
      <c r="T123" s="127"/>
      <c r="U123" s="127"/>
      <c r="V123" s="150"/>
      <c r="W123" s="127"/>
      <c r="X123" s="127"/>
      <c r="Y123" s="127"/>
      <c r="Z123" s="127"/>
    </row>
    <row r="124" spans="1:26" x14ac:dyDescent="0.2">
      <c r="A124" s="127"/>
      <c r="B124" s="1"/>
      <c r="C124" s="1"/>
      <c r="D124" s="1"/>
      <c r="E124" s="1"/>
      <c r="F124" s="1"/>
      <c r="G124" s="1"/>
      <c r="H124" s="1"/>
      <c r="I124" s="1"/>
      <c r="J124" s="1"/>
      <c r="K124" s="1"/>
      <c r="L124" s="1"/>
      <c r="M124" s="127"/>
      <c r="N124" s="127"/>
      <c r="O124" s="127"/>
      <c r="P124" s="127"/>
      <c r="Q124" s="127"/>
      <c r="R124" s="127"/>
      <c r="S124" s="127"/>
      <c r="T124" s="127"/>
      <c r="U124" s="127"/>
      <c r="V124" s="150"/>
      <c r="W124" s="127"/>
      <c r="X124" s="127"/>
      <c r="Y124" s="127"/>
      <c r="Z124" s="127"/>
    </row>
    <row r="125" spans="1:26" x14ac:dyDescent="0.2">
      <c r="A125" s="127"/>
      <c r="B125" s="1"/>
      <c r="C125" s="1"/>
      <c r="D125" s="1"/>
      <c r="E125" s="1"/>
      <c r="F125" s="1"/>
      <c r="G125" s="1"/>
      <c r="H125" s="1"/>
      <c r="I125" s="1"/>
      <c r="J125" s="1"/>
      <c r="K125" s="1"/>
      <c r="L125" s="1"/>
      <c r="M125" s="127"/>
      <c r="N125" s="127"/>
      <c r="O125" s="127"/>
      <c r="P125" s="127"/>
      <c r="Q125" s="127"/>
      <c r="R125" s="127"/>
      <c r="S125" s="127"/>
      <c r="T125" s="127"/>
      <c r="U125" s="127"/>
      <c r="V125" s="150"/>
      <c r="W125" s="127"/>
      <c r="X125" s="127"/>
      <c r="Y125" s="127"/>
      <c r="Z125" s="127"/>
    </row>
    <row r="126" spans="1:26" x14ac:dyDescent="0.2">
      <c r="A126" s="127"/>
      <c r="B126" s="1"/>
      <c r="C126" s="1"/>
      <c r="D126" s="1"/>
      <c r="E126" s="1"/>
      <c r="F126" s="1"/>
      <c r="G126" s="1"/>
      <c r="H126" s="1"/>
      <c r="I126" s="1"/>
      <c r="J126" s="1"/>
      <c r="K126" s="1"/>
      <c r="L126" s="1"/>
      <c r="M126" s="127"/>
      <c r="N126" s="127"/>
      <c r="O126" s="127"/>
      <c r="P126" s="127"/>
      <c r="Q126" s="127"/>
      <c r="R126" s="127"/>
      <c r="S126" s="127"/>
      <c r="T126" s="127"/>
      <c r="U126" s="127"/>
      <c r="V126" s="150"/>
      <c r="W126" s="127"/>
      <c r="X126" s="127"/>
      <c r="Y126" s="127"/>
      <c r="Z126" s="127"/>
    </row>
    <row r="127" spans="1:26" x14ac:dyDescent="0.2">
      <c r="A127" s="127"/>
      <c r="B127" s="1"/>
      <c r="C127" s="1"/>
      <c r="D127" s="1"/>
      <c r="E127" s="1"/>
      <c r="F127" s="1"/>
      <c r="G127" s="1"/>
      <c r="H127" s="1"/>
      <c r="I127" s="1"/>
      <c r="J127" s="1"/>
      <c r="K127" s="1"/>
      <c r="L127" s="1"/>
      <c r="M127" s="127"/>
      <c r="N127" s="127"/>
      <c r="O127" s="127"/>
      <c r="P127" s="127"/>
      <c r="Q127" s="127"/>
      <c r="R127" s="127"/>
      <c r="S127" s="127"/>
      <c r="T127" s="127"/>
      <c r="U127" s="127"/>
      <c r="V127" s="150"/>
      <c r="W127" s="127"/>
      <c r="X127" s="127"/>
      <c r="Y127" s="127"/>
      <c r="Z127" s="127"/>
    </row>
    <row r="128" spans="1:26" x14ac:dyDescent="0.2">
      <c r="A128" s="127"/>
      <c r="B128" s="1"/>
      <c r="C128" s="1"/>
      <c r="D128" s="1"/>
      <c r="E128" s="1"/>
      <c r="F128" s="1"/>
      <c r="G128" s="1"/>
      <c r="H128" s="1"/>
      <c r="I128" s="1"/>
      <c r="J128" s="1"/>
      <c r="K128" s="1"/>
      <c r="L128" s="1"/>
      <c r="M128" s="127"/>
      <c r="N128" s="127"/>
      <c r="O128" s="127"/>
      <c r="P128" s="127"/>
      <c r="Q128" s="127"/>
      <c r="R128" s="127"/>
      <c r="S128" s="127"/>
      <c r="T128" s="127"/>
      <c r="U128" s="127"/>
      <c r="V128" s="150"/>
      <c r="W128" s="127"/>
      <c r="X128" s="127"/>
      <c r="Y128" s="127"/>
      <c r="Z128" s="127"/>
    </row>
    <row r="129" spans="1:26" x14ac:dyDescent="0.2">
      <c r="A129" s="127"/>
      <c r="B129" s="1"/>
      <c r="C129" s="1"/>
      <c r="D129" s="1"/>
      <c r="E129" s="1"/>
      <c r="F129" s="1"/>
      <c r="G129" s="1"/>
      <c r="H129" s="1"/>
      <c r="I129" s="1"/>
      <c r="J129" s="1"/>
      <c r="K129" s="1"/>
      <c r="L129" s="1"/>
      <c r="M129" s="127"/>
      <c r="N129" s="127"/>
      <c r="O129" s="127"/>
      <c r="P129" s="127"/>
      <c r="Q129" s="127"/>
      <c r="R129" s="127"/>
      <c r="S129" s="127"/>
      <c r="T129" s="127"/>
      <c r="U129" s="127"/>
      <c r="V129" s="150"/>
      <c r="W129" s="127"/>
      <c r="X129" s="127"/>
      <c r="Y129" s="127"/>
      <c r="Z129" s="127"/>
    </row>
    <row r="130" spans="1:26" x14ac:dyDescent="0.2">
      <c r="A130" s="127"/>
      <c r="B130" s="1"/>
      <c r="C130" s="1"/>
      <c r="D130" s="1"/>
      <c r="E130" s="1"/>
      <c r="F130" s="1"/>
      <c r="G130" s="1"/>
      <c r="H130" s="1"/>
      <c r="I130" s="1"/>
      <c r="J130" s="1"/>
      <c r="K130" s="1"/>
      <c r="L130" s="1"/>
      <c r="M130" s="127"/>
      <c r="N130" s="127"/>
      <c r="O130" s="127"/>
      <c r="P130" s="127"/>
      <c r="Q130" s="127"/>
      <c r="R130" s="127"/>
      <c r="S130" s="127"/>
      <c r="T130" s="127"/>
      <c r="U130" s="127"/>
      <c r="V130" s="150"/>
      <c r="W130" s="127"/>
      <c r="X130" s="127"/>
      <c r="Y130" s="127"/>
      <c r="Z130" s="127"/>
    </row>
    <row r="131" spans="1:26" x14ac:dyDescent="0.2">
      <c r="A131" s="127"/>
      <c r="B131" s="1"/>
      <c r="C131" s="1"/>
      <c r="D131" s="1"/>
      <c r="E131" s="1"/>
      <c r="F131" s="1"/>
      <c r="G131" s="1"/>
      <c r="H131" s="1"/>
      <c r="I131" s="1"/>
      <c r="J131" s="1"/>
      <c r="K131" s="1"/>
      <c r="L131" s="1"/>
      <c r="M131" s="127"/>
      <c r="N131" s="127"/>
      <c r="O131" s="127"/>
      <c r="P131" s="127"/>
      <c r="Q131" s="127"/>
      <c r="R131" s="127"/>
      <c r="S131" s="127"/>
      <c r="T131" s="127"/>
      <c r="U131" s="127"/>
      <c r="V131" s="150"/>
      <c r="W131" s="127"/>
      <c r="X131" s="127"/>
      <c r="Y131" s="127"/>
      <c r="Z131" s="127"/>
    </row>
    <row r="132" spans="1:26" x14ac:dyDescent="0.2">
      <c r="A132" s="127"/>
      <c r="B132" s="1"/>
      <c r="C132" s="1"/>
      <c r="D132" s="1"/>
      <c r="E132" s="1"/>
      <c r="F132" s="1"/>
      <c r="G132" s="1"/>
      <c r="H132" s="1"/>
      <c r="I132" s="1"/>
      <c r="J132" s="1"/>
      <c r="K132" s="1"/>
      <c r="L132" s="1"/>
      <c r="M132" s="127"/>
      <c r="N132" s="127"/>
      <c r="O132" s="127"/>
      <c r="P132" s="127"/>
      <c r="Q132" s="127"/>
      <c r="R132" s="127"/>
      <c r="S132" s="127"/>
      <c r="T132" s="127"/>
      <c r="U132" s="127"/>
      <c r="V132" s="150"/>
      <c r="W132" s="127"/>
      <c r="X132" s="127"/>
      <c r="Y132" s="127"/>
      <c r="Z132" s="127"/>
    </row>
    <row r="133" spans="1:26" x14ac:dyDescent="0.2">
      <c r="A133" s="127"/>
      <c r="B133" s="1"/>
      <c r="C133" s="1"/>
      <c r="D133" s="1"/>
      <c r="E133" s="1"/>
      <c r="F133" s="1"/>
      <c r="G133" s="1"/>
      <c r="H133" s="1"/>
      <c r="I133" s="1"/>
      <c r="J133" s="1"/>
      <c r="K133" s="1"/>
      <c r="L133" s="1"/>
      <c r="M133" s="127"/>
      <c r="N133" s="127"/>
      <c r="O133" s="127"/>
      <c r="P133" s="127"/>
      <c r="Q133" s="127"/>
      <c r="R133" s="127"/>
      <c r="S133" s="127"/>
      <c r="T133" s="127"/>
      <c r="U133" s="127"/>
      <c r="V133" s="150"/>
      <c r="W133" s="127"/>
      <c r="X133" s="127"/>
      <c r="Y133" s="127"/>
      <c r="Z133" s="127"/>
    </row>
    <row r="134" spans="1:26" x14ac:dyDescent="0.2">
      <c r="A134" s="127"/>
      <c r="B134" s="1"/>
      <c r="C134" s="1"/>
      <c r="D134" s="1"/>
      <c r="E134" s="1"/>
      <c r="F134" s="1"/>
      <c r="G134" s="1"/>
      <c r="H134" s="1"/>
      <c r="I134" s="1"/>
      <c r="J134" s="1"/>
      <c r="K134" s="1"/>
      <c r="L134" s="1"/>
      <c r="M134" s="127"/>
      <c r="N134" s="127"/>
      <c r="O134" s="127"/>
      <c r="P134" s="127"/>
      <c r="Q134" s="127"/>
      <c r="R134" s="127"/>
      <c r="S134" s="127"/>
      <c r="T134" s="127"/>
      <c r="U134" s="127"/>
      <c r="V134" s="150"/>
      <c r="W134" s="127"/>
      <c r="X134" s="127"/>
      <c r="Y134" s="127"/>
      <c r="Z134" s="127"/>
    </row>
    <row r="135" spans="1:26" x14ac:dyDescent="0.2">
      <c r="A135" s="127"/>
      <c r="B135" s="1"/>
      <c r="C135" s="1"/>
      <c r="D135" s="1"/>
      <c r="E135" s="1"/>
      <c r="F135" s="1"/>
      <c r="G135" s="1"/>
      <c r="H135" s="1"/>
      <c r="I135" s="1"/>
      <c r="J135" s="1"/>
      <c r="K135" s="1"/>
      <c r="L135" s="1"/>
      <c r="M135" s="127"/>
      <c r="N135" s="127"/>
      <c r="O135" s="127"/>
      <c r="P135" s="127"/>
      <c r="Q135" s="127"/>
      <c r="R135" s="127"/>
      <c r="S135" s="127"/>
      <c r="T135" s="127"/>
      <c r="U135" s="127"/>
      <c r="V135" s="150"/>
      <c r="W135" s="127"/>
      <c r="X135" s="127"/>
      <c r="Y135" s="127"/>
      <c r="Z135" s="127"/>
    </row>
    <row r="136" spans="1:26" x14ac:dyDescent="0.2">
      <c r="A136" s="127"/>
      <c r="B136" s="1"/>
      <c r="C136" s="1"/>
      <c r="D136" s="1"/>
      <c r="E136" s="1"/>
      <c r="F136" s="1"/>
      <c r="G136" s="1"/>
      <c r="H136" s="1"/>
      <c r="I136" s="1"/>
      <c r="J136" s="1"/>
      <c r="K136" s="1"/>
      <c r="L136" s="1"/>
      <c r="M136" s="127"/>
      <c r="N136" s="127"/>
      <c r="O136" s="127"/>
      <c r="P136" s="127"/>
      <c r="Q136" s="127"/>
      <c r="R136" s="127"/>
      <c r="S136" s="127"/>
      <c r="T136" s="127"/>
      <c r="U136" s="127"/>
      <c r="V136" s="150"/>
      <c r="W136" s="127"/>
      <c r="X136" s="127"/>
      <c r="Y136" s="127"/>
      <c r="Z136" s="127"/>
    </row>
    <row r="137" spans="1:26" x14ac:dyDescent="0.2">
      <c r="A137" s="127"/>
      <c r="B137" s="1"/>
      <c r="C137" s="1"/>
      <c r="D137" s="1"/>
      <c r="E137" s="1"/>
      <c r="F137" s="1"/>
      <c r="G137" s="1"/>
      <c r="H137" s="1"/>
      <c r="I137" s="1"/>
      <c r="J137" s="1"/>
      <c r="K137" s="1"/>
      <c r="L137" s="1"/>
      <c r="M137" s="127"/>
      <c r="N137" s="127"/>
      <c r="O137" s="127"/>
      <c r="P137" s="127"/>
      <c r="Q137" s="127"/>
      <c r="R137" s="127"/>
      <c r="S137" s="127"/>
      <c r="T137" s="127"/>
      <c r="U137" s="127"/>
      <c r="V137" s="150"/>
      <c r="W137" s="127"/>
      <c r="X137" s="127"/>
      <c r="Y137" s="127"/>
      <c r="Z137" s="127"/>
    </row>
    <row r="138" spans="1:26" x14ac:dyDescent="0.2">
      <c r="A138" s="127"/>
      <c r="B138" s="1"/>
      <c r="C138" s="1"/>
      <c r="D138" s="1"/>
      <c r="E138" s="1"/>
      <c r="F138" s="1"/>
      <c r="G138" s="1"/>
      <c r="H138" s="1"/>
      <c r="I138" s="1"/>
      <c r="J138" s="1"/>
      <c r="K138" s="1"/>
      <c r="L138" s="1"/>
      <c r="M138" s="127"/>
      <c r="N138" s="127"/>
      <c r="O138" s="127"/>
      <c r="P138" s="127"/>
      <c r="Q138" s="127"/>
      <c r="R138" s="127"/>
      <c r="S138" s="127"/>
      <c r="T138" s="127"/>
      <c r="U138" s="127"/>
      <c r="V138" s="150"/>
      <c r="W138" s="127"/>
      <c r="X138" s="127"/>
      <c r="Y138" s="127"/>
      <c r="Z138" s="127"/>
    </row>
    <row r="139" spans="1:26" x14ac:dyDescent="0.2">
      <c r="A139" s="127"/>
      <c r="B139" s="1"/>
      <c r="C139" s="1"/>
      <c r="D139" s="1"/>
      <c r="E139" s="1"/>
      <c r="F139" s="1"/>
      <c r="G139" s="1"/>
      <c r="H139" s="1"/>
      <c r="I139" s="1"/>
      <c r="J139" s="1"/>
      <c r="K139" s="1"/>
      <c r="L139" s="1"/>
      <c r="M139" s="127"/>
      <c r="N139" s="127"/>
      <c r="O139" s="127"/>
      <c r="P139" s="127"/>
      <c r="Q139" s="127"/>
      <c r="R139" s="127"/>
      <c r="S139" s="127"/>
      <c r="T139" s="127"/>
      <c r="U139" s="127"/>
      <c r="V139" s="150"/>
      <c r="W139" s="127"/>
      <c r="X139" s="127"/>
      <c r="Y139" s="127"/>
      <c r="Z139" s="127"/>
    </row>
    <row r="140" spans="1:26" x14ac:dyDescent="0.2">
      <c r="A140" s="127"/>
      <c r="B140" s="1"/>
      <c r="C140" s="1"/>
      <c r="D140" s="1"/>
      <c r="E140" s="1"/>
      <c r="F140" s="1"/>
      <c r="G140" s="1"/>
      <c r="H140" s="1"/>
      <c r="I140" s="1"/>
      <c r="J140" s="1"/>
      <c r="K140" s="1"/>
      <c r="L140" s="1"/>
      <c r="M140" s="127"/>
      <c r="N140" s="127"/>
      <c r="O140" s="127"/>
      <c r="P140" s="127"/>
      <c r="Q140" s="127"/>
      <c r="R140" s="127"/>
      <c r="S140" s="127"/>
      <c r="T140" s="127"/>
      <c r="U140" s="127"/>
      <c r="V140" s="150"/>
      <c r="W140" s="127"/>
      <c r="X140" s="127"/>
      <c r="Y140" s="127"/>
      <c r="Z140" s="127"/>
    </row>
    <row r="141" spans="1:26" x14ac:dyDescent="0.2">
      <c r="A141" s="127"/>
      <c r="B141" s="1"/>
      <c r="C141" s="1"/>
      <c r="D141" s="1"/>
      <c r="E141" s="1"/>
      <c r="F141" s="1"/>
      <c r="G141" s="1"/>
      <c r="H141" s="1"/>
      <c r="I141" s="1"/>
      <c r="J141" s="1"/>
      <c r="K141" s="1"/>
      <c r="L141" s="1"/>
      <c r="M141" s="127"/>
      <c r="N141" s="127"/>
      <c r="O141" s="127"/>
      <c r="P141" s="127"/>
      <c r="Q141" s="127"/>
      <c r="R141" s="127"/>
      <c r="S141" s="127"/>
      <c r="T141" s="127"/>
      <c r="U141" s="127"/>
      <c r="V141" s="150"/>
      <c r="W141" s="127"/>
      <c r="X141" s="127"/>
      <c r="Y141" s="127"/>
      <c r="Z141" s="127"/>
    </row>
    <row r="142" spans="1:26" x14ac:dyDescent="0.2">
      <c r="A142" s="127"/>
      <c r="B142" s="1"/>
      <c r="C142" s="1"/>
      <c r="D142" s="1"/>
      <c r="E142" s="1"/>
      <c r="F142" s="1"/>
      <c r="G142" s="1"/>
      <c r="H142" s="1"/>
      <c r="I142" s="1"/>
      <c r="J142" s="1"/>
      <c r="K142" s="1"/>
      <c r="L142" s="1"/>
      <c r="M142" s="127"/>
      <c r="N142" s="127"/>
      <c r="O142" s="127"/>
      <c r="P142" s="127"/>
      <c r="Q142" s="127"/>
      <c r="R142" s="127"/>
      <c r="S142" s="127"/>
      <c r="T142" s="127"/>
      <c r="U142" s="127"/>
      <c r="V142" s="150"/>
      <c r="W142" s="127"/>
      <c r="X142" s="127"/>
      <c r="Y142" s="127"/>
      <c r="Z142" s="127"/>
    </row>
    <row r="143" spans="1:26" x14ac:dyDescent="0.2">
      <c r="A143" s="127"/>
      <c r="B143" s="1"/>
      <c r="C143" s="1"/>
      <c r="D143" s="1"/>
      <c r="E143" s="1"/>
      <c r="F143" s="1"/>
      <c r="G143" s="1"/>
      <c r="H143" s="1"/>
      <c r="I143" s="1"/>
      <c r="J143" s="1"/>
      <c r="K143" s="1"/>
      <c r="L143" s="1"/>
      <c r="M143" s="127"/>
      <c r="N143" s="127"/>
      <c r="O143" s="127"/>
      <c r="P143" s="127"/>
      <c r="Q143" s="127"/>
      <c r="R143" s="127"/>
      <c r="S143" s="127"/>
      <c r="T143" s="127"/>
      <c r="U143" s="127"/>
      <c r="V143" s="150"/>
      <c r="W143" s="127"/>
      <c r="X143" s="127"/>
      <c r="Y143" s="127"/>
      <c r="Z143" s="127"/>
    </row>
    <row r="144" spans="1:26" x14ac:dyDescent="0.2">
      <c r="A144" s="127"/>
      <c r="B144" s="1"/>
      <c r="C144" s="1"/>
      <c r="D144" s="1"/>
      <c r="E144" s="1"/>
      <c r="F144" s="1"/>
      <c r="G144" s="1"/>
      <c r="H144" s="1"/>
      <c r="I144" s="1"/>
      <c r="J144" s="1"/>
      <c r="K144" s="1"/>
      <c r="L144" s="1"/>
      <c r="M144" s="127"/>
      <c r="N144" s="127"/>
      <c r="O144" s="127"/>
      <c r="P144" s="127"/>
      <c r="Q144" s="127"/>
      <c r="R144" s="127"/>
      <c r="S144" s="127"/>
      <c r="T144" s="127"/>
      <c r="U144" s="127"/>
      <c r="V144" s="150"/>
      <c r="W144" s="127"/>
      <c r="X144" s="127"/>
      <c r="Y144" s="127"/>
      <c r="Z144" s="127"/>
    </row>
    <row r="145" spans="1:26" x14ac:dyDescent="0.2">
      <c r="A145" s="127"/>
      <c r="B145" s="1"/>
      <c r="C145" s="1"/>
      <c r="D145" s="1"/>
      <c r="E145" s="1"/>
      <c r="F145" s="1"/>
      <c r="G145" s="1"/>
      <c r="H145" s="1"/>
      <c r="I145" s="1"/>
      <c r="J145" s="1"/>
      <c r="K145" s="1"/>
      <c r="L145" s="1"/>
      <c r="M145" s="127"/>
      <c r="N145" s="127"/>
      <c r="O145" s="127"/>
      <c r="P145" s="127"/>
      <c r="Q145" s="127"/>
      <c r="R145" s="127"/>
      <c r="S145" s="127"/>
      <c r="T145" s="127"/>
      <c r="U145" s="127"/>
      <c r="V145" s="150"/>
      <c r="W145" s="127"/>
      <c r="X145" s="127"/>
      <c r="Y145" s="127"/>
      <c r="Z145" s="127"/>
    </row>
    <row r="146" spans="1:26" x14ac:dyDescent="0.2">
      <c r="A146" s="127"/>
      <c r="B146" s="1"/>
      <c r="C146" s="1"/>
      <c r="D146" s="1"/>
      <c r="E146" s="1"/>
      <c r="F146" s="1"/>
      <c r="G146" s="1"/>
      <c r="H146" s="1"/>
      <c r="I146" s="1"/>
      <c r="J146" s="1"/>
      <c r="K146" s="1"/>
      <c r="L146" s="1"/>
      <c r="M146" s="127"/>
      <c r="N146" s="127"/>
      <c r="O146" s="127"/>
      <c r="P146" s="127"/>
      <c r="Q146" s="127"/>
      <c r="R146" s="127"/>
      <c r="S146" s="127"/>
      <c r="T146" s="127"/>
      <c r="U146" s="127"/>
      <c r="V146" s="150"/>
      <c r="W146" s="127"/>
      <c r="X146" s="127"/>
      <c r="Y146" s="127"/>
      <c r="Z146" s="127"/>
    </row>
    <row r="147" spans="1:26" x14ac:dyDescent="0.2">
      <c r="A147" s="127"/>
      <c r="B147" s="1"/>
      <c r="C147" s="1"/>
      <c r="D147" s="1"/>
      <c r="E147" s="1"/>
      <c r="F147" s="1"/>
      <c r="G147" s="1"/>
      <c r="H147" s="1"/>
      <c r="I147" s="1"/>
      <c r="J147" s="1"/>
      <c r="K147" s="1"/>
      <c r="L147" s="1"/>
      <c r="M147" s="127"/>
      <c r="N147" s="127"/>
      <c r="O147" s="127"/>
      <c r="P147" s="127"/>
      <c r="Q147" s="127"/>
      <c r="R147" s="127"/>
      <c r="S147" s="127"/>
      <c r="T147" s="127"/>
      <c r="U147" s="127"/>
      <c r="V147" s="150"/>
      <c r="W147" s="127"/>
      <c r="X147" s="127"/>
      <c r="Y147" s="127"/>
      <c r="Z147" s="127"/>
    </row>
    <row r="148" spans="1:26" x14ac:dyDescent="0.2">
      <c r="A148" s="127"/>
      <c r="B148" s="1"/>
      <c r="C148" s="1"/>
      <c r="D148" s="1"/>
      <c r="E148" s="1"/>
      <c r="F148" s="1"/>
      <c r="G148" s="1"/>
      <c r="H148" s="1"/>
      <c r="I148" s="1"/>
      <c r="J148" s="1"/>
      <c r="K148" s="1"/>
      <c r="L148" s="1"/>
      <c r="M148" s="127"/>
      <c r="N148" s="127"/>
      <c r="O148" s="127"/>
      <c r="P148" s="127"/>
      <c r="Q148" s="127"/>
      <c r="R148" s="127"/>
      <c r="S148" s="127"/>
      <c r="T148" s="127"/>
      <c r="U148" s="127"/>
      <c r="V148" s="150"/>
      <c r="W148" s="127"/>
      <c r="X148" s="127"/>
      <c r="Y148" s="127"/>
      <c r="Z148" s="127"/>
    </row>
    <row r="149" spans="1:26" x14ac:dyDescent="0.2">
      <c r="A149" s="127"/>
      <c r="B149" s="1"/>
      <c r="C149" s="1"/>
      <c r="D149" s="1"/>
      <c r="E149" s="1"/>
      <c r="F149" s="1"/>
      <c r="G149" s="1"/>
      <c r="H149" s="1"/>
      <c r="I149" s="1"/>
      <c r="J149" s="1"/>
      <c r="K149" s="1"/>
      <c r="L149" s="1"/>
      <c r="M149" s="127"/>
      <c r="N149" s="127"/>
      <c r="O149" s="127"/>
      <c r="P149" s="127"/>
      <c r="Q149" s="127"/>
      <c r="R149" s="127"/>
      <c r="S149" s="127"/>
      <c r="T149" s="127"/>
      <c r="U149" s="127"/>
      <c r="V149" s="150"/>
      <c r="W149" s="127"/>
      <c r="X149" s="127"/>
      <c r="Y149" s="127"/>
      <c r="Z149" s="127"/>
    </row>
    <row r="150" spans="1:26" x14ac:dyDescent="0.2">
      <c r="A150" s="127"/>
      <c r="B150" s="1"/>
      <c r="C150" s="1"/>
      <c r="D150" s="1"/>
      <c r="E150" s="1"/>
      <c r="F150" s="1"/>
      <c r="G150" s="1"/>
      <c r="H150" s="1"/>
      <c r="I150" s="1"/>
      <c r="J150" s="1"/>
      <c r="K150" s="1"/>
      <c r="L150" s="1"/>
      <c r="M150" s="127"/>
      <c r="N150" s="127"/>
      <c r="O150" s="127"/>
      <c r="P150" s="127"/>
      <c r="Q150" s="127"/>
      <c r="R150" s="127"/>
      <c r="S150" s="127"/>
      <c r="T150" s="127"/>
      <c r="U150" s="127"/>
      <c r="V150" s="150"/>
      <c r="W150" s="127"/>
      <c r="X150" s="127"/>
      <c r="Y150" s="127"/>
      <c r="Z150" s="127"/>
    </row>
    <row r="151" spans="1:26" x14ac:dyDescent="0.2">
      <c r="A151" s="127"/>
      <c r="B151" s="1"/>
      <c r="C151" s="1"/>
      <c r="D151" s="1"/>
      <c r="E151" s="1"/>
      <c r="F151" s="1"/>
      <c r="G151" s="1"/>
      <c r="H151" s="1"/>
      <c r="I151" s="1"/>
      <c r="J151" s="1"/>
      <c r="K151" s="1"/>
      <c r="L151" s="1"/>
      <c r="M151" s="127"/>
      <c r="N151" s="127"/>
      <c r="O151" s="127"/>
      <c r="P151" s="127"/>
      <c r="Q151" s="127"/>
      <c r="R151" s="127"/>
      <c r="S151" s="127"/>
      <c r="T151" s="127"/>
      <c r="U151" s="127"/>
      <c r="V151" s="150"/>
      <c r="W151" s="127"/>
      <c r="X151" s="127"/>
      <c r="Y151" s="127"/>
      <c r="Z151" s="127"/>
    </row>
    <row r="152" spans="1:26" x14ac:dyDescent="0.2">
      <c r="A152" s="127"/>
      <c r="B152" s="1"/>
      <c r="C152" s="1"/>
      <c r="D152" s="1"/>
      <c r="E152" s="1"/>
      <c r="F152" s="1"/>
      <c r="G152" s="1"/>
      <c r="H152" s="1"/>
      <c r="I152" s="1"/>
      <c r="J152" s="1"/>
      <c r="K152" s="1"/>
      <c r="L152" s="1"/>
      <c r="M152" s="127"/>
      <c r="N152" s="127"/>
      <c r="O152" s="127"/>
      <c r="P152" s="127"/>
      <c r="Q152" s="127"/>
      <c r="R152" s="127"/>
      <c r="S152" s="127"/>
      <c r="T152" s="127"/>
      <c r="U152" s="127"/>
      <c r="V152" s="150"/>
      <c r="W152" s="127"/>
      <c r="X152" s="127"/>
      <c r="Y152" s="127"/>
      <c r="Z152" s="127"/>
    </row>
    <row r="153" spans="1:26" x14ac:dyDescent="0.2">
      <c r="A153" s="127"/>
      <c r="B153" s="1"/>
      <c r="C153" s="1"/>
      <c r="D153" s="1"/>
      <c r="E153" s="1"/>
      <c r="F153" s="1"/>
      <c r="G153" s="1"/>
      <c r="H153" s="1"/>
      <c r="I153" s="1"/>
      <c r="J153" s="1"/>
      <c r="K153" s="1"/>
      <c r="L153" s="1"/>
      <c r="M153" s="127"/>
      <c r="N153" s="127"/>
      <c r="O153" s="127"/>
      <c r="P153" s="127"/>
      <c r="Q153" s="127"/>
      <c r="R153" s="127"/>
      <c r="S153" s="127"/>
      <c r="T153" s="127"/>
      <c r="U153" s="127"/>
      <c r="V153" s="150"/>
      <c r="W153" s="127"/>
      <c r="X153" s="127"/>
      <c r="Y153" s="127"/>
      <c r="Z153" s="127"/>
    </row>
    <row r="154" spans="1:26" x14ac:dyDescent="0.2">
      <c r="A154" s="127"/>
      <c r="B154" s="1"/>
      <c r="C154" s="1"/>
      <c r="D154" s="1"/>
      <c r="E154" s="1"/>
      <c r="F154" s="1"/>
      <c r="G154" s="1"/>
      <c r="H154" s="1"/>
      <c r="I154" s="1"/>
      <c r="J154" s="1"/>
      <c r="K154" s="1"/>
      <c r="L154" s="1"/>
      <c r="M154" s="127"/>
      <c r="N154" s="127"/>
      <c r="O154" s="127"/>
      <c r="P154" s="127"/>
      <c r="Q154" s="127"/>
      <c r="R154" s="127"/>
      <c r="S154" s="127"/>
      <c r="T154" s="127"/>
      <c r="U154" s="127"/>
      <c r="V154" s="150"/>
      <c r="W154" s="127"/>
      <c r="X154" s="127"/>
      <c r="Y154" s="127"/>
      <c r="Z154" s="127"/>
    </row>
    <row r="155" spans="1:26" x14ac:dyDescent="0.2">
      <c r="A155" s="127"/>
      <c r="B155" s="1"/>
      <c r="C155" s="1"/>
      <c r="D155" s="1"/>
      <c r="E155" s="1"/>
      <c r="F155" s="1"/>
      <c r="G155" s="1"/>
      <c r="H155" s="1"/>
      <c r="I155" s="1"/>
      <c r="J155" s="1"/>
      <c r="K155" s="1"/>
      <c r="L155" s="1"/>
      <c r="M155" s="127"/>
      <c r="N155" s="127"/>
      <c r="O155" s="127"/>
      <c r="P155" s="127"/>
      <c r="Q155" s="127"/>
      <c r="R155" s="127"/>
      <c r="S155" s="127"/>
      <c r="T155" s="127"/>
      <c r="U155" s="127"/>
      <c r="V155" s="150"/>
      <c r="W155" s="127"/>
      <c r="X155" s="127"/>
      <c r="Y155" s="127"/>
      <c r="Z155" s="127"/>
    </row>
    <row r="156" spans="1:26" x14ac:dyDescent="0.2">
      <c r="A156" s="127"/>
      <c r="B156" s="1"/>
      <c r="C156" s="1"/>
      <c r="D156" s="1"/>
      <c r="E156" s="1"/>
      <c r="F156" s="1"/>
      <c r="G156" s="1"/>
      <c r="H156" s="1"/>
      <c r="I156" s="1"/>
      <c r="J156" s="1"/>
      <c r="K156" s="1"/>
      <c r="L156" s="1"/>
      <c r="M156" s="127"/>
      <c r="N156" s="127"/>
      <c r="O156" s="127"/>
      <c r="P156" s="127"/>
      <c r="Q156" s="127"/>
      <c r="R156" s="127"/>
      <c r="S156" s="127"/>
      <c r="T156" s="127"/>
      <c r="U156" s="127"/>
      <c r="V156" s="150"/>
      <c r="W156" s="127"/>
      <c r="X156" s="127"/>
      <c r="Y156" s="127"/>
      <c r="Z156" s="127"/>
    </row>
    <row r="157" spans="1:26" x14ac:dyDescent="0.2">
      <c r="A157" s="127"/>
      <c r="B157" s="1"/>
      <c r="C157" s="1"/>
      <c r="D157" s="1"/>
      <c r="E157" s="1"/>
      <c r="F157" s="1"/>
      <c r="G157" s="1"/>
      <c r="H157" s="1"/>
      <c r="I157" s="1"/>
      <c r="J157" s="1"/>
      <c r="K157" s="1"/>
      <c r="L157" s="1"/>
      <c r="M157" s="127"/>
      <c r="N157" s="127"/>
      <c r="O157" s="127"/>
      <c r="P157" s="127"/>
      <c r="Q157" s="127"/>
      <c r="R157" s="127"/>
      <c r="S157" s="127"/>
      <c r="T157" s="127"/>
      <c r="U157" s="127"/>
      <c r="V157" s="150"/>
      <c r="W157" s="127"/>
      <c r="X157" s="127"/>
      <c r="Y157" s="127"/>
      <c r="Z157" s="127"/>
    </row>
    <row r="158" spans="1:26" x14ac:dyDescent="0.2">
      <c r="A158" s="127"/>
      <c r="B158" s="1"/>
      <c r="C158" s="1"/>
      <c r="D158" s="1"/>
      <c r="E158" s="1"/>
      <c r="F158" s="1"/>
      <c r="G158" s="1"/>
      <c r="H158" s="1"/>
      <c r="I158" s="1"/>
      <c r="J158" s="1"/>
      <c r="K158" s="1"/>
      <c r="L158" s="1"/>
      <c r="M158" s="127"/>
      <c r="N158" s="127"/>
      <c r="O158" s="127"/>
      <c r="P158" s="127"/>
      <c r="Q158" s="127"/>
      <c r="R158" s="127"/>
      <c r="S158" s="127"/>
      <c r="T158" s="127"/>
      <c r="U158" s="127"/>
      <c r="V158" s="150"/>
      <c r="W158" s="127"/>
      <c r="X158" s="127"/>
      <c r="Y158" s="127"/>
      <c r="Z158" s="127"/>
    </row>
    <row r="159" spans="1:26" x14ac:dyDescent="0.2">
      <c r="A159" s="127"/>
      <c r="B159" s="1"/>
      <c r="C159" s="1"/>
      <c r="D159" s="1"/>
      <c r="E159" s="1"/>
      <c r="F159" s="1"/>
      <c r="G159" s="1"/>
      <c r="H159" s="1"/>
      <c r="I159" s="1"/>
      <c r="J159" s="1"/>
      <c r="K159" s="1"/>
      <c r="L159" s="1"/>
      <c r="M159" s="127"/>
      <c r="N159" s="127"/>
      <c r="O159" s="127"/>
      <c r="P159" s="127"/>
      <c r="Q159" s="127"/>
      <c r="R159" s="127"/>
      <c r="S159" s="127"/>
      <c r="T159" s="127"/>
      <c r="U159" s="127"/>
      <c r="V159" s="150"/>
      <c r="W159" s="127"/>
      <c r="X159" s="127"/>
      <c r="Y159" s="127"/>
      <c r="Z159" s="127"/>
    </row>
    <row r="160" spans="1:26" x14ac:dyDescent="0.2">
      <c r="A160" s="127"/>
      <c r="B160" s="1"/>
      <c r="C160" s="1"/>
      <c r="D160" s="1"/>
      <c r="E160" s="1"/>
      <c r="F160" s="1"/>
      <c r="G160" s="1"/>
      <c r="H160" s="1"/>
      <c r="I160" s="1"/>
      <c r="J160" s="1"/>
      <c r="K160" s="1"/>
      <c r="L160" s="1"/>
      <c r="M160" s="127"/>
      <c r="N160" s="127"/>
      <c r="O160" s="127"/>
      <c r="P160" s="127"/>
      <c r="Q160" s="127"/>
      <c r="R160" s="127"/>
      <c r="S160" s="127"/>
      <c r="T160" s="127"/>
      <c r="U160" s="127"/>
      <c r="V160" s="150"/>
      <c r="W160" s="127"/>
      <c r="X160" s="127"/>
      <c r="Y160" s="127"/>
      <c r="Z160" s="127"/>
    </row>
    <row r="161" spans="1:26" x14ac:dyDescent="0.2">
      <c r="A161" s="127"/>
      <c r="B161" s="1"/>
      <c r="C161" s="1"/>
      <c r="D161" s="1"/>
      <c r="E161" s="1"/>
      <c r="F161" s="1"/>
      <c r="G161" s="1"/>
      <c r="H161" s="1"/>
      <c r="I161" s="1"/>
      <c r="J161" s="1"/>
      <c r="K161" s="1"/>
      <c r="L161" s="1"/>
      <c r="M161" s="127"/>
      <c r="N161" s="127"/>
      <c r="O161" s="127"/>
      <c r="P161" s="127"/>
      <c r="Q161" s="127"/>
      <c r="R161" s="127"/>
      <c r="S161" s="127"/>
      <c r="T161" s="127"/>
      <c r="U161" s="127"/>
      <c r="V161" s="150"/>
      <c r="W161" s="127"/>
      <c r="X161" s="127"/>
      <c r="Y161" s="127"/>
      <c r="Z161" s="127"/>
    </row>
    <row r="162" spans="1:26" x14ac:dyDescent="0.2">
      <c r="A162" s="127"/>
      <c r="B162" s="1"/>
      <c r="C162" s="1"/>
      <c r="D162" s="1"/>
      <c r="E162" s="1"/>
      <c r="F162" s="1"/>
      <c r="G162" s="1"/>
      <c r="H162" s="1"/>
      <c r="I162" s="1"/>
      <c r="J162" s="1"/>
      <c r="K162" s="1"/>
      <c r="L162" s="1"/>
      <c r="M162" s="127"/>
      <c r="N162" s="127"/>
      <c r="O162" s="127"/>
      <c r="P162" s="127"/>
      <c r="Q162" s="127"/>
      <c r="R162" s="127"/>
      <c r="S162" s="127"/>
      <c r="T162" s="127"/>
      <c r="U162" s="127"/>
      <c r="V162" s="150"/>
      <c r="W162" s="127"/>
      <c r="X162" s="127"/>
      <c r="Y162" s="127"/>
      <c r="Z162" s="127"/>
    </row>
    <row r="163" spans="1:26" x14ac:dyDescent="0.2">
      <c r="A163" s="127"/>
      <c r="B163" s="1"/>
      <c r="C163" s="1"/>
      <c r="D163" s="1"/>
      <c r="E163" s="1"/>
      <c r="F163" s="1"/>
      <c r="G163" s="1"/>
      <c r="H163" s="1"/>
      <c r="I163" s="1"/>
      <c r="J163" s="1"/>
      <c r="K163" s="1"/>
      <c r="L163" s="1"/>
      <c r="M163" s="127"/>
      <c r="N163" s="127"/>
      <c r="O163" s="127"/>
      <c r="P163" s="127"/>
      <c r="Q163" s="127"/>
      <c r="R163" s="127"/>
      <c r="S163" s="127"/>
      <c r="T163" s="127"/>
      <c r="U163" s="127"/>
      <c r="V163" s="150"/>
      <c r="W163" s="127"/>
      <c r="X163" s="127"/>
      <c r="Y163" s="127"/>
      <c r="Z163" s="127"/>
    </row>
    <row r="164" spans="1:26" x14ac:dyDescent="0.2">
      <c r="A164" s="127"/>
      <c r="B164" s="1"/>
      <c r="C164" s="1"/>
      <c r="D164" s="1"/>
      <c r="E164" s="1"/>
      <c r="F164" s="1"/>
      <c r="G164" s="1"/>
      <c r="H164" s="1"/>
      <c r="I164" s="1"/>
      <c r="J164" s="1"/>
      <c r="K164" s="1"/>
      <c r="L164" s="1"/>
      <c r="M164" s="127"/>
      <c r="N164" s="127"/>
      <c r="O164" s="127"/>
      <c r="P164" s="127"/>
      <c r="Q164" s="127"/>
      <c r="R164" s="127"/>
      <c r="S164" s="127"/>
      <c r="T164" s="127"/>
      <c r="U164" s="127"/>
      <c r="V164" s="150"/>
      <c r="W164" s="127"/>
      <c r="X164" s="127"/>
      <c r="Y164" s="127"/>
      <c r="Z164" s="127"/>
    </row>
    <row r="165" spans="1:26" x14ac:dyDescent="0.2">
      <c r="A165" s="127"/>
      <c r="B165" s="1"/>
      <c r="C165" s="1"/>
      <c r="D165" s="1"/>
      <c r="E165" s="1"/>
      <c r="F165" s="1"/>
      <c r="G165" s="1"/>
      <c r="H165" s="1"/>
      <c r="I165" s="1"/>
      <c r="J165" s="1"/>
      <c r="K165" s="1"/>
      <c r="L165" s="1"/>
      <c r="M165" s="127"/>
      <c r="N165" s="127"/>
      <c r="O165" s="127"/>
      <c r="P165" s="127"/>
      <c r="Q165" s="127"/>
      <c r="R165" s="127"/>
      <c r="S165" s="127"/>
      <c r="T165" s="127"/>
      <c r="U165" s="127"/>
      <c r="V165" s="150"/>
      <c r="W165" s="127"/>
      <c r="X165" s="127"/>
      <c r="Y165" s="127"/>
      <c r="Z165" s="127"/>
    </row>
    <row r="166" spans="1:26" x14ac:dyDescent="0.2">
      <c r="A166" s="127"/>
      <c r="B166" s="1"/>
      <c r="C166" s="1"/>
      <c r="D166" s="1"/>
      <c r="E166" s="1"/>
      <c r="F166" s="1"/>
      <c r="G166" s="1"/>
      <c r="H166" s="1"/>
      <c r="I166" s="1"/>
      <c r="J166" s="1"/>
      <c r="K166" s="1"/>
      <c r="L166" s="1"/>
      <c r="M166" s="127"/>
      <c r="N166" s="127"/>
      <c r="O166" s="127"/>
      <c r="P166" s="127"/>
      <c r="Q166" s="127"/>
      <c r="R166" s="127"/>
      <c r="S166" s="127"/>
      <c r="T166" s="127"/>
      <c r="U166" s="127"/>
      <c r="V166" s="150"/>
      <c r="W166" s="127"/>
      <c r="X166" s="127"/>
      <c r="Y166" s="127"/>
      <c r="Z166" s="127"/>
    </row>
    <row r="167" spans="1:26" x14ac:dyDescent="0.2">
      <c r="A167" s="127"/>
      <c r="B167" s="1"/>
      <c r="C167" s="1"/>
      <c r="D167" s="1"/>
      <c r="E167" s="1"/>
      <c r="F167" s="1"/>
      <c r="G167" s="1"/>
      <c r="H167" s="1"/>
      <c r="I167" s="1"/>
      <c r="J167" s="1"/>
      <c r="K167" s="1"/>
      <c r="L167" s="1"/>
      <c r="M167" s="127"/>
      <c r="N167" s="127"/>
      <c r="O167" s="127"/>
      <c r="P167" s="127"/>
      <c r="Q167" s="127"/>
      <c r="R167" s="127"/>
      <c r="S167" s="127"/>
      <c r="T167" s="127"/>
      <c r="U167" s="127"/>
      <c r="V167" s="150"/>
      <c r="W167" s="127"/>
      <c r="X167" s="127"/>
      <c r="Y167" s="127"/>
      <c r="Z167" s="127"/>
    </row>
    <row r="168" spans="1:26" x14ac:dyDescent="0.2">
      <c r="A168" s="127"/>
      <c r="B168" s="1"/>
      <c r="C168" s="1"/>
      <c r="D168" s="1"/>
      <c r="E168" s="1"/>
      <c r="F168" s="1"/>
      <c r="G168" s="1"/>
      <c r="H168" s="1"/>
      <c r="I168" s="1"/>
      <c r="J168" s="1"/>
      <c r="K168" s="1"/>
      <c r="L168" s="1"/>
      <c r="M168" s="127"/>
      <c r="N168" s="127"/>
      <c r="O168" s="127"/>
      <c r="P168" s="127"/>
      <c r="Q168" s="127"/>
      <c r="R168" s="127"/>
      <c r="S168" s="127"/>
      <c r="T168" s="127"/>
      <c r="U168" s="127"/>
      <c r="V168" s="150"/>
      <c r="W168" s="127"/>
      <c r="X168" s="127"/>
      <c r="Y168" s="127"/>
      <c r="Z168" s="127"/>
    </row>
    <row r="169" spans="1:26" x14ac:dyDescent="0.2">
      <c r="A169" s="127"/>
      <c r="B169" s="1"/>
      <c r="C169" s="1"/>
      <c r="D169" s="1"/>
      <c r="E169" s="1"/>
      <c r="F169" s="1"/>
      <c r="G169" s="1"/>
      <c r="H169" s="1"/>
      <c r="I169" s="1"/>
      <c r="J169" s="1"/>
      <c r="K169" s="1"/>
      <c r="L169" s="1"/>
      <c r="M169" s="127"/>
      <c r="N169" s="127"/>
      <c r="O169" s="127"/>
      <c r="P169" s="127"/>
      <c r="Q169" s="127"/>
      <c r="R169" s="127"/>
      <c r="S169" s="127"/>
      <c r="T169" s="127"/>
      <c r="U169" s="127"/>
      <c r="V169" s="150"/>
      <c r="W169" s="127"/>
      <c r="X169" s="127"/>
      <c r="Y169" s="127"/>
      <c r="Z169" s="127"/>
    </row>
    <row r="170" spans="1:26" x14ac:dyDescent="0.2">
      <c r="A170" s="127"/>
      <c r="B170" s="1"/>
      <c r="C170" s="1"/>
      <c r="D170" s="1"/>
      <c r="E170" s="1"/>
      <c r="F170" s="1"/>
      <c r="G170" s="1"/>
      <c r="H170" s="1"/>
      <c r="I170" s="1"/>
      <c r="J170" s="1"/>
      <c r="K170" s="1"/>
      <c r="L170" s="1"/>
      <c r="M170" s="127"/>
      <c r="N170" s="127"/>
      <c r="O170" s="127"/>
      <c r="P170" s="127"/>
      <c r="Q170" s="127"/>
      <c r="R170" s="127"/>
      <c r="S170" s="127"/>
      <c r="T170" s="127"/>
      <c r="U170" s="127"/>
      <c r="V170" s="150"/>
      <c r="W170" s="127"/>
      <c r="X170" s="127"/>
      <c r="Y170" s="127"/>
      <c r="Z170" s="127"/>
    </row>
    <row r="171" spans="1:26" x14ac:dyDescent="0.2">
      <c r="A171" s="127"/>
      <c r="B171" s="1"/>
      <c r="C171" s="1"/>
      <c r="D171" s="1"/>
      <c r="E171" s="1"/>
      <c r="F171" s="1"/>
      <c r="G171" s="1"/>
      <c r="H171" s="1"/>
      <c r="I171" s="1"/>
      <c r="J171" s="1"/>
      <c r="K171" s="1"/>
      <c r="L171" s="1"/>
      <c r="M171" s="127"/>
      <c r="N171" s="127"/>
      <c r="O171" s="127"/>
      <c r="P171" s="127"/>
      <c r="Q171" s="127"/>
      <c r="R171" s="127"/>
      <c r="S171" s="127"/>
      <c r="T171" s="127"/>
      <c r="U171" s="127"/>
      <c r="V171" s="150"/>
      <c r="W171" s="127"/>
      <c r="X171" s="127"/>
      <c r="Y171" s="127"/>
      <c r="Z171" s="127"/>
    </row>
    <row r="172" spans="1:26" x14ac:dyDescent="0.2">
      <c r="A172" s="127"/>
      <c r="B172" s="1"/>
      <c r="C172" s="1"/>
      <c r="D172" s="1"/>
      <c r="E172" s="1"/>
      <c r="F172" s="1"/>
      <c r="G172" s="1"/>
      <c r="H172" s="1"/>
      <c r="I172" s="1"/>
      <c r="J172" s="1"/>
      <c r="K172" s="1"/>
      <c r="L172" s="1"/>
      <c r="M172" s="127"/>
      <c r="N172" s="127"/>
      <c r="O172" s="127"/>
      <c r="P172" s="127"/>
      <c r="Q172" s="127"/>
      <c r="R172" s="127"/>
      <c r="S172" s="127"/>
      <c r="T172" s="127"/>
      <c r="U172" s="127"/>
      <c r="V172" s="150"/>
      <c r="W172" s="127"/>
      <c r="X172" s="127"/>
      <c r="Y172" s="127"/>
      <c r="Z172" s="127"/>
    </row>
    <row r="173" spans="1:26" x14ac:dyDescent="0.2">
      <c r="A173" s="127"/>
      <c r="B173" s="1"/>
      <c r="C173" s="1"/>
      <c r="D173" s="1"/>
      <c r="E173" s="1"/>
      <c r="F173" s="1"/>
      <c r="G173" s="1"/>
      <c r="H173" s="1"/>
      <c r="I173" s="1"/>
      <c r="J173" s="1"/>
      <c r="K173" s="1"/>
      <c r="L173" s="1"/>
      <c r="M173" s="127"/>
      <c r="N173" s="127"/>
      <c r="O173" s="127"/>
      <c r="P173" s="127"/>
      <c r="Q173" s="127"/>
      <c r="R173" s="127"/>
      <c r="S173" s="127"/>
      <c r="T173" s="127"/>
      <c r="U173" s="127"/>
      <c r="V173" s="150"/>
      <c r="W173" s="127"/>
      <c r="X173" s="127"/>
      <c r="Y173" s="127"/>
      <c r="Z173" s="127"/>
    </row>
    <row r="174" spans="1:26" x14ac:dyDescent="0.2">
      <c r="A174" s="127"/>
      <c r="B174" s="1"/>
      <c r="C174" s="1"/>
      <c r="D174" s="1"/>
      <c r="E174" s="1"/>
      <c r="F174" s="1"/>
      <c r="G174" s="1"/>
      <c r="H174" s="1"/>
      <c r="I174" s="1"/>
      <c r="J174" s="1"/>
      <c r="K174" s="1"/>
      <c r="L174" s="1"/>
      <c r="M174" s="127"/>
      <c r="N174" s="127"/>
      <c r="O174" s="127"/>
      <c r="P174" s="127"/>
      <c r="Q174" s="127"/>
      <c r="R174" s="127"/>
      <c r="S174" s="127"/>
      <c r="T174" s="127"/>
      <c r="U174" s="127"/>
      <c r="V174" s="150"/>
      <c r="W174" s="127"/>
      <c r="X174" s="127"/>
      <c r="Y174" s="127"/>
      <c r="Z174" s="127"/>
    </row>
    <row r="175" spans="1:26" x14ac:dyDescent="0.2">
      <c r="A175" s="127"/>
      <c r="B175" s="1"/>
      <c r="C175" s="1"/>
      <c r="D175" s="1"/>
      <c r="E175" s="1"/>
      <c r="F175" s="1"/>
      <c r="G175" s="1"/>
      <c r="H175" s="1"/>
      <c r="I175" s="1"/>
      <c r="J175" s="1"/>
      <c r="K175" s="1"/>
      <c r="L175" s="1"/>
      <c r="M175" s="127"/>
      <c r="N175" s="127"/>
      <c r="O175" s="127"/>
      <c r="P175" s="127"/>
      <c r="Q175" s="127"/>
      <c r="R175" s="127"/>
      <c r="S175" s="127"/>
      <c r="T175" s="127"/>
      <c r="U175" s="127"/>
      <c r="V175" s="150"/>
      <c r="W175" s="127"/>
      <c r="X175" s="127"/>
      <c r="Y175" s="127"/>
      <c r="Z175" s="127"/>
    </row>
    <row r="176" spans="1:26" x14ac:dyDescent="0.2">
      <c r="A176" s="127"/>
      <c r="B176" s="1"/>
      <c r="C176" s="1"/>
      <c r="D176" s="1"/>
      <c r="E176" s="1"/>
      <c r="F176" s="1"/>
      <c r="G176" s="1"/>
      <c r="H176" s="1"/>
      <c r="I176" s="1"/>
      <c r="J176" s="1"/>
      <c r="K176" s="1"/>
      <c r="L176" s="1"/>
      <c r="M176" s="127"/>
      <c r="N176" s="127"/>
      <c r="O176" s="127"/>
      <c r="P176" s="127"/>
      <c r="Q176" s="127"/>
      <c r="R176" s="127"/>
      <c r="S176" s="127"/>
      <c r="T176" s="127"/>
      <c r="U176" s="127"/>
      <c r="V176" s="150"/>
      <c r="W176" s="127"/>
      <c r="X176" s="127"/>
      <c r="Y176" s="127"/>
      <c r="Z176" s="127"/>
    </row>
    <row r="177" spans="1:26" x14ac:dyDescent="0.2">
      <c r="A177" s="127"/>
      <c r="B177" s="1"/>
      <c r="C177" s="1"/>
      <c r="D177" s="1"/>
      <c r="E177" s="1"/>
      <c r="F177" s="1"/>
      <c r="G177" s="1"/>
      <c r="H177" s="1"/>
      <c r="I177" s="1"/>
      <c r="J177" s="1"/>
      <c r="K177" s="1"/>
      <c r="L177" s="1"/>
      <c r="M177" s="127"/>
      <c r="N177" s="127"/>
      <c r="O177" s="127"/>
      <c r="P177" s="127"/>
      <c r="Q177" s="127"/>
      <c r="R177" s="127"/>
      <c r="S177" s="127"/>
      <c r="T177" s="127"/>
      <c r="U177" s="127"/>
      <c r="V177" s="150"/>
      <c r="W177" s="127"/>
      <c r="X177" s="127"/>
      <c r="Y177" s="127"/>
      <c r="Z177" s="127"/>
    </row>
    <row r="178" spans="1:26" x14ac:dyDescent="0.2">
      <c r="A178" s="127"/>
      <c r="B178" s="1"/>
      <c r="C178" s="1"/>
      <c r="D178" s="1"/>
      <c r="E178" s="1"/>
      <c r="F178" s="1"/>
      <c r="G178" s="1"/>
      <c r="H178" s="1"/>
      <c r="I178" s="1"/>
      <c r="J178" s="1"/>
      <c r="K178" s="1"/>
      <c r="L178" s="1"/>
      <c r="M178" s="127"/>
      <c r="N178" s="127"/>
      <c r="O178" s="127"/>
      <c r="P178" s="127"/>
      <c r="Q178" s="127"/>
      <c r="R178" s="127"/>
      <c r="S178" s="127"/>
      <c r="T178" s="127"/>
      <c r="U178" s="127"/>
      <c r="V178" s="150"/>
      <c r="W178" s="127"/>
      <c r="X178" s="127"/>
      <c r="Y178" s="127"/>
      <c r="Z178" s="127"/>
    </row>
    <row r="179" spans="1:26" x14ac:dyDescent="0.2">
      <c r="A179" s="127"/>
      <c r="B179" s="1"/>
      <c r="C179" s="1"/>
      <c r="D179" s="1"/>
      <c r="E179" s="1"/>
      <c r="F179" s="1"/>
      <c r="G179" s="1"/>
      <c r="H179" s="1"/>
      <c r="I179" s="1"/>
      <c r="J179" s="1"/>
      <c r="K179" s="1"/>
      <c r="L179" s="1"/>
      <c r="M179" s="127"/>
      <c r="N179" s="127"/>
      <c r="O179" s="127"/>
      <c r="P179" s="127"/>
      <c r="Q179" s="127"/>
      <c r="R179" s="127"/>
      <c r="S179" s="127"/>
      <c r="T179" s="127"/>
      <c r="U179" s="127"/>
      <c r="V179" s="150"/>
      <c r="W179" s="127"/>
      <c r="X179" s="127"/>
      <c r="Y179" s="127"/>
      <c r="Z179" s="127"/>
    </row>
    <row r="180" spans="1:26" x14ac:dyDescent="0.2">
      <c r="A180" s="127"/>
      <c r="B180" s="1"/>
      <c r="C180" s="1"/>
      <c r="D180" s="1"/>
      <c r="E180" s="1"/>
      <c r="F180" s="1"/>
      <c r="G180" s="1"/>
      <c r="H180" s="1"/>
      <c r="I180" s="1"/>
      <c r="J180" s="1"/>
      <c r="K180" s="1"/>
      <c r="L180" s="1"/>
      <c r="M180" s="127"/>
      <c r="N180" s="127"/>
      <c r="O180" s="127"/>
      <c r="P180" s="127"/>
      <c r="Q180" s="127"/>
      <c r="R180" s="127"/>
      <c r="S180" s="127"/>
      <c r="T180" s="127"/>
      <c r="U180" s="127"/>
      <c r="V180" s="150"/>
      <c r="W180" s="127"/>
      <c r="X180" s="127"/>
      <c r="Y180" s="127"/>
      <c r="Z180" s="127"/>
    </row>
    <row r="181" spans="1:26" x14ac:dyDescent="0.2">
      <c r="A181" s="127"/>
      <c r="B181" s="1"/>
      <c r="C181" s="1"/>
      <c r="D181" s="1"/>
      <c r="E181" s="1"/>
      <c r="F181" s="1"/>
      <c r="G181" s="1"/>
      <c r="H181" s="1"/>
      <c r="I181" s="1"/>
      <c r="J181" s="1"/>
      <c r="K181" s="1"/>
      <c r="L181" s="1"/>
      <c r="M181" s="127"/>
      <c r="N181" s="127"/>
      <c r="O181" s="127"/>
      <c r="P181" s="127"/>
      <c r="Q181" s="127"/>
      <c r="R181" s="127"/>
      <c r="S181" s="127"/>
      <c r="T181" s="127"/>
      <c r="U181" s="127"/>
      <c r="V181" s="150"/>
      <c r="W181" s="127"/>
      <c r="X181" s="127"/>
      <c r="Y181" s="127"/>
      <c r="Z181" s="127"/>
    </row>
    <row r="182" spans="1:26" x14ac:dyDescent="0.2">
      <c r="A182" s="127"/>
      <c r="B182" s="1"/>
      <c r="C182" s="1"/>
      <c r="D182" s="1"/>
      <c r="E182" s="1"/>
      <c r="F182" s="1"/>
      <c r="G182" s="1"/>
      <c r="H182" s="1"/>
      <c r="I182" s="1"/>
      <c r="J182" s="1"/>
      <c r="K182" s="1"/>
      <c r="L182" s="1"/>
      <c r="M182" s="127"/>
      <c r="N182" s="127"/>
      <c r="O182" s="127"/>
      <c r="P182" s="127"/>
      <c r="Q182" s="127"/>
      <c r="R182" s="127"/>
      <c r="S182" s="127"/>
      <c r="T182" s="127"/>
      <c r="U182" s="127"/>
      <c r="V182" s="150"/>
      <c r="W182" s="127"/>
      <c r="X182" s="127"/>
      <c r="Y182" s="127"/>
      <c r="Z182" s="127"/>
    </row>
    <row r="183" spans="1:26" x14ac:dyDescent="0.2">
      <c r="B183" s="1"/>
      <c r="C183" s="1"/>
      <c r="D183" s="1"/>
      <c r="E183" s="1"/>
      <c r="F183" s="1"/>
      <c r="G183" s="1"/>
      <c r="H183" s="1"/>
      <c r="I183" s="1"/>
      <c r="J183" s="1"/>
      <c r="K183" s="1"/>
      <c r="L183" s="1"/>
    </row>
    <row r="184" spans="1:26" x14ac:dyDescent="0.2">
      <c r="B184" s="1"/>
      <c r="C184" s="1"/>
      <c r="D184" s="1"/>
      <c r="E184" s="1"/>
      <c r="F184" s="1"/>
      <c r="G184" s="1"/>
      <c r="H184" s="1"/>
      <c r="I184" s="1"/>
      <c r="J184" s="1"/>
      <c r="K184" s="1"/>
      <c r="L184" s="1"/>
    </row>
    <row r="185" spans="1:26" x14ac:dyDescent="0.2">
      <c r="B185" s="1"/>
      <c r="C185" s="1"/>
      <c r="D185" s="1"/>
      <c r="E185" s="1"/>
      <c r="F185" s="1"/>
      <c r="G185" s="1"/>
      <c r="H185" s="1"/>
      <c r="I185" s="1"/>
      <c r="J185" s="1"/>
      <c r="K185" s="1"/>
      <c r="L185" s="1"/>
    </row>
    <row r="186" spans="1:26" x14ac:dyDescent="0.2">
      <c r="B186" s="1"/>
      <c r="C186" s="1"/>
      <c r="D186" s="1"/>
      <c r="E186" s="1"/>
      <c r="F186" s="1"/>
      <c r="G186" s="1"/>
      <c r="H186" s="1"/>
      <c r="I186" s="1"/>
      <c r="J186" s="1"/>
      <c r="K186" s="1"/>
      <c r="L186" s="1"/>
    </row>
    <row r="187" spans="1:26" x14ac:dyDescent="0.2">
      <c r="B187" s="1"/>
      <c r="C187" s="1"/>
      <c r="D187" s="1"/>
      <c r="E187" s="1"/>
      <c r="F187" s="1"/>
      <c r="G187" s="1"/>
      <c r="H187" s="1"/>
      <c r="I187" s="1"/>
      <c r="J187" s="1"/>
      <c r="K187" s="1"/>
      <c r="L187" s="1"/>
    </row>
    <row r="188" spans="1:26" x14ac:dyDescent="0.2">
      <c r="B188" s="1"/>
      <c r="C188" s="1"/>
      <c r="D188" s="1"/>
      <c r="E188" s="1"/>
      <c r="F188" s="1"/>
      <c r="G188" s="1"/>
      <c r="H188" s="1"/>
      <c r="I188" s="1"/>
      <c r="J188" s="1"/>
      <c r="K188" s="1"/>
      <c r="L188" s="1"/>
    </row>
    <row r="189" spans="1:26" x14ac:dyDescent="0.2">
      <c r="B189" s="1"/>
      <c r="C189" s="1"/>
      <c r="D189" s="1"/>
      <c r="E189" s="1"/>
      <c r="F189" s="1"/>
      <c r="G189" s="1"/>
      <c r="H189" s="1"/>
      <c r="I189" s="1"/>
      <c r="J189" s="1"/>
      <c r="K189" s="1"/>
      <c r="L189" s="1"/>
    </row>
    <row r="190" spans="1:26" x14ac:dyDescent="0.2">
      <c r="B190" s="1"/>
      <c r="C190" s="1"/>
      <c r="D190" s="1"/>
      <c r="E190" s="1"/>
      <c r="F190" s="1"/>
      <c r="G190" s="1"/>
      <c r="H190" s="1"/>
      <c r="I190" s="1"/>
      <c r="J190" s="1"/>
      <c r="K190" s="1"/>
      <c r="L190" s="1"/>
    </row>
    <row r="191" spans="1:26" x14ac:dyDescent="0.2">
      <c r="B191" s="1"/>
      <c r="C191" s="1"/>
      <c r="D191" s="1"/>
      <c r="E191" s="1"/>
      <c r="F191" s="1"/>
      <c r="G191" s="1"/>
      <c r="H191" s="1"/>
      <c r="I191" s="1"/>
      <c r="J191" s="1"/>
      <c r="K191" s="1"/>
      <c r="L191" s="1"/>
    </row>
    <row r="192" spans="1:26" x14ac:dyDescent="0.2">
      <c r="B192" s="1"/>
      <c r="C192" s="1"/>
      <c r="D192" s="1"/>
      <c r="E192" s="1"/>
      <c r="F192" s="1"/>
      <c r="G192" s="1"/>
      <c r="H192" s="1"/>
      <c r="I192" s="1"/>
      <c r="J192" s="1"/>
      <c r="K192" s="1"/>
      <c r="L192" s="1"/>
    </row>
    <row r="193" spans="2:12" x14ac:dyDescent="0.2">
      <c r="B193" s="1"/>
      <c r="C193" s="1"/>
      <c r="D193" s="1"/>
      <c r="E193" s="1"/>
      <c r="F193" s="1"/>
      <c r="G193" s="1"/>
      <c r="H193" s="1"/>
      <c r="I193" s="1"/>
      <c r="J193" s="1"/>
      <c r="K193" s="1"/>
      <c r="L193" s="1"/>
    </row>
    <row r="194" spans="2:12" x14ac:dyDescent="0.2">
      <c r="B194" s="1"/>
      <c r="C194" s="1"/>
      <c r="D194" s="1"/>
      <c r="E194" s="1"/>
      <c r="F194" s="1"/>
      <c r="G194" s="1"/>
      <c r="H194" s="1"/>
      <c r="I194" s="1"/>
      <c r="J194" s="1"/>
      <c r="K194" s="1"/>
      <c r="L194" s="1"/>
    </row>
    <row r="195" spans="2:12" x14ac:dyDescent="0.2">
      <c r="B195" s="1"/>
      <c r="C195" s="1"/>
      <c r="D195" s="1"/>
      <c r="E195" s="1"/>
      <c r="F195" s="1"/>
      <c r="G195" s="1"/>
      <c r="H195" s="1"/>
      <c r="I195" s="1"/>
      <c r="J195" s="1"/>
      <c r="K195" s="1"/>
      <c r="L195" s="1"/>
    </row>
    <row r="196" spans="2:12" x14ac:dyDescent="0.2">
      <c r="B196" s="1"/>
      <c r="C196" s="1"/>
      <c r="D196" s="1"/>
      <c r="E196" s="1"/>
      <c r="F196" s="1"/>
      <c r="G196" s="1"/>
      <c r="H196" s="1"/>
      <c r="I196" s="1"/>
      <c r="J196" s="1"/>
      <c r="K196" s="1"/>
      <c r="L196" s="1"/>
    </row>
    <row r="197" spans="2:12" x14ac:dyDescent="0.2">
      <c r="B197" s="1"/>
      <c r="C197" s="1"/>
      <c r="D197" s="1"/>
      <c r="E197" s="1"/>
      <c r="F197" s="1"/>
      <c r="G197" s="1"/>
      <c r="H197" s="1"/>
      <c r="I197" s="1"/>
      <c r="J197" s="1"/>
      <c r="K197" s="1"/>
      <c r="L197" s="1"/>
    </row>
    <row r="198" spans="2:12" x14ac:dyDescent="0.2">
      <c r="B198" s="1"/>
      <c r="C198" s="1"/>
      <c r="D198" s="1"/>
      <c r="E198" s="1"/>
      <c r="F198" s="1"/>
      <c r="G198" s="1"/>
      <c r="H198" s="1"/>
      <c r="I198" s="1"/>
      <c r="J198" s="1"/>
      <c r="K198" s="1"/>
      <c r="L198" s="1"/>
    </row>
    <row r="199" spans="2:12" x14ac:dyDescent="0.2">
      <c r="B199" s="1"/>
      <c r="C199" s="1"/>
      <c r="D199" s="1"/>
      <c r="E199" s="1"/>
      <c r="F199" s="1"/>
      <c r="G199" s="1"/>
      <c r="H199" s="1"/>
      <c r="I199" s="1"/>
      <c r="J199" s="1"/>
      <c r="K199" s="1"/>
      <c r="L199" s="1"/>
    </row>
    <row r="200" spans="2:12" x14ac:dyDescent="0.2">
      <c r="B200" s="1"/>
      <c r="C200" s="1"/>
      <c r="D200" s="1"/>
      <c r="E200" s="1"/>
      <c r="F200" s="1"/>
      <c r="G200" s="1"/>
      <c r="H200" s="1"/>
      <c r="I200" s="1"/>
      <c r="J200" s="1"/>
      <c r="K200" s="1"/>
      <c r="L200" s="1"/>
    </row>
    <row r="201" spans="2:12" x14ac:dyDescent="0.2">
      <c r="B201" s="1"/>
      <c r="C201" s="1"/>
      <c r="D201" s="1"/>
      <c r="E201" s="1"/>
      <c r="F201" s="1"/>
      <c r="G201" s="1"/>
      <c r="H201" s="1"/>
      <c r="I201" s="1"/>
      <c r="J201" s="1"/>
      <c r="K201" s="1"/>
      <c r="L201" s="1"/>
    </row>
    <row r="202" spans="2:12" x14ac:dyDescent="0.2">
      <c r="B202" s="1"/>
      <c r="C202" s="1"/>
      <c r="D202" s="1"/>
      <c r="E202" s="1"/>
      <c r="F202" s="1"/>
      <c r="G202" s="1"/>
      <c r="H202" s="1"/>
      <c r="I202" s="1"/>
      <c r="J202" s="1"/>
      <c r="K202" s="1"/>
      <c r="L202" s="1"/>
    </row>
    <row r="203" spans="2:12" x14ac:dyDescent="0.2">
      <c r="B203" s="1"/>
      <c r="C203" s="1"/>
      <c r="D203" s="1"/>
      <c r="E203" s="1"/>
      <c r="F203" s="1"/>
      <c r="G203" s="1"/>
      <c r="H203" s="1"/>
      <c r="I203" s="1"/>
      <c r="J203" s="1"/>
      <c r="K203" s="1"/>
      <c r="L203" s="1"/>
    </row>
    <row r="204" spans="2:12" x14ac:dyDescent="0.2">
      <c r="B204" s="1"/>
      <c r="C204" s="1"/>
      <c r="D204" s="1"/>
      <c r="E204" s="1"/>
      <c r="F204" s="1"/>
      <c r="G204" s="1"/>
      <c r="H204" s="1"/>
      <c r="I204" s="1"/>
      <c r="J204" s="1"/>
      <c r="K204" s="1"/>
      <c r="L204" s="1"/>
    </row>
    <row r="205" spans="2:12" x14ac:dyDescent="0.2">
      <c r="B205" s="1"/>
      <c r="C205" s="1"/>
      <c r="D205" s="1"/>
      <c r="E205" s="1"/>
      <c r="F205" s="1"/>
      <c r="G205" s="1"/>
      <c r="H205" s="1"/>
      <c r="I205" s="1"/>
      <c r="J205" s="1"/>
      <c r="K205" s="1"/>
      <c r="L205" s="1"/>
    </row>
    <row r="206" spans="2:12" x14ac:dyDescent="0.2">
      <c r="B206" s="1"/>
      <c r="C206" s="1"/>
      <c r="D206" s="1"/>
      <c r="E206" s="1"/>
      <c r="F206" s="1"/>
      <c r="G206" s="1"/>
      <c r="H206" s="1"/>
      <c r="I206" s="1"/>
      <c r="J206" s="1"/>
      <c r="K206" s="1"/>
      <c r="L206" s="1"/>
    </row>
    <row r="207" spans="2:12" x14ac:dyDescent="0.2">
      <c r="B207" s="1"/>
      <c r="C207" s="1"/>
      <c r="D207" s="1"/>
      <c r="E207" s="1"/>
      <c r="F207" s="1"/>
      <c r="G207" s="1"/>
      <c r="H207" s="1"/>
      <c r="I207" s="1"/>
      <c r="J207" s="1"/>
      <c r="K207" s="1"/>
      <c r="L207" s="1"/>
    </row>
    <row r="208" spans="2:12" x14ac:dyDescent="0.2">
      <c r="B208" s="1"/>
      <c r="C208" s="1"/>
      <c r="D208" s="1"/>
      <c r="E208" s="1"/>
      <c r="F208" s="1"/>
      <c r="G208" s="1"/>
      <c r="H208" s="1"/>
      <c r="I208" s="1"/>
      <c r="J208" s="1"/>
      <c r="K208" s="1"/>
      <c r="L208" s="1"/>
    </row>
    <row r="209" spans="2:12" x14ac:dyDescent="0.2">
      <c r="B209" s="1"/>
      <c r="C209" s="1"/>
      <c r="D209" s="1"/>
      <c r="E209" s="1"/>
      <c r="F209" s="1"/>
      <c r="G209" s="1"/>
      <c r="H209" s="1"/>
      <c r="I209" s="1"/>
      <c r="J209" s="1"/>
      <c r="K209" s="1"/>
      <c r="L209" s="1"/>
    </row>
    <row r="210" spans="2:12" x14ac:dyDescent="0.2">
      <c r="B210" s="1"/>
      <c r="C210" s="1"/>
      <c r="D210" s="1"/>
      <c r="E210" s="1"/>
      <c r="F210" s="1"/>
      <c r="G210" s="1"/>
      <c r="H210" s="1"/>
      <c r="I210" s="1"/>
      <c r="J210" s="1"/>
      <c r="K210" s="1"/>
      <c r="L210" s="1"/>
    </row>
    <row r="211" spans="2:12" x14ac:dyDescent="0.2">
      <c r="B211" s="1"/>
      <c r="C211" s="1"/>
      <c r="D211" s="1"/>
      <c r="E211" s="1"/>
      <c r="F211" s="1"/>
      <c r="G211" s="1"/>
      <c r="H211" s="1"/>
      <c r="I211" s="1"/>
      <c r="J211" s="1"/>
      <c r="K211" s="1"/>
      <c r="L211" s="1"/>
    </row>
    <row r="212" spans="2:12" x14ac:dyDescent="0.2">
      <c r="B212" s="1"/>
      <c r="C212" s="1"/>
      <c r="D212" s="1"/>
      <c r="E212" s="1"/>
      <c r="F212" s="1"/>
      <c r="G212" s="1"/>
      <c r="H212" s="1"/>
      <c r="I212" s="1"/>
      <c r="J212" s="1"/>
      <c r="K212" s="1"/>
      <c r="L212" s="1"/>
    </row>
    <row r="213" spans="2:12" x14ac:dyDescent="0.2">
      <c r="B213" s="1"/>
      <c r="C213" s="1"/>
      <c r="D213" s="1"/>
      <c r="E213" s="1"/>
      <c r="F213" s="1"/>
      <c r="G213" s="1"/>
      <c r="H213" s="1"/>
      <c r="I213" s="1"/>
      <c r="J213" s="1"/>
      <c r="K213" s="1"/>
      <c r="L213" s="1"/>
    </row>
    <row r="214" spans="2:12" x14ac:dyDescent="0.2">
      <c r="B214" s="1"/>
      <c r="C214" s="1"/>
      <c r="D214" s="1"/>
      <c r="E214" s="1"/>
      <c r="F214" s="1"/>
      <c r="G214" s="1"/>
      <c r="H214" s="1"/>
      <c r="I214" s="1"/>
      <c r="J214" s="1"/>
      <c r="K214" s="1"/>
      <c r="L214" s="1"/>
    </row>
    <row r="215" spans="2:12" x14ac:dyDescent="0.2">
      <c r="B215" s="1"/>
      <c r="C215" s="1"/>
      <c r="D215" s="1"/>
      <c r="E215" s="1"/>
      <c r="F215" s="1"/>
      <c r="G215" s="1"/>
      <c r="H215" s="1"/>
      <c r="I215" s="1"/>
      <c r="J215" s="1"/>
      <c r="K215" s="1"/>
      <c r="L215" s="1"/>
    </row>
    <row r="216" spans="2:12" x14ac:dyDescent="0.2">
      <c r="B216" s="1"/>
      <c r="C216" s="1"/>
      <c r="D216" s="1"/>
      <c r="E216" s="1"/>
      <c r="F216" s="1"/>
      <c r="G216" s="1"/>
      <c r="H216" s="1"/>
      <c r="I216" s="1"/>
      <c r="J216" s="1"/>
      <c r="K216" s="1"/>
      <c r="L216" s="1"/>
    </row>
    <row r="217" spans="2:12" x14ac:dyDescent="0.2">
      <c r="B217" s="1"/>
      <c r="C217" s="1"/>
      <c r="D217" s="1"/>
      <c r="E217" s="1"/>
      <c r="F217" s="1"/>
      <c r="G217" s="1"/>
      <c r="H217" s="1"/>
      <c r="I217" s="1"/>
      <c r="J217" s="1"/>
      <c r="K217" s="1"/>
      <c r="L217" s="1"/>
    </row>
    <row r="218" spans="2:12" x14ac:dyDescent="0.2">
      <c r="B218" s="1"/>
      <c r="C218" s="1"/>
      <c r="D218" s="1"/>
      <c r="E218" s="1"/>
      <c r="F218" s="1"/>
      <c r="G218" s="1"/>
      <c r="H218" s="1"/>
      <c r="I218" s="1"/>
      <c r="J218" s="1"/>
      <c r="K218" s="1"/>
      <c r="L218" s="1"/>
    </row>
    <row r="219" spans="2:12" x14ac:dyDescent="0.2">
      <c r="B219" s="1"/>
      <c r="C219" s="1"/>
      <c r="D219" s="1"/>
      <c r="E219" s="1"/>
      <c r="F219" s="1"/>
      <c r="G219" s="1"/>
      <c r="H219" s="1"/>
      <c r="I219" s="1"/>
      <c r="J219" s="1"/>
      <c r="K219" s="1"/>
      <c r="L219" s="1"/>
    </row>
    <row r="220" spans="2:12" x14ac:dyDescent="0.2">
      <c r="B220" s="1"/>
      <c r="C220" s="1"/>
      <c r="D220" s="1"/>
      <c r="E220" s="1"/>
      <c r="F220" s="1"/>
      <c r="G220" s="1"/>
      <c r="H220" s="1"/>
      <c r="I220" s="1"/>
      <c r="J220" s="1"/>
      <c r="K220" s="1"/>
      <c r="L220" s="1"/>
    </row>
    <row r="221" spans="2:12" x14ac:dyDescent="0.2">
      <c r="B221" s="1"/>
      <c r="C221" s="1"/>
      <c r="D221" s="1"/>
      <c r="E221" s="1"/>
      <c r="F221" s="1"/>
      <c r="G221" s="1"/>
      <c r="H221" s="1"/>
      <c r="I221" s="1"/>
      <c r="J221" s="1"/>
      <c r="K221" s="1"/>
      <c r="L221" s="1"/>
    </row>
    <row r="222" spans="2:12" x14ac:dyDescent="0.2">
      <c r="B222" s="1"/>
      <c r="C222" s="1"/>
      <c r="D222" s="1"/>
      <c r="E222" s="1"/>
      <c r="F222" s="1"/>
      <c r="G222" s="1"/>
      <c r="H222" s="1"/>
      <c r="I222" s="1"/>
      <c r="J222" s="1"/>
      <c r="K222" s="1"/>
      <c r="L222" s="1"/>
    </row>
    <row r="223" spans="2:12" x14ac:dyDescent="0.2">
      <c r="B223" s="1"/>
      <c r="C223" s="1"/>
      <c r="D223" s="1"/>
      <c r="E223" s="1"/>
      <c r="F223" s="1"/>
      <c r="G223" s="1"/>
      <c r="H223" s="1"/>
      <c r="I223" s="1"/>
      <c r="J223" s="1"/>
      <c r="K223" s="1"/>
      <c r="L223" s="1"/>
    </row>
    <row r="224" spans="2:12" x14ac:dyDescent="0.2">
      <c r="B224" s="1"/>
      <c r="C224" s="1"/>
      <c r="D224" s="1"/>
      <c r="E224" s="1"/>
      <c r="F224" s="1"/>
      <c r="G224" s="1"/>
      <c r="H224" s="1"/>
      <c r="I224" s="1"/>
      <c r="J224" s="1"/>
      <c r="K224" s="1"/>
      <c r="L224" s="1"/>
    </row>
    <row r="225" spans="2:12" x14ac:dyDescent="0.2">
      <c r="B225" s="1"/>
      <c r="C225" s="1"/>
      <c r="D225" s="1"/>
      <c r="E225" s="1"/>
      <c r="F225" s="1"/>
      <c r="G225" s="1"/>
      <c r="H225" s="1"/>
      <c r="I225" s="1"/>
      <c r="J225" s="1"/>
      <c r="K225" s="1"/>
      <c r="L225" s="1"/>
    </row>
    <row r="226" spans="2:12" x14ac:dyDescent="0.2">
      <c r="B226" s="1"/>
      <c r="C226" s="1"/>
      <c r="D226" s="1"/>
      <c r="E226" s="1"/>
      <c r="F226" s="1"/>
      <c r="G226" s="1"/>
      <c r="H226" s="1"/>
      <c r="I226" s="1"/>
      <c r="J226" s="1"/>
      <c r="K226" s="1"/>
      <c r="L226" s="1"/>
    </row>
    <row r="227" spans="2:12" x14ac:dyDescent="0.2">
      <c r="B227" s="1"/>
      <c r="C227" s="1"/>
      <c r="D227" s="1"/>
      <c r="E227" s="1"/>
      <c r="F227" s="1"/>
      <c r="G227" s="1"/>
      <c r="H227" s="1"/>
      <c r="I227" s="1"/>
      <c r="J227" s="1"/>
      <c r="K227" s="1"/>
      <c r="L227" s="1"/>
    </row>
    <row r="228" spans="2:12" x14ac:dyDescent="0.2">
      <c r="B228" s="1"/>
      <c r="C228" s="1"/>
      <c r="D228" s="1"/>
      <c r="E228" s="1"/>
      <c r="F228" s="1"/>
      <c r="G228" s="1"/>
      <c r="H228" s="1"/>
      <c r="I228" s="1"/>
      <c r="J228" s="1"/>
      <c r="K228" s="1"/>
      <c r="L228" s="1"/>
    </row>
    <row r="229" spans="2:12" x14ac:dyDescent="0.2">
      <c r="B229" s="1"/>
      <c r="C229" s="1"/>
      <c r="D229" s="1"/>
      <c r="E229" s="1"/>
      <c r="F229" s="1"/>
      <c r="G229" s="1"/>
      <c r="H229" s="1"/>
      <c r="I229" s="1"/>
      <c r="J229" s="1"/>
      <c r="K229" s="1"/>
      <c r="L229" s="1"/>
    </row>
    <row r="230" spans="2:12" x14ac:dyDescent="0.2">
      <c r="B230" s="1"/>
      <c r="C230" s="1"/>
      <c r="D230" s="1"/>
      <c r="E230" s="1"/>
      <c r="F230" s="1"/>
      <c r="G230" s="1"/>
      <c r="H230" s="1"/>
      <c r="I230" s="1"/>
      <c r="J230" s="1"/>
      <c r="K230" s="1"/>
      <c r="L230" s="1"/>
    </row>
    <row r="231" spans="2:12" x14ac:dyDescent="0.2">
      <c r="B231" s="1"/>
      <c r="C231" s="1"/>
      <c r="D231" s="1"/>
      <c r="E231" s="1"/>
      <c r="F231" s="1"/>
      <c r="G231" s="1"/>
      <c r="H231" s="1"/>
      <c r="I231" s="1"/>
      <c r="J231" s="1"/>
      <c r="K231" s="1"/>
      <c r="L231" s="1"/>
    </row>
    <row r="232" spans="2:12" x14ac:dyDescent="0.2">
      <c r="B232" s="1"/>
      <c r="C232" s="1"/>
      <c r="D232" s="1"/>
      <c r="E232" s="1"/>
      <c r="F232" s="1"/>
      <c r="G232" s="1"/>
      <c r="H232" s="1"/>
      <c r="I232" s="1"/>
      <c r="J232" s="1"/>
      <c r="K232" s="1"/>
      <c r="L232" s="1"/>
    </row>
    <row r="233" spans="2:12" x14ac:dyDescent="0.2">
      <c r="B233" s="1"/>
      <c r="C233" s="1"/>
      <c r="D233" s="1"/>
      <c r="E233" s="1"/>
      <c r="F233" s="1"/>
      <c r="G233" s="1"/>
      <c r="H233" s="1"/>
      <c r="I233" s="1"/>
      <c r="J233" s="1"/>
      <c r="K233" s="1"/>
      <c r="L233" s="1"/>
    </row>
    <row r="234" spans="2:12" x14ac:dyDescent="0.2">
      <c r="B234" s="1"/>
      <c r="C234" s="1"/>
      <c r="D234" s="1"/>
      <c r="E234" s="1"/>
      <c r="F234" s="1"/>
      <c r="G234" s="1"/>
      <c r="H234" s="1"/>
      <c r="I234" s="1"/>
      <c r="J234" s="1"/>
      <c r="K234" s="1"/>
      <c r="L234" s="1"/>
    </row>
    <row r="235" spans="2:12" x14ac:dyDescent="0.2">
      <c r="B235" s="1"/>
      <c r="C235" s="1"/>
      <c r="D235" s="1"/>
      <c r="E235" s="1"/>
      <c r="F235" s="1"/>
      <c r="G235" s="1"/>
      <c r="H235" s="1"/>
      <c r="I235" s="1"/>
      <c r="J235" s="1"/>
      <c r="K235" s="1"/>
      <c r="L235" s="1"/>
    </row>
    <row r="236" spans="2:12" x14ac:dyDescent="0.2">
      <c r="B236" s="1"/>
      <c r="C236" s="1"/>
      <c r="D236" s="1"/>
      <c r="E236" s="1"/>
      <c r="F236" s="1"/>
      <c r="G236" s="1"/>
      <c r="H236" s="1"/>
      <c r="I236" s="1"/>
      <c r="J236" s="1"/>
      <c r="K236" s="1"/>
      <c r="L236" s="1"/>
    </row>
    <row r="237" spans="2:12" x14ac:dyDescent="0.2">
      <c r="B237" s="1"/>
      <c r="C237" s="1"/>
      <c r="D237" s="1"/>
      <c r="E237" s="1"/>
      <c r="F237" s="1"/>
      <c r="G237" s="1"/>
      <c r="H237" s="1"/>
      <c r="I237" s="1"/>
      <c r="J237" s="1"/>
      <c r="K237" s="1"/>
      <c r="L237" s="1"/>
    </row>
    <row r="238" spans="2:12" x14ac:dyDescent="0.2">
      <c r="B238" s="1"/>
      <c r="C238" s="1"/>
      <c r="D238" s="1"/>
      <c r="E238" s="1"/>
      <c r="F238" s="1"/>
      <c r="G238" s="1"/>
      <c r="H238" s="1"/>
      <c r="I238" s="1"/>
      <c r="J238" s="1"/>
      <c r="K238" s="1"/>
      <c r="L238" s="1"/>
    </row>
    <row r="239" spans="2:12" x14ac:dyDescent="0.2">
      <c r="B239" s="1"/>
      <c r="C239" s="1"/>
      <c r="D239" s="1"/>
      <c r="E239" s="1"/>
      <c r="F239" s="1"/>
      <c r="G239" s="1"/>
      <c r="H239" s="1"/>
      <c r="I239" s="1"/>
      <c r="J239" s="1"/>
      <c r="K239" s="1"/>
      <c r="L239" s="1"/>
    </row>
    <row r="240" spans="2:12" x14ac:dyDescent="0.2">
      <c r="B240" s="1"/>
      <c r="C240" s="1"/>
      <c r="D240" s="1"/>
      <c r="E240" s="1"/>
      <c r="F240" s="1"/>
      <c r="G240" s="1"/>
      <c r="H240" s="1"/>
      <c r="I240" s="1"/>
      <c r="J240" s="1"/>
      <c r="K240" s="1"/>
      <c r="L240" s="1"/>
    </row>
    <row r="241" spans="2:12" x14ac:dyDescent="0.2">
      <c r="B241" s="1"/>
      <c r="C241" s="1"/>
      <c r="D241" s="1"/>
      <c r="E241" s="1"/>
      <c r="F241" s="1"/>
      <c r="G241" s="1"/>
      <c r="H241" s="1"/>
      <c r="I241" s="1"/>
      <c r="J241" s="1"/>
      <c r="K241" s="1"/>
      <c r="L241" s="1"/>
    </row>
    <row r="242" spans="2:12" x14ac:dyDescent="0.2">
      <c r="B242" s="1"/>
      <c r="C242" s="1"/>
      <c r="D242" s="1"/>
      <c r="E242" s="1"/>
      <c r="F242" s="1"/>
      <c r="G242" s="1"/>
      <c r="H242" s="1"/>
      <c r="I242" s="1"/>
      <c r="J242" s="1"/>
      <c r="K242" s="1"/>
      <c r="L242" s="1"/>
    </row>
    <row r="243" spans="2:12" x14ac:dyDescent="0.2">
      <c r="B243" s="1"/>
      <c r="C243" s="1"/>
      <c r="D243" s="1"/>
      <c r="E243" s="1"/>
      <c r="F243" s="1"/>
      <c r="G243" s="1"/>
      <c r="H243" s="1"/>
      <c r="I243" s="1"/>
      <c r="J243" s="1"/>
      <c r="K243" s="1"/>
      <c r="L243" s="1"/>
    </row>
    <row r="244" spans="2:12" x14ac:dyDescent="0.2">
      <c r="B244" s="1"/>
      <c r="C244" s="1"/>
      <c r="D244" s="1"/>
      <c r="E244" s="1"/>
      <c r="F244" s="1"/>
      <c r="G244" s="1"/>
      <c r="H244" s="1"/>
      <c r="I244" s="1"/>
      <c r="J244" s="1"/>
      <c r="K244" s="1"/>
      <c r="L244" s="1"/>
    </row>
    <row r="245" spans="2:12" x14ac:dyDescent="0.2">
      <c r="B245" s="1"/>
      <c r="C245" s="1"/>
      <c r="D245" s="1"/>
      <c r="E245" s="1"/>
      <c r="F245" s="1"/>
      <c r="G245" s="1"/>
      <c r="H245" s="1"/>
      <c r="I245" s="1"/>
      <c r="J245" s="1"/>
      <c r="K245" s="1"/>
      <c r="L245" s="1"/>
    </row>
    <row r="246" spans="2:12" x14ac:dyDescent="0.2">
      <c r="B246" s="1"/>
      <c r="C246" s="1"/>
      <c r="D246" s="1"/>
      <c r="E246" s="1"/>
      <c r="F246" s="1"/>
      <c r="G246" s="1"/>
      <c r="H246" s="1"/>
      <c r="I246" s="1"/>
      <c r="J246" s="1"/>
      <c r="K246" s="1"/>
      <c r="L246" s="1"/>
    </row>
    <row r="247" spans="2:12" x14ac:dyDescent="0.2">
      <c r="B247" s="1"/>
      <c r="C247" s="1"/>
      <c r="D247" s="1"/>
      <c r="E247" s="1"/>
      <c r="F247" s="1"/>
      <c r="G247" s="1"/>
      <c r="H247" s="1"/>
      <c r="I247" s="1"/>
      <c r="J247" s="1"/>
      <c r="K247" s="1"/>
      <c r="L247" s="1"/>
    </row>
    <row r="248" spans="2:12" x14ac:dyDescent="0.2">
      <c r="B248" s="1"/>
      <c r="C248" s="1"/>
      <c r="D248" s="1"/>
      <c r="E248" s="1"/>
      <c r="F248" s="1"/>
      <c r="G248" s="1"/>
      <c r="H248" s="1"/>
      <c r="I248" s="1"/>
      <c r="J248" s="1"/>
      <c r="K248" s="1"/>
      <c r="L248" s="1"/>
    </row>
    <row r="249" spans="2:12" x14ac:dyDescent="0.2">
      <c r="B249" s="1"/>
      <c r="C249" s="1"/>
      <c r="D249" s="1"/>
      <c r="E249" s="1"/>
      <c r="F249" s="1"/>
      <c r="G249" s="1"/>
      <c r="H249" s="1"/>
      <c r="I249" s="1"/>
      <c r="J249" s="1"/>
      <c r="K249" s="1"/>
      <c r="L249" s="1"/>
    </row>
    <row r="250" spans="2:12" x14ac:dyDescent="0.2">
      <c r="B250" s="1"/>
      <c r="C250" s="1"/>
      <c r="D250" s="1"/>
      <c r="E250" s="1"/>
      <c r="F250" s="1"/>
      <c r="G250" s="1"/>
      <c r="H250" s="1"/>
      <c r="I250" s="1"/>
      <c r="J250" s="1"/>
      <c r="K250" s="1"/>
      <c r="L250" s="1"/>
    </row>
    <row r="251" spans="2:12" x14ac:dyDescent="0.2">
      <c r="B251" s="1"/>
      <c r="C251" s="1"/>
      <c r="D251" s="1"/>
      <c r="E251" s="1"/>
      <c r="F251" s="1"/>
      <c r="G251" s="1"/>
      <c r="H251" s="1"/>
      <c r="I251" s="1"/>
      <c r="J251" s="1"/>
      <c r="K251" s="1"/>
      <c r="L251" s="1"/>
    </row>
    <row r="252" spans="2:12" x14ac:dyDescent="0.2">
      <c r="B252" s="1"/>
      <c r="C252" s="1"/>
      <c r="D252" s="1"/>
      <c r="E252" s="1"/>
      <c r="F252" s="1"/>
      <c r="G252" s="1"/>
      <c r="H252" s="1"/>
      <c r="I252" s="1"/>
      <c r="J252" s="1"/>
      <c r="K252" s="1"/>
      <c r="L252" s="1"/>
    </row>
    <row r="253" spans="2:12" x14ac:dyDescent="0.2">
      <c r="B253" s="1"/>
      <c r="C253" s="1"/>
      <c r="D253" s="1"/>
      <c r="E253" s="1"/>
      <c r="F253" s="1"/>
      <c r="G253" s="1"/>
      <c r="H253" s="1"/>
      <c r="I253" s="1"/>
      <c r="J253" s="1"/>
      <c r="K253" s="1"/>
      <c r="L253" s="1"/>
    </row>
    <row r="254" spans="2:12" x14ac:dyDescent="0.2">
      <c r="B254" s="1"/>
      <c r="C254" s="1"/>
      <c r="D254" s="1"/>
      <c r="E254" s="1"/>
      <c r="F254" s="1"/>
      <c r="G254" s="1"/>
      <c r="H254" s="1"/>
      <c r="I254" s="1"/>
      <c r="J254" s="1"/>
      <c r="K254" s="1"/>
      <c r="L254" s="1"/>
    </row>
    <row r="255" spans="2:12" x14ac:dyDescent="0.2">
      <c r="B255" s="1"/>
      <c r="C255" s="1"/>
      <c r="D255" s="1"/>
      <c r="E255" s="1"/>
      <c r="F255" s="1"/>
      <c r="G255" s="1"/>
      <c r="H255" s="1"/>
      <c r="I255" s="1"/>
      <c r="J255" s="1"/>
      <c r="K255" s="1"/>
      <c r="L255" s="1"/>
    </row>
    <row r="256" spans="2:12" x14ac:dyDescent="0.2">
      <c r="B256" s="1"/>
      <c r="C256" s="1"/>
      <c r="D256" s="1"/>
      <c r="E256" s="1"/>
      <c r="F256" s="1"/>
      <c r="G256" s="1"/>
      <c r="H256" s="1"/>
      <c r="I256" s="1"/>
      <c r="J256" s="1"/>
      <c r="K256" s="1"/>
      <c r="L256" s="1"/>
    </row>
    <row r="257" spans="2:12" x14ac:dyDescent="0.2">
      <c r="B257" s="1"/>
      <c r="C257" s="1"/>
      <c r="D257" s="1"/>
      <c r="E257" s="1"/>
      <c r="F257" s="1"/>
      <c r="G257" s="1"/>
      <c r="H257" s="1"/>
      <c r="I257" s="1"/>
      <c r="J257" s="1"/>
      <c r="K257" s="1"/>
      <c r="L257" s="1"/>
    </row>
    <row r="258" spans="2:12" x14ac:dyDescent="0.2">
      <c r="B258" s="1"/>
      <c r="C258" s="1"/>
      <c r="D258" s="1"/>
      <c r="E258" s="1"/>
      <c r="F258" s="1"/>
      <c r="G258" s="1"/>
      <c r="H258" s="1"/>
      <c r="I258" s="1"/>
      <c r="J258" s="1"/>
      <c r="K258" s="1"/>
      <c r="L258" s="1"/>
    </row>
    <row r="259" spans="2:12" x14ac:dyDescent="0.2">
      <c r="B259" s="1"/>
      <c r="C259" s="1"/>
      <c r="D259" s="1"/>
      <c r="E259" s="1"/>
      <c r="F259" s="1"/>
      <c r="G259" s="1"/>
      <c r="H259" s="1"/>
      <c r="I259" s="1"/>
      <c r="J259" s="1"/>
      <c r="K259" s="1"/>
      <c r="L259" s="1"/>
    </row>
    <row r="260" spans="2:12" x14ac:dyDescent="0.2">
      <c r="B260" s="1"/>
      <c r="C260" s="1"/>
      <c r="D260" s="1"/>
      <c r="E260" s="1"/>
      <c r="F260" s="1"/>
      <c r="G260" s="1"/>
      <c r="H260" s="1"/>
      <c r="I260" s="1"/>
      <c r="J260" s="1"/>
      <c r="K260" s="1"/>
      <c r="L260" s="1"/>
    </row>
    <row r="261" spans="2:12" x14ac:dyDescent="0.2">
      <c r="B261" s="1"/>
      <c r="C261" s="1"/>
      <c r="D261" s="1"/>
      <c r="E261" s="1"/>
      <c r="F261" s="1"/>
      <c r="G261" s="1"/>
      <c r="H261" s="1"/>
      <c r="I261" s="1"/>
      <c r="J261" s="1"/>
      <c r="K261" s="1"/>
      <c r="L261" s="1"/>
    </row>
    <row r="262" spans="2:12" x14ac:dyDescent="0.2">
      <c r="B262" s="1"/>
      <c r="C262" s="1"/>
      <c r="D262" s="1"/>
      <c r="E262" s="1"/>
      <c r="F262" s="1"/>
      <c r="G262" s="1"/>
      <c r="H262" s="1"/>
      <c r="I262" s="1"/>
      <c r="J262" s="1"/>
      <c r="K262" s="1"/>
      <c r="L262" s="1"/>
    </row>
    <row r="263" spans="2:12" x14ac:dyDescent="0.2">
      <c r="B263" s="1"/>
      <c r="C263" s="1"/>
      <c r="D263" s="1"/>
      <c r="E263" s="1"/>
      <c r="F263" s="1"/>
      <c r="G263" s="1"/>
      <c r="H263" s="1"/>
      <c r="I263" s="1"/>
      <c r="J263" s="1"/>
      <c r="K263" s="1"/>
      <c r="L263" s="1"/>
    </row>
    <row r="264" spans="2:12" x14ac:dyDescent="0.2">
      <c r="B264" s="1"/>
      <c r="C264" s="1"/>
      <c r="D264" s="1"/>
      <c r="E264" s="1"/>
      <c r="F264" s="1"/>
      <c r="G264" s="1"/>
      <c r="H264" s="1"/>
      <c r="I264" s="1"/>
      <c r="J264" s="1"/>
      <c r="K264" s="1"/>
      <c r="L264" s="1"/>
    </row>
    <row r="265" spans="2:12" x14ac:dyDescent="0.2">
      <c r="B265" s="1"/>
      <c r="C265" s="1"/>
      <c r="D265" s="1"/>
      <c r="E265" s="1"/>
      <c r="F265" s="1"/>
      <c r="G265" s="1"/>
      <c r="H265" s="1"/>
      <c r="I265" s="1"/>
      <c r="J265" s="1"/>
      <c r="K265" s="1"/>
      <c r="L265" s="1"/>
    </row>
    <row r="266" spans="2:12" x14ac:dyDescent="0.2">
      <c r="B266" s="1"/>
      <c r="C266" s="1"/>
      <c r="D266" s="1"/>
      <c r="E266" s="1"/>
      <c r="F266" s="1"/>
      <c r="G266" s="1"/>
      <c r="H266" s="1"/>
      <c r="I266" s="1"/>
      <c r="J266" s="1"/>
      <c r="K266" s="1"/>
      <c r="L266" s="1"/>
    </row>
    <row r="267" spans="2:12" x14ac:dyDescent="0.2">
      <c r="B267" s="1"/>
      <c r="C267" s="1"/>
      <c r="D267" s="1"/>
      <c r="E267" s="1"/>
      <c r="F267" s="1"/>
      <c r="G267" s="1"/>
      <c r="H267" s="1"/>
      <c r="I267" s="1"/>
      <c r="J267" s="1"/>
      <c r="K267" s="1"/>
      <c r="L267" s="1"/>
    </row>
    <row r="268" spans="2:12" x14ac:dyDescent="0.2">
      <c r="B268" s="1"/>
      <c r="C268" s="1"/>
      <c r="D268" s="1"/>
      <c r="E268" s="1"/>
      <c r="F268" s="1"/>
      <c r="G268" s="1"/>
      <c r="H268" s="1"/>
      <c r="I268" s="1"/>
      <c r="J268" s="1"/>
      <c r="K268" s="1"/>
      <c r="L268" s="1"/>
    </row>
    <row r="269" spans="2:12" x14ac:dyDescent="0.2">
      <c r="B269" s="1"/>
      <c r="C269" s="1"/>
      <c r="D269" s="1"/>
      <c r="E269" s="1"/>
      <c r="F269" s="1"/>
      <c r="G269" s="1"/>
      <c r="H269" s="1"/>
      <c r="I269" s="1"/>
      <c r="J269" s="1"/>
      <c r="K269" s="1"/>
      <c r="L269" s="1"/>
    </row>
    <row r="270" spans="2:12" x14ac:dyDescent="0.2">
      <c r="B270" s="1"/>
      <c r="C270" s="1"/>
      <c r="D270" s="1"/>
      <c r="E270" s="1"/>
      <c r="F270" s="1"/>
      <c r="G270" s="1"/>
      <c r="H270" s="1"/>
      <c r="I270" s="1"/>
      <c r="J270" s="1"/>
      <c r="K270" s="1"/>
      <c r="L270" s="1"/>
    </row>
    <row r="271" spans="2:12" x14ac:dyDescent="0.2">
      <c r="B271" s="1"/>
      <c r="C271" s="1"/>
      <c r="D271" s="1"/>
      <c r="E271" s="1"/>
      <c r="F271" s="1"/>
      <c r="G271" s="1"/>
      <c r="H271" s="1"/>
      <c r="I271" s="1"/>
      <c r="J271" s="1"/>
      <c r="K271" s="1"/>
      <c r="L271" s="1"/>
    </row>
    <row r="272" spans="2:12" x14ac:dyDescent="0.2">
      <c r="B272" s="1"/>
      <c r="C272" s="1"/>
      <c r="D272" s="1"/>
      <c r="E272" s="1"/>
      <c r="F272" s="1"/>
      <c r="G272" s="1"/>
      <c r="H272" s="1"/>
      <c r="I272" s="1"/>
      <c r="J272" s="1"/>
      <c r="K272" s="1"/>
      <c r="L272" s="1"/>
    </row>
    <row r="273" spans="2:12" x14ac:dyDescent="0.2">
      <c r="B273" s="1"/>
      <c r="C273" s="1"/>
      <c r="D273" s="1"/>
      <c r="E273" s="1"/>
      <c r="F273" s="1"/>
      <c r="G273" s="1"/>
      <c r="H273" s="1"/>
      <c r="I273" s="1"/>
      <c r="J273" s="1"/>
      <c r="K273" s="1"/>
      <c r="L273" s="1"/>
    </row>
    <row r="274" spans="2:12" x14ac:dyDescent="0.2">
      <c r="B274" s="1"/>
      <c r="C274" s="1"/>
      <c r="D274" s="1"/>
      <c r="E274" s="1"/>
      <c r="F274" s="1"/>
      <c r="G274" s="1"/>
      <c r="H274" s="1"/>
      <c r="I274" s="1"/>
      <c r="J274" s="1"/>
      <c r="K274" s="1"/>
      <c r="L274" s="1"/>
    </row>
    <row r="275" spans="2:12" x14ac:dyDescent="0.2">
      <c r="B275" s="1"/>
      <c r="C275" s="1"/>
      <c r="D275" s="1"/>
      <c r="E275" s="1"/>
      <c r="F275" s="1"/>
      <c r="G275" s="1"/>
      <c r="H275" s="1"/>
      <c r="I275" s="1"/>
      <c r="J275" s="1"/>
      <c r="K275" s="1"/>
      <c r="L275" s="1"/>
    </row>
    <row r="276" spans="2:12" x14ac:dyDescent="0.2">
      <c r="B276" s="1"/>
      <c r="C276" s="1"/>
      <c r="D276" s="1"/>
      <c r="E276" s="1"/>
      <c r="F276" s="1"/>
      <c r="G276" s="1"/>
      <c r="H276" s="1"/>
      <c r="I276" s="1"/>
      <c r="J276" s="1"/>
      <c r="K276" s="1"/>
      <c r="L276" s="1"/>
    </row>
    <row r="277" spans="2:12" x14ac:dyDescent="0.2">
      <c r="B277" s="1"/>
      <c r="C277" s="1"/>
      <c r="D277" s="1"/>
      <c r="E277" s="1"/>
      <c r="F277" s="1"/>
      <c r="G277" s="1"/>
      <c r="H277" s="1"/>
      <c r="I277" s="1"/>
      <c r="J277" s="1"/>
      <c r="K277" s="1"/>
      <c r="L277" s="1"/>
    </row>
    <row r="278" spans="2:12" x14ac:dyDescent="0.2">
      <c r="B278" s="1"/>
      <c r="C278" s="1"/>
      <c r="D278" s="1"/>
      <c r="E278" s="1"/>
      <c r="F278" s="1"/>
      <c r="G278" s="1"/>
      <c r="H278" s="1"/>
      <c r="I278" s="1"/>
      <c r="J278" s="1"/>
      <c r="K278" s="1"/>
      <c r="L278" s="1"/>
    </row>
    <row r="279" spans="2:12" x14ac:dyDescent="0.2">
      <c r="B279" s="1"/>
      <c r="C279" s="1"/>
      <c r="D279" s="1"/>
      <c r="E279" s="1"/>
      <c r="F279" s="1"/>
      <c r="G279" s="1"/>
      <c r="H279" s="1"/>
      <c r="I279" s="1"/>
      <c r="J279" s="1"/>
      <c r="K279" s="1"/>
      <c r="L279" s="1"/>
    </row>
    <row r="280" spans="2:12" x14ac:dyDescent="0.2">
      <c r="B280" s="1"/>
      <c r="C280" s="1"/>
      <c r="D280" s="1"/>
      <c r="E280" s="1"/>
      <c r="F280" s="1"/>
      <c r="G280" s="1"/>
      <c r="H280" s="1"/>
      <c r="I280" s="1"/>
      <c r="J280" s="1"/>
      <c r="K280" s="1"/>
      <c r="L280" s="1"/>
    </row>
    <row r="281" spans="2:12" x14ac:dyDescent="0.2">
      <c r="B281" s="1"/>
      <c r="C281" s="1"/>
      <c r="D281" s="1"/>
      <c r="E281" s="1"/>
      <c r="F281" s="1"/>
      <c r="G281" s="1"/>
      <c r="H281" s="1"/>
      <c r="I281" s="1"/>
      <c r="J281" s="1"/>
      <c r="K281" s="1"/>
      <c r="L281" s="1"/>
    </row>
    <row r="282" spans="2:12" x14ac:dyDescent="0.2">
      <c r="B282" s="1"/>
      <c r="C282" s="1"/>
      <c r="D282" s="1"/>
      <c r="E282" s="1"/>
      <c r="F282" s="1"/>
      <c r="G282" s="1"/>
      <c r="H282" s="1"/>
      <c r="I282" s="1"/>
      <c r="J282" s="1"/>
      <c r="K282" s="1"/>
      <c r="L282" s="1"/>
    </row>
    <row r="283" spans="2:12" x14ac:dyDescent="0.2">
      <c r="B283" s="1"/>
      <c r="C283" s="1"/>
      <c r="D283" s="1"/>
      <c r="E283" s="1"/>
      <c r="F283" s="1"/>
      <c r="G283" s="1"/>
      <c r="H283" s="1"/>
      <c r="I283" s="1"/>
      <c r="J283" s="1"/>
      <c r="K283" s="1"/>
      <c r="L283" s="1"/>
    </row>
    <row r="284" spans="2:12" x14ac:dyDescent="0.2">
      <c r="B284" s="1"/>
      <c r="C284" s="1"/>
      <c r="D284" s="1"/>
      <c r="E284" s="1"/>
      <c r="F284" s="1"/>
      <c r="G284" s="1"/>
      <c r="H284" s="1"/>
      <c r="I284" s="1"/>
      <c r="J284" s="1"/>
      <c r="K284" s="1"/>
      <c r="L284" s="1"/>
    </row>
    <row r="285" spans="2:12" x14ac:dyDescent="0.2">
      <c r="B285" s="1"/>
      <c r="C285" s="1"/>
      <c r="D285" s="1"/>
      <c r="E285" s="1"/>
      <c r="F285" s="1"/>
      <c r="G285" s="1"/>
      <c r="H285" s="1"/>
      <c r="I285" s="1"/>
      <c r="J285" s="1"/>
      <c r="K285" s="1"/>
      <c r="L285" s="1"/>
    </row>
    <row r="286" spans="2:12" x14ac:dyDescent="0.2">
      <c r="B286" s="1"/>
      <c r="C286" s="1"/>
      <c r="D286" s="1"/>
      <c r="E286" s="1"/>
      <c r="F286" s="1"/>
      <c r="G286" s="1"/>
      <c r="H286" s="1"/>
      <c r="I286" s="1"/>
      <c r="J286" s="1"/>
      <c r="K286" s="1"/>
      <c r="L286" s="1"/>
    </row>
    <row r="287" spans="2:12" x14ac:dyDescent="0.2">
      <c r="B287" s="1"/>
      <c r="C287" s="1"/>
      <c r="D287" s="1"/>
      <c r="E287" s="1"/>
      <c r="F287" s="1"/>
      <c r="G287" s="1"/>
      <c r="H287" s="1"/>
      <c r="I287" s="1"/>
      <c r="J287" s="1"/>
      <c r="K287" s="1"/>
      <c r="L287" s="1"/>
    </row>
    <row r="288" spans="2:12" x14ac:dyDescent="0.2">
      <c r="B288" s="1"/>
      <c r="C288" s="1"/>
      <c r="D288" s="1"/>
      <c r="E288" s="1"/>
      <c r="F288" s="1"/>
      <c r="G288" s="1"/>
      <c r="H288" s="1"/>
      <c r="I288" s="1"/>
      <c r="J288" s="1"/>
      <c r="K288" s="1"/>
      <c r="L288" s="1"/>
    </row>
    <row r="289" spans="2:12" x14ac:dyDescent="0.2">
      <c r="B289" s="1"/>
      <c r="C289" s="1"/>
      <c r="D289" s="1"/>
      <c r="E289" s="1"/>
      <c r="F289" s="1"/>
      <c r="G289" s="1"/>
      <c r="H289" s="1"/>
      <c r="I289" s="1"/>
      <c r="J289" s="1"/>
      <c r="K289" s="1"/>
      <c r="L289" s="1"/>
    </row>
    <row r="290" spans="2:12" x14ac:dyDescent="0.2">
      <c r="B290" s="1"/>
      <c r="C290" s="1"/>
      <c r="D290" s="1"/>
      <c r="E290" s="1"/>
      <c r="F290" s="1"/>
      <c r="G290" s="1"/>
      <c r="H290" s="1"/>
      <c r="I290" s="1"/>
      <c r="J290" s="1"/>
      <c r="K290" s="1"/>
      <c r="L290" s="1"/>
    </row>
    <row r="291" spans="2:12" x14ac:dyDescent="0.2">
      <c r="B291" s="1"/>
      <c r="C291" s="1"/>
      <c r="D291" s="1"/>
      <c r="E291" s="1"/>
      <c r="F291" s="1"/>
      <c r="G291" s="1"/>
      <c r="H291" s="1"/>
      <c r="I291" s="1"/>
      <c r="J291" s="1"/>
      <c r="K291" s="1"/>
      <c r="L291" s="1"/>
    </row>
    <row r="292" spans="2:12" x14ac:dyDescent="0.2">
      <c r="B292" s="1"/>
      <c r="C292" s="1"/>
      <c r="D292" s="1"/>
      <c r="E292" s="1"/>
      <c r="F292" s="1"/>
      <c r="G292" s="1"/>
      <c r="H292" s="1"/>
      <c r="I292" s="1"/>
      <c r="J292" s="1"/>
      <c r="K292" s="1"/>
      <c r="L292" s="1"/>
    </row>
    <row r="293" spans="2:12" x14ac:dyDescent="0.2">
      <c r="B293" s="1"/>
      <c r="C293" s="1"/>
      <c r="D293" s="1"/>
      <c r="E293" s="1"/>
      <c r="F293" s="1"/>
      <c r="G293" s="1"/>
      <c r="H293" s="1"/>
      <c r="I293" s="1"/>
      <c r="J293" s="1"/>
      <c r="K293" s="1"/>
      <c r="L293" s="1"/>
    </row>
    <row r="294" spans="2:12" x14ac:dyDescent="0.2">
      <c r="B294" s="1"/>
      <c r="C294" s="1"/>
      <c r="D294" s="1"/>
      <c r="E294" s="1"/>
      <c r="F294" s="1"/>
      <c r="G294" s="1"/>
      <c r="H294" s="1"/>
      <c r="I294" s="1"/>
      <c r="J294" s="1"/>
      <c r="K294" s="1"/>
      <c r="L294" s="1"/>
    </row>
    <row r="295" spans="2:12" x14ac:dyDescent="0.2">
      <c r="B295" s="1"/>
      <c r="C295" s="1"/>
      <c r="D295" s="1"/>
      <c r="E295" s="1"/>
      <c r="F295" s="1"/>
      <c r="G295" s="1"/>
      <c r="H295" s="1"/>
      <c r="I295" s="1"/>
      <c r="J295" s="1"/>
      <c r="K295" s="1"/>
      <c r="L295" s="1"/>
    </row>
    <row r="296" spans="2:12" x14ac:dyDescent="0.2">
      <c r="B296" s="1"/>
      <c r="C296" s="1"/>
      <c r="D296" s="1"/>
      <c r="E296" s="1"/>
      <c r="F296" s="1"/>
      <c r="G296" s="1"/>
      <c r="H296" s="1"/>
      <c r="I296" s="1"/>
      <c r="J296" s="1"/>
      <c r="K296" s="1"/>
      <c r="L296" s="1"/>
    </row>
    <row r="297" spans="2:12" x14ac:dyDescent="0.2">
      <c r="B297" s="1"/>
      <c r="C297" s="1"/>
      <c r="D297" s="1"/>
      <c r="E297" s="1"/>
      <c r="F297" s="1"/>
      <c r="G297" s="1"/>
      <c r="H297" s="1"/>
      <c r="I297" s="1"/>
      <c r="J297" s="1"/>
      <c r="K297" s="1"/>
      <c r="L297" s="1"/>
    </row>
    <row r="298" spans="2:12" x14ac:dyDescent="0.2">
      <c r="B298" s="1"/>
      <c r="C298" s="1"/>
      <c r="D298" s="1"/>
      <c r="E298" s="1"/>
      <c r="F298" s="1"/>
      <c r="G298" s="1"/>
      <c r="H298" s="1"/>
      <c r="I298" s="1"/>
      <c r="J298" s="1"/>
      <c r="K298" s="1"/>
      <c r="L298" s="1"/>
    </row>
    <row r="299" spans="2:12" x14ac:dyDescent="0.2">
      <c r="B299" s="1"/>
      <c r="C299" s="1"/>
      <c r="D299" s="1"/>
      <c r="E299" s="1"/>
      <c r="F299" s="1"/>
      <c r="G299" s="1"/>
      <c r="H299" s="1"/>
      <c r="I299" s="1"/>
      <c r="J299" s="1"/>
      <c r="K299" s="1"/>
      <c r="L299" s="1"/>
    </row>
    <row r="300" spans="2:12" x14ac:dyDescent="0.2">
      <c r="B300" s="1"/>
      <c r="C300" s="1"/>
      <c r="D300" s="1"/>
      <c r="E300" s="1"/>
      <c r="F300" s="1"/>
      <c r="G300" s="1"/>
      <c r="H300" s="1"/>
      <c r="I300" s="1"/>
      <c r="J300" s="1"/>
      <c r="K300" s="1"/>
      <c r="L300" s="1"/>
    </row>
    <row r="301" spans="2:12" x14ac:dyDescent="0.2">
      <c r="B301" s="1"/>
      <c r="C301" s="1"/>
      <c r="D301" s="1"/>
      <c r="E301" s="1"/>
      <c r="F301" s="1"/>
      <c r="G301" s="1"/>
      <c r="H301" s="1"/>
      <c r="I301" s="1"/>
      <c r="J301" s="1"/>
      <c r="K301" s="1"/>
      <c r="L301" s="1"/>
    </row>
    <row r="302" spans="2:12" x14ac:dyDescent="0.2">
      <c r="B302" s="1"/>
      <c r="C302" s="1"/>
      <c r="D302" s="1"/>
      <c r="E302" s="1"/>
      <c r="F302" s="1"/>
      <c r="G302" s="1"/>
      <c r="H302" s="1"/>
      <c r="I302" s="1"/>
      <c r="J302" s="1"/>
      <c r="K302" s="1"/>
      <c r="L302" s="1"/>
    </row>
    <row r="303" spans="2:12" x14ac:dyDescent="0.2">
      <c r="B303" s="1"/>
      <c r="C303" s="1"/>
      <c r="D303" s="1"/>
      <c r="E303" s="1"/>
      <c r="F303" s="1"/>
      <c r="G303" s="1"/>
      <c r="H303" s="1"/>
      <c r="I303" s="1"/>
      <c r="J303" s="1"/>
      <c r="K303" s="1"/>
      <c r="L303" s="1"/>
    </row>
    <row r="304" spans="2:12" x14ac:dyDescent="0.2">
      <c r="B304" s="1"/>
      <c r="C304" s="1"/>
      <c r="D304" s="1"/>
      <c r="E304" s="1"/>
      <c r="F304" s="1"/>
      <c r="G304" s="1"/>
      <c r="H304" s="1"/>
      <c r="I304" s="1"/>
      <c r="J304" s="1"/>
      <c r="K304" s="1"/>
      <c r="L304" s="1"/>
    </row>
    <row r="305" spans="2:12" x14ac:dyDescent="0.2">
      <c r="B305" s="1"/>
      <c r="C305" s="1"/>
      <c r="D305" s="1"/>
      <c r="E305" s="1"/>
      <c r="F305" s="1"/>
      <c r="G305" s="1"/>
      <c r="H305" s="1"/>
      <c r="I305" s="1"/>
      <c r="J305" s="1"/>
      <c r="K305" s="1"/>
      <c r="L305" s="1"/>
    </row>
    <row r="306" spans="2:12" x14ac:dyDescent="0.2">
      <c r="B306" s="1"/>
      <c r="C306" s="1"/>
      <c r="D306" s="1"/>
      <c r="E306" s="1"/>
      <c r="F306" s="1"/>
      <c r="G306" s="1"/>
      <c r="H306" s="1"/>
      <c r="I306" s="1"/>
      <c r="J306" s="1"/>
      <c r="K306" s="1"/>
      <c r="L306" s="1"/>
    </row>
    <row r="307" spans="2:12" x14ac:dyDescent="0.2">
      <c r="B307" s="1"/>
      <c r="C307" s="1"/>
      <c r="D307" s="1"/>
      <c r="E307" s="1"/>
      <c r="F307" s="1"/>
      <c r="G307" s="1"/>
      <c r="H307" s="1"/>
      <c r="I307" s="1"/>
      <c r="J307" s="1"/>
      <c r="K307" s="1"/>
      <c r="L307" s="1"/>
    </row>
    <row r="308" spans="2:12" x14ac:dyDescent="0.2">
      <c r="B308" s="1"/>
      <c r="C308" s="1"/>
      <c r="D308" s="1"/>
      <c r="E308" s="1"/>
      <c r="F308" s="1"/>
      <c r="G308" s="1"/>
      <c r="H308" s="1"/>
      <c r="I308" s="1"/>
      <c r="J308" s="1"/>
      <c r="K308" s="1"/>
      <c r="L308" s="1"/>
    </row>
    <row r="309" spans="2:12" x14ac:dyDescent="0.2">
      <c r="B309" s="1"/>
      <c r="C309" s="1"/>
      <c r="D309" s="1"/>
      <c r="E309" s="1"/>
      <c r="F309" s="1"/>
      <c r="G309" s="1"/>
      <c r="H309" s="1"/>
      <c r="I309" s="1"/>
      <c r="J309" s="1"/>
      <c r="K309" s="1"/>
      <c r="L309" s="1"/>
    </row>
    <row r="310" spans="2:12" x14ac:dyDescent="0.2">
      <c r="B310" s="1"/>
      <c r="C310" s="1"/>
      <c r="D310" s="1"/>
      <c r="E310" s="1"/>
      <c r="F310" s="1"/>
      <c r="G310" s="1"/>
      <c r="H310" s="1"/>
      <c r="I310" s="1"/>
      <c r="J310" s="1"/>
      <c r="K310" s="1"/>
      <c r="L310" s="1"/>
    </row>
    <row r="311" spans="2:12" x14ac:dyDescent="0.2">
      <c r="B311" s="1"/>
      <c r="C311" s="1"/>
      <c r="D311" s="1"/>
      <c r="E311" s="1"/>
      <c r="F311" s="1"/>
      <c r="G311" s="1"/>
      <c r="H311" s="1"/>
      <c r="I311" s="1"/>
      <c r="J311" s="1"/>
      <c r="K311" s="1"/>
      <c r="L311" s="1"/>
    </row>
    <row r="312" spans="2:12" x14ac:dyDescent="0.2">
      <c r="B312" s="1"/>
      <c r="C312" s="1"/>
      <c r="D312" s="1"/>
      <c r="E312" s="1"/>
      <c r="F312" s="1"/>
      <c r="G312" s="1"/>
      <c r="H312" s="1"/>
      <c r="I312" s="1"/>
      <c r="J312" s="1"/>
      <c r="K312" s="1"/>
      <c r="L312" s="1"/>
    </row>
    <row r="313" spans="2:12" x14ac:dyDescent="0.2">
      <c r="B313" s="1"/>
      <c r="C313" s="1"/>
      <c r="D313" s="1"/>
      <c r="E313" s="1"/>
      <c r="F313" s="1"/>
      <c r="G313" s="1"/>
      <c r="H313" s="1"/>
      <c r="I313" s="1"/>
      <c r="J313" s="1"/>
      <c r="K313" s="1"/>
      <c r="L313" s="1"/>
    </row>
    <row r="314" spans="2:12" x14ac:dyDescent="0.2">
      <c r="B314" s="1"/>
      <c r="C314" s="1"/>
      <c r="D314" s="1"/>
      <c r="E314" s="1"/>
      <c r="F314" s="1"/>
      <c r="G314" s="1"/>
      <c r="H314" s="1"/>
      <c r="I314" s="1"/>
      <c r="J314" s="1"/>
      <c r="K314" s="1"/>
      <c r="L314" s="1"/>
    </row>
    <row r="315" spans="2:12" x14ac:dyDescent="0.2">
      <c r="B315" s="1"/>
      <c r="C315" s="1"/>
      <c r="D315" s="1"/>
      <c r="E315" s="1"/>
      <c r="F315" s="1"/>
      <c r="G315" s="1"/>
      <c r="H315" s="1"/>
      <c r="I315" s="1"/>
      <c r="J315" s="1"/>
      <c r="K315" s="1"/>
      <c r="L315" s="1"/>
    </row>
    <row r="316" spans="2:12" x14ac:dyDescent="0.2">
      <c r="B316" s="1"/>
      <c r="C316" s="1"/>
      <c r="D316" s="1"/>
      <c r="E316" s="1"/>
      <c r="F316" s="1"/>
      <c r="G316" s="1"/>
      <c r="H316" s="1"/>
      <c r="I316" s="1"/>
      <c r="J316" s="1"/>
      <c r="K316" s="1"/>
      <c r="L316" s="1"/>
    </row>
    <row r="317" spans="2:12" x14ac:dyDescent="0.2">
      <c r="B317" s="1"/>
      <c r="C317" s="1"/>
      <c r="D317" s="1"/>
      <c r="E317" s="1"/>
      <c r="F317" s="1"/>
      <c r="G317" s="1"/>
      <c r="H317" s="1"/>
      <c r="I317" s="1"/>
      <c r="J317" s="1"/>
      <c r="K317" s="1"/>
      <c r="L317" s="1"/>
    </row>
    <row r="318" spans="2:12" x14ac:dyDescent="0.2">
      <c r="B318" s="1"/>
      <c r="C318" s="1"/>
      <c r="D318" s="1"/>
      <c r="E318" s="1"/>
      <c r="F318" s="1"/>
      <c r="G318" s="1"/>
      <c r="H318" s="1"/>
      <c r="I318" s="1"/>
      <c r="J318" s="1"/>
      <c r="K318" s="1"/>
      <c r="L318" s="1"/>
    </row>
    <row r="319" spans="2:12" x14ac:dyDescent="0.2">
      <c r="B319" s="1"/>
      <c r="C319" s="1"/>
      <c r="D319" s="1"/>
      <c r="E319" s="1"/>
      <c r="F319" s="1"/>
      <c r="G319" s="1"/>
      <c r="H319" s="1"/>
      <c r="I319" s="1"/>
      <c r="J319" s="1"/>
      <c r="K319" s="1"/>
      <c r="L319" s="1"/>
    </row>
    <row r="320" spans="2:12" x14ac:dyDescent="0.2">
      <c r="B320" s="1"/>
      <c r="C320" s="1"/>
      <c r="D320" s="1"/>
      <c r="E320" s="1"/>
      <c r="F320" s="1"/>
      <c r="G320" s="1"/>
      <c r="H320" s="1"/>
      <c r="I320" s="1"/>
      <c r="J320" s="1"/>
      <c r="K320" s="1"/>
      <c r="L320" s="1"/>
    </row>
    <row r="321" spans="2:12" x14ac:dyDescent="0.2">
      <c r="B321" s="1"/>
      <c r="C321" s="1"/>
      <c r="D321" s="1"/>
      <c r="E321" s="1"/>
      <c r="F321" s="1"/>
      <c r="G321" s="1"/>
      <c r="H321" s="1"/>
      <c r="I321" s="1"/>
      <c r="J321" s="1"/>
      <c r="K321" s="1"/>
      <c r="L321" s="1"/>
    </row>
    <row r="322" spans="2:12" x14ac:dyDescent="0.2">
      <c r="B322" s="1"/>
      <c r="C322" s="1"/>
      <c r="D322" s="1"/>
      <c r="E322" s="1"/>
      <c r="F322" s="1"/>
      <c r="G322" s="1"/>
      <c r="H322" s="1"/>
      <c r="I322" s="1"/>
      <c r="J322" s="1"/>
      <c r="K322" s="1"/>
      <c r="L322" s="1"/>
    </row>
    <row r="323" spans="2:12" x14ac:dyDescent="0.2">
      <c r="B323" s="1"/>
      <c r="C323" s="1"/>
      <c r="D323" s="1"/>
      <c r="E323" s="1"/>
      <c r="F323" s="1"/>
      <c r="G323" s="1"/>
      <c r="H323" s="1"/>
      <c r="I323" s="1"/>
      <c r="J323" s="1"/>
      <c r="K323" s="1"/>
      <c r="L323" s="1"/>
    </row>
    <row r="324" spans="2:12" x14ac:dyDescent="0.2">
      <c r="B324" s="1"/>
      <c r="C324" s="1"/>
      <c r="D324" s="1"/>
      <c r="E324" s="1"/>
      <c r="F324" s="1"/>
      <c r="G324" s="1"/>
      <c r="H324" s="1"/>
      <c r="I324" s="1"/>
      <c r="J324" s="1"/>
      <c r="K324" s="1"/>
      <c r="L324" s="1"/>
    </row>
    <row r="325" spans="2:12" x14ac:dyDescent="0.2">
      <c r="B325" s="1"/>
      <c r="C325" s="1"/>
      <c r="D325" s="1"/>
      <c r="E325" s="1"/>
      <c r="F325" s="1"/>
      <c r="G325" s="1"/>
      <c r="H325" s="1"/>
      <c r="I325" s="1"/>
      <c r="J325" s="1"/>
      <c r="K325" s="1"/>
      <c r="L325" s="1"/>
    </row>
    <row r="326" spans="2:12" x14ac:dyDescent="0.2">
      <c r="B326" s="1"/>
      <c r="C326" s="1"/>
      <c r="D326" s="1"/>
      <c r="E326" s="1"/>
      <c r="F326" s="1"/>
      <c r="G326" s="1"/>
      <c r="H326" s="1"/>
      <c r="I326" s="1"/>
      <c r="J326" s="1"/>
      <c r="K326" s="1"/>
      <c r="L326" s="1"/>
    </row>
    <row r="327" spans="2:12" x14ac:dyDescent="0.2">
      <c r="B327" s="1"/>
      <c r="C327" s="1"/>
      <c r="D327" s="1"/>
      <c r="E327" s="1"/>
      <c r="F327" s="1"/>
      <c r="G327" s="1"/>
      <c r="H327" s="1"/>
      <c r="I327" s="1"/>
      <c r="J327" s="1"/>
      <c r="K327" s="1"/>
      <c r="L327" s="1"/>
    </row>
    <row r="328" spans="2:12" x14ac:dyDescent="0.2">
      <c r="B328" s="1"/>
      <c r="C328" s="1"/>
      <c r="D328" s="1"/>
      <c r="E328" s="1"/>
      <c r="F328" s="1"/>
      <c r="G328" s="1"/>
      <c r="H328" s="1"/>
      <c r="I328" s="1"/>
      <c r="J328" s="1"/>
      <c r="K328" s="1"/>
      <c r="L328" s="1"/>
    </row>
    <row r="329" spans="2:12" x14ac:dyDescent="0.2">
      <c r="B329" s="1"/>
      <c r="C329" s="1"/>
      <c r="D329" s="1"/>
      <c r="E329" s="1"/>
      <c r="F329" s="1"/>
      <c r="G329" s="1"/>
      <c r="H329" s="1"/>
      <c r="I329" s="1"/>
      <c r="J329" s="1"/>
      <c r="K329" s="1"/>
      <c r="L329" s="1"/>
    </row>
    <row r="330" spans="2:12" x14ac:dyDescent="0.2">
      <c r="B330" s="1"/>
      <c r="C330" s="1"/>
      <c r="D330" s="1"/>
      <c r="E330" s="1"/>
      <c r="F330" s="1"/>
      <c r="G330" s="1"/>
      <c r="H330" s="1"/>
      <c r="I330" s="1"/>
      <c r="J330" s="1"/>
      <c r="K330" s="1"/>
      <c r="L330" s="1"/>
    </row>
    <row r="331" spans="2:12" x14ac:dyDescent="0.2">
      <c r="B331" s="1"/>
      <c r="C331" s="1"/>
      <c r="D331" s="1"/>
      <c r="E331" s="1"/>
      <c r="F331" s="1"/>
      <c r="G331" s="1"/>
      <c r="H331" s="1"/>
      <c r="I331" s="1"/>
      <c r="J331" s="1"/>
      <c r="K331" s="1"/>
      <c r="L331" s="1"/>
    </row>
    <row r="332" spans="2:12" x14ac:dyDescent="0.2">
      <c r="B332" s="1"/>
      <c r="C332" s="1"/>
      <c r="D332" s="1"/>
      <c r="E332" s="1"/>
      <c r="F332" s="1"/>
      <c r="G332" s="1"/>
      <c r="H332" s="1"/>
      <c r="I332" s="1"/>
      <c r="J332" s="1"/>
      <c r="K332" s="1"/>
      <c r="L332" s="1"/>
    </row>
    <row r="333" spans="2:12" x14ac:dyDescent="0.2">
      <c r="B333" s="1"/>
      <c r="C333" s="1"/>
      <c r="D333" s="1"/>
      <c r="E333" s="1"/>
      <c r="F333" s="1"/>
      <c r="G333" s="1"/>
      <c r="H333" s="1"/>
      <c r="I333" s="1"/>
      <c r="J333" s="1"/>
      <c r="K333" s="1"/>
      <c r="L333" s="1"/>
    </row>
    <row r="334" spans="2:12" x14ac:dyDescent="0.2">
      <c r="B334" s="1"/>
      <c r="C334" s="1"/>
      <c r="D334" s="1"/>
      <c r="E334" s="1"/>
      <c r="F334" s="1"/>
      <c r="G334" s="1"/>
      <c r="H334" s="1"/>
      <c r="I334" s="1"/>
      <c r="J334" s="1"/>
      <c r="K334" s="1"/>
      <c r="L334" s="1"/>
    </row>
    <row r="335" spans="2:12" x14ac:dyDescent="0.2">
      <c r="B335" s="1"/>
      <c r="C335" s="1"/>
      <c r="D335" s="1"/>
      <c r="E335" s="1"/>
      <c r="F335" s="1"/>
      <c r="G335" s="1"/>
      <c r="H335" s="1"/>
      <c r="I335" s="1"/>
      <c r="J335" s="1"/>
      <c r="K335" s="1"/>
      <c r="L335" s="1"/>
    </row>
    <row r="336" spans="2:12" x14ac:dyDescent="0.2">
      <c r="B336" s="1"/>
      <c r="C336" s="1"/>
      <c r="D336" s="1"/>
      <c r="E336" s="1"/>
      <c r="F336" s="1"/>
      <c r="G336" s="1"/>
      <c r="H336" s="1"/>
      <c r="I336" s="1"/>
      <c r="J336" s="1"/>
      <c r="K336" s="1"/>
      <c r="L336" s="1"/>
    </row>
    <row r="337" spans="2:12" x14ac:dyDescent="0.2">
      <c r="B337" s="1"/>
      <c r="C337" s="1"/>
      <c r="D337" s="1"/>
      <c r="E337" s="1"/>
      <c r="F337" s="1"/>
      <c r="G337" s="1"/>
      <c r="H337" s="1"/>
      <c r="I337" s="1"/>
      <c r="J337" s="1"/>
      <c r="K337" s="1"/>
      <c r="L337" s="1"/>
    </row>
    <row r="338" spans="2:12" x14ac:dyDescent="0.2">
      <c r="B338" s="1"/>
      <c r="C338" s="1"/>
      <c r="D338" s="1"/>
      <c r="E338" s="1"/>
      <c r="F338" s="1"/>
      <c r="G338" s="1"/>
      <c r="H338" s="1"/>
      <c r="I338" s="1"/>
      <c r="J338" s="1"/>
      <c r="K338" s="1"/>
      <c r="L338" s="1"/>
    </row>
    <row r="339" spans="2:12" x14ac:dyDescent="0.2">
      <c r="B339" s="1"/>
      <c r="C339" s="1"/>
      <c r="D339" s="1"/>
      <c r="E339" s="1"/>
      <c r="F339" s="1"/>
      <c r="G339" s="1"/>
      <c r="H339" s="1"/>
      <c r="I339" s="1"/>
      <c r="J339" s="1"/>
      <c r="K339" s="1"/>
      <c r="L339" s="1"/>
    </row>
    <row r="340" spans="2:12" x14ac:dyDescent="0.2">
      <c r="B340" s="1"/>
      <c r="C340" s="1"/>
      <c r="D340" s="1"/>
      <c r="E340" s="1"/>
      <c r="F340" s="1"/>
      <c r="G340" s="1"/>
      <c r="H340" s="1"/>
      <c r="I340" s="1"/>
      <c r="J340" s="1"/>
      <c r="K340" s="1"/>
      <c r="L340" s="1"/>
    </row>
    <row r="341" spans="2:12" x14ac:dyDescent="0.2">
      <c r="B341" s="1"/>
      <c r="C341" s="1"/>
      <c r="D341" s="1"/>
      <c r="E341" s="1"/>
      <c r="F341" s="1"/>
      <c r="G341" s="1"/>
      <c r="H341" s="1"/>
      <c r="I341" s="1"/>
      <c r="J341" s="1"/>
      <c r="K341" s="1"/>
      <c r="L341" s="1"/>
    </row>
    <row r="342" spans="2:12" x14ac:dyDescent="0.2">
      <c r="B342" s="1"/>
      <c r="C342" s="1"/>
      <c r="D342" s="1"/>
      <c r="E342" s="1"/>
      <c r="F342" s="1"/>
      <c r="G342" s="1"/>
      <c r="H342" s="1"/>
      <c r="I342" s="1"/>
      <c r="J342" s="1"/>
      <c r="K342" s="1"/>
      <c r="L342" s="1"/>
    </row>
    <row r="343" spans="2:12" x14ac:dyDescent="0.2">
      <c r="B343" s="1"/>
      <c r="C343" s="1"/>
      <c r="D343" s="1"/>
      <c r="E343" s="1"/>
      <c r="F343" s="1"/>
      <c r="G343" s="1"/>
      <c r="H343" s="1"/>
      <c r="I343" s="1"/>
      <c r="J343" s="1"/>
      <c r="K343" s="1"/>
      <c r="L343" s="1"/>
    </row>
    <row r="344" spans="2:12" x14ac:dyDescent="0.2">
      <c r="B344" s="1"/>
      <c r="C344" s="1"/>
      <c r="D344" s="1"/>
      <c r="E344" s="1"/>
      <c r="F344" s="1"/>
      <c r="G344" s="1"/>
      <c r="H344" s="1"/>
      <c r="I344" s="1"/>
      <c r="J344" s="1"/>
      <c r="K344" s="1"/>
      <c r="L344" s="1"/>
    </row>
    <row r="345" spans="2:12" x14ac:dyDescent="0.2">
      <c r="B345" s="1"/>
      <c r="C345" s="1"/>
      <c r="D345" s="1"/>
      <c r="E345" s="1"/>
      <c r="F345" s="1"/>
      <c r="G345" s="1"/>
      <c r="H345" s="1"/>
      <c r="I345" s="1"/>
      <c r="J345" s="1"/>
      <c r="K345" s="1"/>
      <c r="L345" s="1"/>
    </row>
    <row r="346" spans="2:12" x14ac:dyDescent="0.2">
      <c r="B346" s="1"/>
      <c r="C346" s="1"/>
      <c r="D346" s="1"/>
      <c r="E346" s="1"/>
      <c r="F346" s="1"/>
      <c r="G346" s="1"/>
      <c r="H346" s="1"/>
      <c r="I346" s="1"/>
      <c r="J346" s="1"/>
      <c r="K346" s="1"/>
      <c r="L346" s="1"/>
    </row>
    <row r="347" spans="2:12" x14ac:dyDescent="0.2">
      <c r="B347" s="1"/>
      <c r="C347" s="1"/>
      <c r="D347" s="1"/>
      <c r="E347" s="1"/>
      <c r="F347" s="1"/>
      <c r="G347" s="1"/>
      <c r="H347" s="1"/>
      <c r="I347" s="1"/>
      <c r="J347" s="1"/>
      <c r="K347" s="1"/>
      <c r="L347" s="1"/>
    </row>
    <row r="348" spans="2:12" x14ac:dyDescent="0.2">
      <c r="B348" s="1"/>
      <c r="C348" s="1"/>
      <c r="D348" s="1"/>
      <c r="E348" s="1"/>
      <c r="F348" s="1"/>
      <c r="G348" s="1"/>
      <c r="H348" s="1"/>
      <c r="I348" s="1"/>
      <c r="J348" s="1"/>
      <c r="K348" s="1"/>
      <c r="L348" s="1"/>
    </row>
    <row r="349" spans="2:12" x14ac:dyDescent="0.2">
      <c r="B349" s="1"/>
      <c r="C349" s="1"/>
      <c r="D349" s="1"/>
      <c r="E349" s="1"/>
      <c r="F349" s="1"/>
      <c r="G349" s="1"/>
      <c r="H349" s="1"/>
      <c r="I349" s="1"/>
      <c r="J349" s="1"/>
      <c r="K349" s="1"/>
      <c r="L349" s="1"/>
    </row>
    <row r="350" spans="2:12" x14ac:dyDescent="0.2">
      <c r="B350" s="1"/>
      <c r="C350" s="1"/>
      <c r="D350" s="1"/>
      <c r="E350" s="1"/>
      <c r="F350" s="1"/>
      <c r="G350" s="1"/>
      <c r="H350" s="1"/>
      <c r="I350" s="1"/>
      <c r="J350" s="1"/>
      <c r="K350" s="1"/>
      <c r="L350" s="1"/>
    </row>
    <row r="351" spans="2:12" x14ac:dyDescent="0.2">
      <c r="B351" s="1"/>
      <c r="C351" s="1"/>
      <c r="D351" s="1"/>
      <c r="E351" s="1"/>
      <c r="F351" s="1"/>
      <c r="G351" s="1"/>
      <c r="H351" s="1"/>
      <c r="I351" s="1"/>
      <c r="J351" s="1"/>
      <c r="K351" s="1"/>
      <c r="L351" s="1"/>
    </row>
    <row r="352" spans="2:12" x14ac:dyDescent="0.2">
      <c r="B352" s="1"/>
      <c r="C352" s="1"/>
      <c r="D352" s="1"/>
      <c r="E352" s="1"/>
      <c r="F352" s="1"/>
      <c r="G352" s="1"/>
      <c r="H352" s="1"/>
      <c r="I352" s="1"/>
      <c r="J352" s="1"/>
      <c r="K352" s="1"/>
      <c r="L352" s="1"/>
    </row>
    <row r="353" spans="2:12" x14ac:dyDescent="0.2">
      <c r="B353" s="1"/>
      <c r="C353" s="1"/>
      <c r="D353" s="1"/>
      <c r="E353" s="1"/>
      <c r="F353" s="1"/>
      <c r="G353" s="1"/>
      <c r="H353" s="1"/>
      <c r="I353" s="1"/>
      <c r="J353" s="1"/>
      <c r="K353" s="1"/>
      <c r="L353" s="1"/>
    </row>
    <row r="354" spans="2:12" x14ac:dyDescent="0.2">
      <c r="B354" s="1"/>
      <c r="C354" s="1"/>
      <c r="D354" s="1"/>
      <c r="E354" s="1"/>
      <c r="F354" s="1"/>
      <c r="G354" s="1"/>
      <c r="H354" s="1"/>
      <c r="I354" s="1"/>
      <c r="J354" s="1"/>
      <c r="K354" s="1"/>
      <c r="L354" s="1"/>
    </row>
    <row r="355" spans="2:12" x14ac:dyDescent="0.2">
      <c r="B355" s="1"/>
      <c r="C355" s="1"/>
      <c r="D355" s="1"/>
      <c r="E355" s="1"/>
      <c r="F355" s="1"/>
      <c r="G355" s="1"/>
      <c r="H355" s="1"/>
      <c r="I355" s="1"/>
      <c r="J355" s="1"/>
      <c r="K355" s="1"/>
      <c r="L355" s="1"/>
    </row>
    <row r="356" spans="2:12" x14ac:dyDescent="0.2">
      <c r="B356" s="1"/>
      <c r="C356" s="1"/>
      <c r="D356" s="1"/>
      <c r="E356" s="1"/>
      <c r="F356" s="1"/>
      <c r="G356" s="1"/>
      <c r="H356" s="1"/>
      <c r="I356" s="1"/>
      <c r="J356" s="1"/>
      <c r="K356" s="1"/>
      <c r="L356" s="1"/>
    </row>
    <row r="357" spans="2:12" x14ac:dyDescent="0.2">
      <c r="B357" s="1"/>
      <c r="C357" s="1"/>
      <c r="D357" s="1"/>
      <c r="E357" s="1"/>
      <c r="F357" s="1"/>
      <c r="G357" s="1"/>
      <c r="H357" s="1"/>
      <c r="I357" s="1"/>
      <c r="J357" s="1"/>
      <c r="K357" s="1"/>
      <c r="L357" s="1"/>
    </row>
    <row r="358" spans="2:12" x14ac:dyDescent="0.2">
      <c r="B358" s="1"/>
      <c r="C358" s="1"/>
      <c r="D358" s="1"/>
      <c r="E358" s="1"/>
      <c r="F358" s="1"/>
      <c r="G358" s="1"/>
      <c r="H358" s="1"/>
      <c r="I358" s="1"/>
      <c r="J358" s="1"/>
      <c r="K358" s="1"/>
      <c r="L358" s="1"/>
    </row>
    <row r="359" spans="2:12" x14ac:dyDescent="0.2">
      <c r="B359" s="1"/>
      <c r="C359" s="1"/>
      <c r="D359" s="1"/>
      <c r="E359" s="1"/>
      <c r="F359" s="1"/>
      <c r="G359" s="1"/>
      <c r="H359" s="1"/>
      <c r="I359" s="1"/>
      <c r="J359" s="1"/>
      <c r="K359" s="1"/>
      <c r="L359" s="1"/>
    </row>
    <row r="360" spans="2:12" x14ac:dyDescent="0.2">
      <c r="B360" s="1"/>
      <c r="C360" s="1"/>
      <c r="D360" s="1"/>
      <c r="E360" s="1"/>
      <c r="F360" s="1"/>
      <c r="G360" s="1"/>
      <c r="H360" s="1"/>
      <c r="I360" s="1"/>
      <c r="J360" s="1"/>
      <c r="K360" s="1"/>
      <c r="L360" s="1"/>
    </row>
    <row r="361" spans="2:12" x14ac:dyDescent="0.2">
      <c r="B361" s="1"/>
      <c r="C361" s="1"/>
      <c r="D361" s="1"/>
      <c r="E361" s="1"/>
      <c r="F361" s="1"/>
      <c r="G361" s="1"/>
      <c r="H361" s="1"/>
      <c r="I361" s="1"/>
      <c r="J361" s="1"/>
      <c r="K361" s="1"/>
      <c r="L361" s="1"/>
    </row>
    <row r="362" spans="2:12" x14ac:dyDescent="0.2">
      <c r="B362" s="1"/>
      <c r="C362" s="1"/>
      <c r="D362" s="1"/>
      <c r="E362" s="1"/>
      <c r="F362" s="1"/>
      <c r="G362" s="1"/>
      <c r="H362" s="1"/>
      <c r="I362" s="1"/>
      <c r="J362" s="1"/>
      <c r="K362" s="1"/>
      <c r="L362" s="1"/>
    </row>
    <row r="363" spans="2:12" x14ac:dyDescent="0.2">
      <c r="B363" s="1"/>
      <c r="C363" s="1"/>
      <c r="D363" s="1"/>
      <c r="E363" s="1"/>
      <c r="F363" s="1"/>
      <c r="G363" s="1"/>
      <c r="H363" s="1"/>
      <c r="I363" s="1"/>
      <c r="J363" s="1"/>
      <c r="K363" s="1"/>
      <c r="L363" s="1"/>
    </row>
    <row r="364" spans="2:12" x14ac:dyDescent="0.2">
      <c r="B364" s="1"/>
      <c r="C364" s="1"/>
      <c r="D364" s="1"/>
      <c r="E364" s="1"/>
      <c r="F364" s="1"/>
      <c r="G364" s="1"/>
      <c r="H364" s="1"/>
      <c r="I364" s="1"/>
      <c r="J364" s="1"/>
      <c r="K364" s="1"/>
      <c r="L364" s="1"/>
    </row>
    <row r="365" spans="2:12" x14ac:dyDescent="0.2">
      <c r="B365" s="1"/>
      <c r="C365" s="1"/>
      <c r="D365" s="1"/>
      <c r="E365" s="1"/>
      <c r="F365" s="1"/>
      <c r="G365" s="1"/>
      <c r="H365" s="1"/>
      <c r="I365" s="1"/>
      <c r="J365" s="1"/>
      <c r="K365" s="1"/>
      <c r="L365" s="1"/>
    </row>
    <row r="366" spans="2:12" x14ac:dyDescent="0.2">
      <c r="B366" s="1"/>
      <c r="C366" s="1"/>
      <c r="D366" s="1"/>
      <c r="E366" s="1"/>
      <c r="F366" s="1"/>
      <c r="G366" s="1"/>
      <c r="H366" s="1"/>
      <c r="I366" s="1"/>
      <c r="J366" s="1"/>
      <c r="K366" s="1"/>
      <c r="L366" s="1"/>
    </row>
    <row r="367" spans="2:12" x14ac:dyDescent="0.2">
      <c r="B367" s="1"/>
      <c r="C367" s="1"/>
      <c r="D367" s="1"/>
      <c r="E367" s="1"/>
      <c r="F367" s="1"/>
      <c r="G367" s="1"/>
      <c r="H367" s="1"/>
      <c r="I367" s="1"/>
      <c r="J367" s="1"/>
      <c r="K367" s="1"/>
      <c r="L367" s="1"/>
    </row>
    <row r="368" spans="2:12" x14ac:dyDescent="0.2">
      <c r="B368" s="1"/>
      <c r="C368" s="1"/>
      <c r="D368" s="1"/>
      <c r="E368" s="1"/>
      <c r="F368" s="1"/>
      <c r="G368" s="1"/>
      <c r="H368" s="1"/>
      <c r="I368" s="1"/>
      <c r="J368" s="1"/>
      <c r="K368" s="1"/>
      <c r="L368" s="1"/>
    </row>
    <row r="369" spans="2:12" x14ac:dyDescent="0.2">
      <c r="B369" s="1"/>
      <c r="C369" s="1"/>
      <c r="D369" s="1"/>
      <c r="E369" s="1"/>
      <c r="F369" s="1"/>
      <c r="G369" s="1"/>
      <c r="H369" s="1"/>
      <c r="I369" s="1"/>
      <c r="J369" s="1"/>
      <c r="K369" s="1"/>
      <c r="L369" s="1"/>
    </row>
    <row r="370" spans="2:12" x14ac:dyDescent="0.2">
      <c r="B370" s="1"/>
      <c r="C370" s="1"/>
      <c r="D370" s="1"/>
      <c r="E370" s="1"/>
      <c r="F370" s="1"/>
      <c r="G370" s="1"/>
      <c r="H370" s="1"/>
      <c r="I370" s="1"/>
      <c r="J370" s="1"/>
      <c r="K370" s="1"/>
      <c r="L370" s="1"/>
    </row>
    <row r="371" spans="2:12" x14ac:dyDescent="0.2">
      <c r="B371" s="1"/>
      <c r="C371" s="1"/>
      <c r="D371" s="1"/>
      <c r="E371" s="1"/>
      <c r="F371" s="1"/>
      <c r="G371" s="1"/>
      <c r="H371" s="1"/>
      <c r="I371" s="1"/>
      <c r="J371" s="1"/>
      <c r="K371" s="1"/>
      <c r="L371" s="1"/>
    </row>
    <row r="372" spans="2:12" x14ac:dyDescent="0.2">
      <c r="B372" s="1"/>
      <c r="C372" s="1"/>
      <c r="D372" s="1"/>
      <c r="E372" s="1"/>
      <c r="F372" s="1"/>
      <c r="G372" s="1"/>
      <c r="H372" s="1"/>
      <c r="I372" s="1"/>
      <c r="J372" s="1"/>
      <c r="K372" s="1"/>
      <c r="L372" s="1"/>
    </row>
    <row r="373" spans="2:12" x14ac:dyDescent="0.2">
      <c r="B373" s="1"/>
      <c r="C373" s="1"/>
      <c r="D373" s="1"/>
      <c r="E373" s="1"/>
      <c r="F373" s="1"/>
      <c r="G373" s="1"/>
      <c r="H373" s="1"/>
      <c r="I373" s="1"/>
      <c r="J373" s="1"/>
      <c r="K373" s="1"/>
      <c r="L373" s="1"/>
    </row>
    <row r="374" spans="2:12" x14ac:dyDescent="0.2">
      <c r="B374" s="1"/>
      <c r="C374" s="1"/>
      <c r="D374" s="1"/>
      <c r="E374" s="1"/>
      <c r="F374" s="1"/>
      <c r="G374" s="1"/>
      <c r="H374" s="1"/>
      <c r="I374" s="1"/>
      <c r="J374" s="1"/>
      <c r="K374" s="1"/>
      <c r="L374" s="1"/>
    </row>
    <row r="375" spans="2:12" x14ac:dyDescent="0.2">
      <c r="B375" s="1"/>
      <c r="C375" s="1"/>
      <c r="D375" s="1"/>
      <c r="E375" s="1"/>
      <c r="F375" s="1"/>
      <c r="G375" s="1"/>
      <c r="H375" s="1"/>
      <c r="I375" s="1"/>
      <c r="J375" s="1"/>
      <c r="K375" s="1"/>
      <c r="L375" s="1"/>
    </row>
    <row r="376" spans="2:12" x14ac:dyDescent="0.2">
      <c r="B376" s="1"/>
      <c r="C376" s="1"/>
      <c r="D376" s="1"/>
      <c r="E376" s="1"/>
      <c r="F376" s="1"/>
      <c r="G376" s="1"/>
      <c r="H376" s="1"/>
      <c r="I376" s="1"/>
      <c r="J376" s="1"/>
      <c r="K376" s="1"/>
      <c r="L376" s="1"/>
    </row>
    <row r="377" spans="2:12" x14ac:dyDescent="0.2">
      <c r="B377" s="1"/>
      <c r="C377" s="1"/>
      <c r="D377" s="1"/>
      <c r="E377" s="1"/>
      <c r="F377" s="1"/>
      <c r="G377" s="1"/>
      <c r="H377" s="1"/>
      <c r="I377" s="1"/>
      <c r="J377" s="1"/>
      <c r="K377" s="1"/>
      <c r="L377" s="1"/>
    </row>
    <row r="378" spans="2:12" x14ac:dyDescent="0.2">
      <c r="B378" s="1"/>
      <c r="C378" s="1"/>
      <c r="D378" s="1"/>
      <c r="E378" s="1"/>
      <c r="F378" s="1"/>
      <c r="G378" s="1"/>
      <c r="H378" s="1"/>
      <c r="I378" s="1"/>
      <c r="J378" s="1"/>
      <c r="K378" s="1"/>
      <c r="L378" s="1"/>
    </row>
    <row r="379" spans="2:12" x14ac:dyDescent="0.2">
      <c r="B379" s="1"/>
      <c r="C379" s="1"/>
      <c r="D379" s="1"/>
      <c r="E379" s="1"/>
      <c r="F379" s="1"/>
      <c r="G379" s="1"/>
      <c r="H379" s="1"/>
      <c r="I379" s="1"/>
      <c r="J379" s="1"/>
      <c r="K379" s="1"/>
      <c r="L379" s="1"/>
    </row>
    <row r="380" spans="2:12" x14ac:dyDescent="0.2">
      <c r="B380" s="1"/>
      <c r="C380" s="1"/>
      <c r="D380" s="1"/>
      <c r="E380" s="1"/>
      <c r="F380" s="1"/>
      <c r="G380" s="1"/>
      <c r="H380" s="1"/>
      <c r="I380" s="1"/>
      <c r="J380" s="1"/>
      <c r="K380" s="1"/>
      <c r="L380" s="1"/>
    </row>
    <row r="381" spans="2:12" x14ac:dyDescent="0.2">
      <c r="B381" s="1"/>
      <c r="C381" s="1"/>
      <c r="D381" s="1"/>
      <c r="E381" s="1"/>
      <c r="F381" s="1"/>
      <c r="G381" s="1"/>
      <c r="H381" s="1"/>
      <c r="I381" s="1"/>
      <c r="J381" s="1"/>
      <c r="K381" s="1"/>
      <c r="L381" s="1"/>
    </row>
    <row r="382" spans="2:12" x14ac:dyDescent="0.2">
      <c r="B382" s="1"/>
      <c r="C382" s="1"/>
      <c r="D382" s="1"/>
      <c r="E382" s="1"/>
      <c r="F382" s="1"/>
      <c r="G382" s="1"/>
      <c r="H382" s="1"/>
      <c r="I382" s="1"/>
      <c r="J382" s="1"/>
      <c r="K382" s="1"/>
      <c r="L382" s="1"/>
    </row>
    <row r="383" spans="2:12" x14ac:dyDescent="0.2">
      <c r="B383" s="1"/>
      <c r="C383" s="1"/>
      <c r="D383" s="1"/>
      <c r="E383" s="1"/>
      <c r="F383" s="1"/>
      <c r="G383" s="1"/>
      <c r="H383" s="1"/>
      <c r="I383" s="1"/>
      <c r="J383" s="1"/>
      <c r="K383" s="1"/>
      <c r="L383" s="1"/>
    </row>
    <row r="384" spans="2:12" x14ac:dyDescent="0.2">
      <c r="B384" s="1"/>
      <c r="C384" s="1"/>
      <c r="D384" s="1"/>
      <c r="E384" s="1"/>
      <c r="F384" s="1"/>
      <c r="G384" s="1"/>
      <c r="H384" s="1"/>
      <c r="I384" s="1"/>
      <c r="J384" s="1"/>
      <c r="K384" s="1"/>
      <c r="L384" s="1"/>
    </row>
    <row r="385" spans="2:12" x14ac:dyDescent="0.2">
      <c r="B385" s="1"/>
      <c r="C385" s="1"/>
      <c r="D385" s="1"/>
      <c r="E385" s="1"/>
      <c r="F385" s="1"/>
      <c r="G385" s="1"/>
      <c r="H385" s="1"/>
      <c r="I385" s="1"/>
      <c r="J385" s="1"/>
      <c r="K385" s="1"/>
      <c r="L385" s="1"/>
    </row>
    <row r="386" spans="2:12" x14ac:dyDescent="0.2">
      <c r="B386" s="1"/>
      <c r="C386" s="1"/>
      <c r="D386" s="1"/>
      <c r="E386" s="1"/>
      <c r="F386" s="1"/>
      <c r="G386" s="1"/>
      <c r="H386" s="1"/>
      <c r="I386" s="1"/>
      <c r="J386" s="1"/>
      <c r="K386" s="1"/>
      <c r="L386" s="1"/>
    </row>
    <row r="387" spans="2:12" x14ac:dyDescent="0.2">
      <c r="B387" s="1"/>
      <c r="C387" s="1"/>
      <c r="D387" s="1"/>
      <c r="E387" s="1"/>
      <c r="F387" s="1"/>
      <c r="G387" s="1"/>
      <c r="H387" s="1"/>
      <c r="I387" s="1"/>
      <c r="J387" s="1"/>
      <c r="K387" s="1"/>
      <c r="L387" s="1"/>
    </row>
    <row r="388" spans="2:12" x14ac:dyDescent="0.2">
      <c r="B388" s="1"/>
      <c r="C388" s="1"/>
      <c r="D388" s="1"/>
      <c r="E388" s="1"/>
      <c r="F388" s="1"/>
      <c r="G388" s="1"/>
      <c r="H388" s="1"/>
      <c r="I388" s="1"/>
      <c r="J388" s="1"/>
      <c r="K388" s="1"/>
      <c r="L388" s="1"/>
    </row>
    <row r="389" spans="2:12" x14ac:dyDescent="0.2">
      <c r="B389" s="1"/>
      <c r="C389" s="1"/>
      <c r="D389" s="1"/>
      <c r="E389" s="1"/>
      <c r="F389" s="1"/>
      <c r="G389" s="1"/>
      <c r="H389" s="1"/>
      <c r="I389" s="1"/>
      <c r="J389" s="1"/>
      <c r="K389" s="1"/>
      <c r="L389" s="1"/>
    </row>
    <row r="390" spans="2:12" x14ac:dyDescent="0.2">
      <c r="B390" s="1"/>
      <c r="C390" s="1"/>
      <c r="D390" s="1"/>
      <c r="E390" s="1"/>
      <c r="F390" s="1"/>
      <c r="G390" s="1"/>
      <c r="H390" s="1"/>
      <c r="I390" s="1"/>
      <c r="J390" s="1"/>
      <c r="K390" s="1"/>
      <c r="L390" s="1"/>
    </row>
    <row r="391" spans="2:12" x14ac:dyDescent="0.2">
      <c r="B391" s="1"/>
      <c r="C391" s="1"/>
      <c r="D391" s="1"/>
      <c r="E391" s="1"/>
      <c r="F391" s="1"/>
      <c r="G391" s="1"/>
      <c r="H391" s="1"/>
      <c r="I391" s="1"/>
      <c r="J391" s="1"/>
      <c r="K391" s="1"/>
      <c r="L391" s="1"/>
    </row>
    <row r="392" spans="2:12" x14ac:dyDescent="0.2">
      <c r="B392" s="1"/>
      <c r="C392" s="1"/>
      <c r="D392" s="1"/>
      <c r="E392" s="1"/>
      <c r="F392" s="1"/>
      <c r="G392" s="1"/>
      <c r="H392" s="1"/>
      <c r="I392" s="1"/>
      <c r="J392" s="1"/>
      <c r="K392" s="1"/>
      <c r="L392" s="1"/>
    </row>
    <row r="393" spans="2:12" x14ac:dyDescent="0.2">
      <c r="B393" s="1"/>
      <c r="C393" s="1"/>
      <c r="D393" s="1"/>
      <c r="E393" s="1"/>
      <c r="F393" s="1"/>
      <c r="G393" s="1"/>
      <c r="H393" s="1"/>
      <c r="I393" s="1"/>
      <c r="J393" s="1"/>
      <c r="K393" s="1"/>
      <c r="L393" s="1"/>
    </row>
    <row r="394" spans="2:12" x14ac:dyDescent="0.2">
      <c r="B394" s="1"/>
      <c r="C394" s="1"/>
      <c r="D394" s="1"/>
      <c r="E394" s="1"/>
      <c r="F394" s="1"/>
      <c r="G394" s="1"/>
      <c r="H394" s="1"/>
      <c r="I394" s="1"/>
      <c r="J394" s="1"/>
      <c r="K394" s="1"/>
      <c r="L394" s="1"/>
    </row>
    <row r="395" spans="2:12" x14ac:dyDescent="0.2">
      <c r="B395" s="1"/>
      <c r="C395" s="1"/>
      <c r="D395" s="1"/>
      <c r="E395" s="1"/>
      <c r="F395" s="1"/>
      <c r="G395" s="1"/>
      <c r="H395" s="1"/>
      <c r="I395" s="1"/>
      <c r="J395" s="1"/>
      <c r="K395" s="1"/>
      <c r="L395" s="1"/>
    </row>
    <row r="396" spans="2:12" x14ac:dyDescent="0.2">
      <c r="B396" s="1"/>
      <c r="C396" s="1"/>
      <c r="D396" s="1"/>
      <c r="E396" s="1"/>
      <c r="F396" s="1"/>
      <c r="G396" s="1"/>
      <c r="H396" s="1"/>
      <c r="I396" s="1"/>
      <c r="J396" s="1"/>
      <c r="K396" s="1"/>
      <c r="L396" s="1"/>
    </row>
    <row r="397" spans="2:12" x14ac:dyDescent="0.2">
      <c r="B397" s="1"/>
      <c r="C397" s="1"/>
      <c r="D397" s="1"/>
      <c r="E397" s="1"/>
      <c r="F397" s="1"/>
      <c r="G397" s="1"/>
      <c r="H397" s="1"/>
      <c r="I397" s="1"/>
      <c r="J397" s="1"/>
      <c r="K397" s="1"/>
      <c r="L397" s="1"/>
    </row>
    <row r="398" spans="2:12" x14ac:dyDescent="0.2">
      <c r="B398" s="1"/>
      <c r="C398" s="1"/>
      <c r="D398" s="1"/>
      <c r="E398" s="1"/>
      <c r="F398" s="1"/>
      <c r="G398" s="1"/>
      <c r="H398" s="1"/>
      <c r="I398" s="1"/>
      <c r="J398" s="1"/>
      <c r="K398" s="1"/>
      <c r="L398" s="1"/>
    </row>
    <row r="399" spans="2:12" x14ac:dyDescent="0.2">
      <c r="B399" s="1"/>
      <c r="C399" s="1"/>
      <c r="D399" s="1"/>
      <c r="E399" s="1"/>
      <c r="F399" s="1"/>
      <c r="G399" s="1"/>
      <c r="H399" s="1"/>
      <c r="I399" s="1"/>
      <c r="J399" s="1"/>
      <c r="K399" s="1"/>
      <c r="L399" s="1"/>
    </row>
    <row r="400" spans="2:12" x14ac:dyDescent="0.2">
      <c r="B400" s="1"/>
      <c r="C400" s="1"/>
      <c r="D400" s="1"/>
      <c r="E400" s="1"/>
      <c r="F400" s="1"/>
      <c r="G400" s="1"/>
      <c r="H400" s="1"/>
      <c r="I400" s="1"/>
      <c r="J400" s="1"/>
      <c r="K400" s="1"/>
      <c r="L400" s="1"/>
    </row>
    <row r="401" spans="2:12" x14ac:dyDescent="0.2">
      <c r="B401" s="1"/>
      <c r="C401" s="1"/>
      <c r="D401" s="1"/>
      <c r="E401" s="1"/>
      <c r="F401" s="1"/>
      <c r="G401" s="1"/>
      <c r="H401" s="1"/>
      <c r="I401" s="1"/>
      <c r="J401" s="1"/>
      <c r="K401" s="1"/>
      <c r="L401" s="1"/>
    </row>
    <row r="402" spans="2:12" x14ac:dyDescent="0.2">
      <c r="B402" s="1"/>
      <c r="C402" s="1"/>
      <c r="D402" s="1"/>
      <c r="E402" s="1"/>
      <c r="F402" s="1"/>
      <c r="G402" s="1"/>
      <c r="H402" s="1"/>
      <c r="I402" s="1"/>
      <c r="J402" s="1"/>
      <c r="K402" s="1"/>
      <c r="L402" s="1"/>
    </row>
    <row r="403" spans="2:12" x14ac:dyDescent="0.2">
      <c r="B403" s="1"/>
      <c r="C403" s="1"/>
      <c r="D403" s="1"/>
      <c r="E403" s="1"/>
      <c r="F403" s="1"/>
      <c r="G403" s="1"/>
      <c r="H403" s="1"/>
      <c r="I403" s="1"/>
      <c r="J403" s="1"/>
      <c r="K403" s="1"/>
      <c r="L403" s="1"/>
    </row>
    <row r="404" spans="2:12" x14ac:dyDescent="0.2">
      <c r="B404" s="1"/>
      <c r="C404" s="1"/>
      <c r="D404" s="1"/>
      <c r="E404" s="1"/>
      <c r="F404" s="1"/>
      <c r="G404" s="1"/>
      <c r="H404" s="1"/>
      <c r="I404" s="1"/>
      <c r="J404" s="1"/>
      <c r="K404" s="1"/>
      <c r="L404" s="1"/>
    </row>
    <row r="405" spans="2:12" x14ac:dyDescent="0.2">
      <c r="B405" s="1"/>
      <c r="C405" s="1"/>
      <c r="D405" s="1"/>
      <c r="E405" s="1"/>
      <c r="F405" s="1"/>
      <c r="G405" s="1"/>
      <c r="H405" s="1"/>
      <c r="I405" s="1"/>
      <c r="J405" s="1"/>
      <c r="K405" s="1"/>
      <c r="L405" s="1"/>
    </row>
    <row r="406" spans="2:12" x14ac:dyDescent="0.2">
      <c r="B406" s="1"/>
      <c r="C406" s="1"/>
      <c r="D406" s="1"/>
      <c r="E406" s="1"/>
      <c r="F406" s="1"/>
      <c r="G406" s="1"/>
      <c r="H406" s="1"/>
      <c r="I406" s="1"/>
      <c r="J406" s="1"/>
      <c r="K406" s="1"/>
      <c r="L406" s="1"/>
    </row>
    <row r="407" spans="2:12" x14ac:dyDescent="0.2">
      <c r="B407" s="1"/>
      <c r="C407" s="1"/>
      <c r="D407" s="1"/>
      <c r="E407" s="1"/>
      <c r="F407" s="1"/>
      <c r="G407" s="1"/>
      <c r="H407" s="1"/>
      <c r="I407" s="1"/>
      <c r="J407" s="1"/>
      <c r="K407" s="1"/>
      <c r="L407" s="1"/>
    </row>
    <row r="408" spans="2:12" x14ac:dyDescent="0.2">
      <c r="B408" s="1"/>
      <c r="C408" s="1"/>
      <c r="D408" s="1"/>
      <c r="E408" s="1"/>
      <c r="F408" s="1"/>
      <c r="G408" s="1"/>
      <c r="H408" s="1"/>
      <c r="I408" s="1"/>
      <c r="J408" s="1"/>
      <c r="K408" s="1"/>
      <c r="L408" s="1"/>
    </row>
    <row r="409" spans="2:12" x14ac:dyDescent="0.2">
      <c r="B409" s="1"/>
      <c r="C409" s="1"/>
      <c r="D409" s="1"/>
      <c r="E409" s="1"/>
      <c r="F409" s="1"/>
      <c r="G409" s="1"/>
      <c r="H409" s="1"/>
      <c r="I409" s="1"/>
      <c r="J409" s="1"/>
      <c r="K409" s="1"/>
      <c r="L409" s="1"/>
    </row>
    <row r="410" spans="2:12" x14ac:dyDescent="0.2">
      <c r="B410" s="1"/>
      <c r="C410" s="1"/>
      <c r="D410" s="1"/>
      <c r="E410" s="1"/>
      <c r="F410" s="1"/>
      <c r="G410" s="1"/>
      <c r="H410" s="1"/>
      <c r="I410" s="1"/>
      <c r="J410" s="1"/>
      <c r="K410" s="1"/>
      <c r="L410" s="1"/>
    </row>
    <row r="411" spans="2:12" x14ac:dyDescent="0.2">
      <c r="B411" s="1"/>
      <c r="C411" s="1"/>
      <c r="D411" s="1"/>
      <c r="E411" s="1"/>
      <c r="F411" s="1"/>
      <c r="G411" s="1"/>
      <c r="H411" s="1"/>
      <c r="I411" s="1"/>
      <c r="J411" s="1"/>
      <c r="K411" s="1"/>
      <c r="L411" s="1"/>
    </row>
    <row r="412" spans="2:12" x14ac:dyDescent="0.2">
      <c r="B412" s="1"/>
      <c r="C412" s="1"/>
      <c r="D412" s="1"/>
      <c r="E412" s="1"/>
      <c r="F412" s="1"/>
      <c r="G412" s="1"/>
      <c r="H412" s="1"/>
      <c r="I412" s="1"/>
      <c r="J412" s="1"/>
      <c r="K412" s="1"/>
      <c r="L412" s="1"/>
    </row>
    <row r="413" spans="2:12" x14ac:dyDescent="0.2">
      <c r="B413" s="1"/>
      <c r="C413" s="1"/>
      <c r="D413" s="1"/>
      <c r="E413" s="1"/>
      <c r="F413" s="1"/>
      <c r="G413" s="1"/>
      <c r="H413" s="1"/>
      <c r="I413" s="1"/>
      <c r="J413" s="1"/>
      <c r="K413" s="1"/>
      <c r="L413" s="1"/>
    </row>
    <row r="414" spans="2:12" x14ac:dyDescent="0.2">
      <c r="B414" s="1"/>
      <c r="C414" s="1"/>
      <c r="D414" s="1"/>
      <c r="E414" s="1"/>
      <c r="F414" s="1"/>
      <c r="G414" s="1"/>
      <c r="H414" s="1"/>
      <c r="I414" s="1"/>
      <c r="J414" s="1"/>
      <c r="K414" s="1"/>
      <c r="L414" s="1"/>
    </row>
    <row r="415" spans="2:12" x14ac:dyDescent="0.2">
      <c r="B415" s="1"/>
      <c r="C415" s="1"/>
      <c r="D415" s="1"/>
      <c r="E415" s="1"/>
      <c r="F415" s="1"/>
      <c r="G415" s="1"/>
      <c r="H415" s="1"/>
      <c r="I415" s="1"/>
      <c r="J415" s="1"/>
      <c r="K415" s="1"/>
      <c r="L415" s="1"/>
    </row>
    <row r="416" spans="2:12" x14ac:dyDescent="0.2">
      <c r="B416" s="1"/>
      <c r="C416" s="1"/>
      <c r="D416" s="1"/>
      <c r="E416" s="1"/>
      <c r="F416" s="1"/>
      <c r="G416" s="1"/>
      <c r="H416" s="1"/>
      <c r="I416" s="1"/>
      <c r="J416" s="1"/>
      <c r="K416" s="1"/>
      <c r="L416" s="1"/>
    </row>
    <row r="417" spans="2:12" x14ac:dyDescent="0.2">
      <c r="B417" s="1"/>
      <c r="C417" s="1"/>
      <c r="D417" s="1"/>
      <c r="E417" s="1"/>
      <c r="F417" s="1"/>
      <c r="G417" s="1"/>
      <c r="H417" s="1"/>
      <c r="I417" s="1"/>
      <c r="J417" s="1"/>
      <c r="K417" s="1"/>
      <c r="L417" s="1"/>
    </row>
    <row r="418" spans="2:12" x14ac:dyDescent="0.2">
      <c r="B418" s="1"/>
      <c r="C418" s="1"/>
      <c r="D418" s="1"/>
      <c r="E418" s="1"/>
      <c r="F418" s="1"/>
      <c r="G418" s="1"/>
      <c r="H418" s="1"/>
      <c r="I418" s="1"/>
      <c r="J418" s="1"/>
      <c r="K418" s="1"/>
      <c r="L418" s="1"/>
    </row>
    <row r="419" spans="2:12" x14ac:dyDescent="0.2">
      <c r="B419" s="1"/>
      <c r="C419" s="1"/>
      <c r="D419" s="1"/>
      <c r="E419" s="1"/>
      <c r="F419" s="1"/>
      <c r="G419" s="1"/>
      <c r="H419" s="1"/>
      <c r="I419" s="1"/>
      <c r="J419" s="1"/>
      <c r="K419" s="1"/>
      <c r="L419" s="1"/>
    </row>
    <row r="420" spans="2:12" x14ac:dyDescent="0.2">
      <c r="B420" s="1"/>
      <c r="C420" s="1"/>
      <c r="D420" s="1"/>
      <c r="E420" s="1"/>
      <c r="F420" s="1"/>
      <c r="G420" s="1"/>
      <c r="H420" s="1"/>
      <c r="I420" s="1"/>
      <c r="J420" s="1"/>
      <c r="K420" s="1"/>
      <c r="L420" s="1"/>
    </row>
    <row r="421" spans="2:12" x14ac:dyDescent="0.2">
      <c r="B421" s="1"/>
      <c r="C421" s="1"/>
      <c r="D421" s="1"/>
      <c r="E421" s="1"/>
      <c r="F421" s="1"/>
      <c r="G421" s="1"/>
      <c r="H421" s="1"/>
      <c r="I421" s="1"/>
      <c r="J421" s="1"/>
      <c r="K421" s="1"/>
      <c r="L421" s="1"/>
    </row>
    <row r="422" spans="2:12" x14ac:dyDescent="0.2">
      <c r="B422" s="1"/>
      <c r="C422" s="1"/>
      <c r="D422" s="1"/>
      <c r="E422" s="1"/>
      <c r="F422" s="1"/>
      <c r="G422" s="1"/>
      <c r="H422" s="1"/>
      <c r="I422" s="1"/>
      <c r="J422" s="1"/>
      <c r="K422" s="1"/>
      <c r="L422" s="1"/>
    </row>
    <row r="423" spans="2:12" x14ac:dyDescent="0.2">
      <c r="B423" s="1"/>
      <c r="C423" s="1"/>
      <c r="D423" s="1"/>
      <c r="E423" s="1"/>
      <c r="F423" s="1"/>
      <c r="G423" s="1"/>
      <c r="H423" s="1"/>
      <c r="I423" s="1"/>
      <c r="J423" s="1"/>
      <c r="K423" s="1"/>
      <c r="L423" s="1"/>
    </row>
    <row r="424" spans="2:12" x14ac:dyDescent="0.2">
      <c r="B424" s="1"/>
      <c r="C424" s="1"/>
      <c r="D424" s="1"/>
      <c r="E424" s="1"/>
      <c r="F424" s="1"/>
      <c r="G424" s="1"/>
      <c r="H424" s="1"/>
      <c r="I424" s="1"/>
      <c r="J424" s="1"/>
      <c r="K424" s="1"/>
      <c r="L424" s="1"/>
    </row>
    <row r="425" spans="2:12" x14ac:dyDescent="0.2">
      <c r="B425" s="1"/>
      <c r="C425" s="1"/>
      <c r="D425" s="1"/>
      <c r="E425" s="1"/>
      <c r="F425" s="1"/>
      <c r="G425" s="1"/>
      <c r="H425" s="1"/>
      <c r="I425" s="1"/>
      <c r="J425" s="1"/>
      <c r="K425" s="1"/>
      <c r="L425" s="1"/>
    </row>
    <row r="426" spans="2:12" x14ac:dyDescent="0.2">
      <c r="B426" s="1"/>
      <c r="C426" s="1"/>
      <c r="D426" s="1"/>
      <c r="E426" s="1"/>
      <c r="F426" s="1"/>
      <c r="G426" s="1"/>
      <c r="H426" s="1"/>
      <c r="I426" s="1"/>
      <c r="J426" s="1"/>
      <c r="K426" s="1"/>
      <c r="L426" s="1"/>
    </row>
    <row r="427" spans="2:12" x14ac:dyDescent="0.2">
      <c r="B427" s="1"/>
      <c r="C427" s="1"/>
      <c r="D427" s="1"/>
      <c r="E427" s="1"/>
      <c r="F427" s="1"/>
      <c r="G427" s="1"/>
      <c r="H427" s="1"/>
      <c r="I427" s="1"/>
      <c r="J427" s="1"/>
      <c r="K427" s="1"/>
      <c r="L427" s="1"/>
    </row>
    <row r="428" spans="2:12" x14ac:dyDescent="0.2">
      <c r="B428" s="1"/>
      <c r="C428" s="1"/>
      <c r="D428" s="1"/>
      <c r="E428" s="1"/>
      <c r="F428" s="1"/>
      <c r="G428" s="1"/>
      <c r="H428" s="1"/>
      <c r="I428" s="1"/>
      <c r="J428" s="1"/>
      <c r="K428" s="1"/>
      <c r="L428" s="1"/>
    </row>
    <row r="429" spans="2:12" x14ac:dyDescent="0.2">
      <c r="B429" s="1"/>
      <c r="C429" s="1"/>
      <c r="D429" s="1"/>
      <c r="E429" s="1"/>
      <c r="F429" s="1"/>
      <c r="G429" s="1"/>
      <c r="H429" s="1"/>
      <c r="I429" s="1"/>
      <c r="J429" s="1"/>
      <c r="K429" s="1"/>
      <c r="L429" s="1"/>
    </row>
    <row r="430" spans="2:12" x14ac:dyDescent="0.2">
      <c r="B430" s="1"/>
      <c r="C430" s="1"/>
      <c r="D430" s="1"/>
      <c r="E430" s="1"/>
      <c r="F430" s="1"/>
      <c r="G430" s="1"/>
      <c r="H430" s="1"/>
      <c r="I430" s="1"/>
      <c r="J430" s="1"/>
      <c r="K430" s="1"/>
      <c r="L430" s="1"/>
    </row>
    <row r="431" spans="2:12" x14ac:dyDescent="0.2">
      <c r="B431" s="1"/>
      <c r="C431" s="1"/>
      <c r="D431" s="1"/>
      <c r="E431" s="1"/>
      <c r="F431" s="1"/>
      <c r="G431" s="1"/>
      <c r="H431" s="1"/>
      <c r="I431" s="1"/>
      <c r="J431" s="1"/>
      <c r="K431" s="1"/>
      <c r="L431" s="1"/>
    </row>
    <row r="432" spans="2:12" x14ac:dyDescent="0.2">
      <c r="B432" s="1"/>
      <c r="C432" s="1"/>
      <c r="D432" s="1"/>
      <c r="E432" s="1"/>
      <c r="F432" s="1"/>
      <c r="G432" s="1"/>
      <c r="H432" s="1"/>
      <c r="I432" s="1"/>
      <c r="J432" s="1"/>
      <c r="K432" s="1"/>
      <c r="L432" s="1"/>
    </row>
    <row r="433" spans="2:12" x14ac:dyDescent="0.2">
      <c r="B433" s="1"/>
      <c r="C433" s="1"/>
      <c r="D433" s="1"/>
      <c r="E433" s="1"/>
      <c r="F433" s="1"/>
      <c r="G433" s="1"/>
      <c r="H433" s="1"/>
      <c r="I433" s="1"/>
      <c r="J433" s="1"/>
      <c r="K433" s="1"/>
      <c r="L433" s="1"/>
    </row>
    <row r="434" spans="2:12" x14ac:dyDescent="0.2">
      <c r="B434" s="1"/>
      <c r="C434" s="1"/>
      <c r="D434" s="1"/>
      <c r="E434" s="1"/>
      <c r="F434" s="1"/>
      <c r="G434" s="1"/>
      <c r="H434" s="1"/>
      <c r="I434" s="1"/>
      <c r="J434" s="1"/>
      <c r="K434" s="1"/>
      <c r="L434" s="1"/>
    </row>
    <row r="435" spans="2:12" x14ac:dyDescent="0.2">
      <c r="B435" s="1"/>
      <c r="C435" s="1"/>
      <c r="D435" s="1"/>
      <c r="E435" s="1"/>
      <c r="F435" s="1"/>
      <c r="G435" s="1"/>
      <c r="H435" s="1"/>
      <c r="I435" s="1"/>
      <c r="J435" s="1"/>
      <c r="K435" s="1"/>
      <c r="L435" s="1"/>
    </row>
    <row r="436" spans="2:12" x14ac:dyDescent="0.2">
      <c r="B436" s="1"/>
      <c r="C436" s="1"/>
      <c r="D436" s="1"/>
      <c r="E436" s="1"/>
      <c r="F436" s="1"/>
      <c r="G436" s="1"/>
      <c r="H436" s="1"/>
      <c r="I436" s="1"/>
      <c r="J436" s="1"/>
      <c r="K436" s="1"/>
      <c r="L436" s="1"/>
    </row>
    <row r="437" spans="2:12" x14ac:dyDescent="0.2">
      <c r="B437" s="1"/>
      <c r="C437" s="1"/>
      <c r="D437" s="1"/>
      <c r="E437" s="1"/>
      <c r="F437" s="1"/>
      <c r="G437" s="1"/>
      <c r="H437" s="1"/>
      <c r="I437" s="1"/>
      <c r="J437" s="1"/>
      <c r="K437" s="1"/>
      <c r="L437" s="1"/>
    </row>
    <row r="438" spans="2:12" x14ac:dyDescent="0.2">
      <c r="B438" s="1"/>
      <c r="C438" s="1"/>
      <c r="D438" s="1"/>
      <c r="E438" s="1"/>
      <c r="F438" s="1"/>
      <c r="G438" s="1"/>
      <c r="H438" s="1"/>
      <c r="I438" s="1"/>
      <c r="J438" s="1"/>
      <c r="K438" s="1"/>
      <c r="L438" s="1"/>
    </row>
    <row r="439" spans="2:12" x14ac:dyDescent="0.2">
      <c r="B439" s="1"/>
      <c r="C439" s="1"/>
      <c r="D439" s="1"/>
      <c r="E439" s="1"/>
      <c r="F439" s="1"/>
      <c r="G439" s="1"/>
      <c r="H439" s="1"/>
      <c r="I439" s="1"/>
      <c r="J439" s="1"/>
      <c r="K439" s="1"/>
      <c r="L439" s="1"/>
    </row>
    <row r="440" spans="2:12" x14ac:dyDescent="0.2">
      <c r="B440" s="1"/>
      <c r="C440" s="1"/>
      <c r="D440" s="1"/>
      <c r="E440" s="1"/>
      <c r="F440" s="1"/>
      <c r="G440" s="1"/>
      <c r="H440" s="1"/>
      <c r="I440" s="1"/>
      <c r="J440" s="1"/>
      <c r="K440" s="1"/>
      <c r="L440" s="1"/>
    </row>
    <row r="441" spans="2:12" x14ac:dyDescent="0.2">
      <c r="B441" s="1"/>
      <c r="C441" s="1"/>
      <c r="D441" s="1"/>
      <c r="E441" s="1"/>
      <c r="F441" s="1"/>
      <c r="G441" s="1"/>
      <c r="H441" s="1"/>
      <c r="I441" s="1"/>
      <c r="J441" s="1"/>
      <c r="K441" s="1"/>
      <c r="L441" s="1"/>
    </row>
    <row r="442" spans="2:12" x14ac:dyDescent="0.2">
      <c r="B442" s="1"/>
      <c r="C442" s="1"/>
      <c r="D442" s="1"/>
      <c r="E442" s="1"/>
      <c r="F442" s="1"/>
      <c r="G442" s="1"/>
      <c r="H442" s="1"/>
      <c r="I442" s="1"/>
      <c r="J442" s="1"/>
      <c r="K442" s="1"/>
      <c r="L442" s="1"/>
    </row>
    <row r="443" spans="2:12" x14ac:dyDescent="0.2">
      <c r="B443" s="1"/>
      <c r="C443" s="1"/>
      <c r="D443" s="1"/>
      <c r="E443" s="1"/>
      <c r="F443" s="1"/>
      <c r="G443" s="1"/>
      <c r="H443" s="1"/>
      <c r="I443" s="1"/>
      <c r="J443" s="1"/>
      <c r="K443" s="1"/>
      <c r="L443" s="1"/>
    </row>
    <row r="444" spans="2:12" x14ac:dyDescent="0.2">
      <c r="B444" s="1"/>
      <c r="C444" s="1"/>
      <c r="D444" s="1"/>
      <c r="E444" s="1"/>
      <c r="F444" s="1"/>
      <c r="G444" s="1"/>
      <c r="H444" s="1"/>
      <c r="I444" s="1"/>
      <c r="J444" s="1"/>
      <c r="K444" s="1"/>
      <c r="L444" s="1"/>
    </row>
    <row r="445" spans="2:12" x14ac:dyDescent="0.2">
      <c r="B445" s="1"/>
      <c r="C445" s="1"/>
      <c r="D445" s="1"/>
      <c r="E445" s="1"/>
      <c r="F445" s="1"/>
      <c r="G445" s="1"/>
      <c r="H445" s="1"/>
      <c r="I445" s="1"/>
      <c r="J445" s="1"/>
      <c r="K445" s="1"/>
      <c r="L445" s="1"/>
    </row>
    <row r="446" spans="2:12" x14ac:dyDescent="0.2">
      <c r="B446" s="1"/>
      <c r="C446" s="1"/>
      <c r="D446" s="1"/>
      <c r="E446" s="1"/>
      <c r="F446" s="1"/>
      <c r="G446" s="1"/>
      <c r="H446" s="1"/>
      <c r="I446" s="1"/>
      <c r="J446" s="1"/>
      <c r="K446" s="1"/>
      <c r="L446" s="1"/>
    </row>
    <row r="447" spans="2:12" x14ac:dyDescent="0.2">
      <c r="B447" s="1"/>
      <c r="C447" s="1"/>
      <c r="D447" s="1"/>
      <c r="E447" s="1"/>
      <c r="F447" s="1"/>
      <c r="G447" s="1"/>
      <c r="H447" s="1"/>
      <c r="I447" s="1"/>
      <c r="J447" s="1"/>
      <c r="K447" s="1"/>
      <c r="L447" s="1"/>
    </row>
    <row r="448" spans="2:12" x14ac:dyDescent="0.2">
      <c r="B448" s="1"/>
      <c r="C448" s="1"/>
      <c r="D448" s="1"/>
      <c r="E448" s="1"/>
      <c r="F448" s="1"/>
      <c r="G448" s="1"/>
      <c r="H448" s="1"/>
      <c r="I448" s="1"/>
      <c r="J448" s="1"/>
      <c r="K448" s="1"/>
      <c r="L448" s="1"/>
    </row>
    <row r="449" spans="2:12" x14ac:dyDescent="0.2">
      <c r="B449" s="1"/>
      <c r="C449" s="1"/>
      <c r="D449" s="1"/>
      <c r="E449" s="1"/>
      <c r="F449" s="1"/>
      <c r="G449" s="1"/>
      <c r="H449" s="1"/>
      <c r="I449" s="1"/>
      <c r="J449" s="1"/>
      <c r="K449" s="1"/>
      <c r="L449" s="1"/>
    </row>
    <row r="450" spans="2:12" x14ac:dyDescent="0.2">
      <c r="B450" s="1"/>
      <c r="C450" s="1"/>
      <c r="D450" s="1"/>
      <c r="E450" s="1"/>
      <c r="F450" s="1"/>
      <c r="G450" s="1"/>
      <c r="H450" s="1"/>
      <c r="I450" s="1"/>
      <c r="J450" s="1"/>
      <c r="K450" s="1"/>
      <c r="L450" s="1"/>
    </row>
    <row r="451" spans="2:12" x14ac:dyDescent="0.2">
      <c r="B451" s="1"/>
      <c r="C451" s="1"/>
      <c r="D451" s="1"/>
      <c r="E451" s="1"/>
      <c r="F451" s="1"/>
      <c r="G451" s="1"/>
      <c r="H451" s="1"/>
      <c r="I451" s="1"/>
      <c r="J451" s="1"/>
      <c r="K451" s="1"/>
      <c r="L451" s="1"/>
    </row>
    <row r="452" spans="2:12" x14ac:dyDescent="0.2">
      <c r="B452" s="1"/>
      <c r="C452" s="1"/>
      <c r="D452" s="1"/>
      <c r="E452" s="1"/>
      <c r="F452" s="1"/>
      <c r="G452" s="1"/>
      <c r="H452" s="1"/>
      <c r="I452" s="1"/>
      <c r="J452" s="1"/>
      <c r="K452" s="1"/>
      <c r="L452" s="1"/>
    </row>
    <row r="453" spans="2:12" x14ac:dyDescent="0.2">
      <c r="B453" s="1"/>
      <c r="C453" s="1"/>
      <c r="D453" s="1"/>
      <c r="E453" s="1"/>
      <c r="F453" s="1"/>
      <c r="G453" s="1"/>
      <c r="H453" s="1"/>
      <c r="I453" s="1"/>
      <c r="J453" s="1"/>
      <c r="K453" s="1"/>
      <c r="L453" s="1"/>
    </row>
    <row r="454" spans="2:12" x14ac:dyDescent="0.2">
      <c r="B454" s="1"/>
      <c r="C454" s="1"/>
      <c r="D454" s="1"/>
      <c r="E454" s="1"/>
      <c r="F454" s="1"/>
      <c r="G454" s="1"/>
      <c r="H454" s="1"/>
      <c r="I454" s="1"/>
      <c r="J454" s="1"/>
      <c r="K454" s="1"/>
      <c r="L454" s="1"/>
    </row>
    <row r="455" spans="2:12" x14ac:dyDescent="0.2">
      <c r="B455" s="1"/>
      <c r="C455" s="1"/>
      <c r="D455" s="1"/>
      <c r="E455" s="1"/>
      <c r="F455" s="1"/>
      <c r="G455" s="1"/>
      <c r="H455" s="1"/>
      <c r="I455" s="1"/>
      <c r="J455" s="1"/>
      <c r="K455" s="1"/>
      <c r="L455" s="1"/>
    </row>
    <row r="456" spans="2:12" x14ac:dyDescent="0.2">
      <c r="B456" s="1"/>
      <c r="C456" s="1"/>
      <c r="D456" s="1"/>
      <c r="E456" s="1"/>
      <c r="F456" s="1"/>
      <c r="G456" s="1"/>
      <c r="H456" s="1"/>
      <c r="I456" s="1"/>
      <c r="J456" s="1"/>
      <c r="K456" s="1"/>
      <c r="L456" s="1"/>
    </row>
    <row r="457" spans="2:12" x14ac:dyDescent="0.2">
      <c r="B457" s="1"/>
      <c r="C457" s="1"/>
      <c r="D457" s="1"/>
      <c r="E457" s="1"/>
      <c r="F457" s="1"/>
      <c r="G457" s="1"/>
      <c r="H457" s="1"/>
      <c r="I457" s="1"/>
      <c r="J457" s="1"/>
      <c r="K457" s="1"/>
      <c r="L457" s="1"/>
    </row>
    <row r="458" spans="2:12" x14ac:dyDescent="0.2">
      <c r="B458" s="1"/>
      <c r="C458" s="1"/>
      <c r="D458" s="1"/>
      <c r="E458" s="1"/>
      <c r="F458" s="1"/>
      <c r="G458" s="1"/>
      <c r="H458" s="1"/>
      <c r="I458" s="1"/>
      <c r="J458" s="1"/>
      <c r="K458" s="1"/>
      <c r="L458" s="1"/>
    </row>
    <row r="459" spans="2:12" x14ac:dyDescent="0.2">
      <c r="B459" s="1"/>
      <c r="C459" s="1"/>
      <c r="D459" s="1"/>
      <c r="E459" s="1"/>
      <c r="F459" s="1"/>
      <c r="G459" s="1"/>
      <c r="H459" s="1"/>
      <c r="I459" s="1"/>
      <c r="J459" s="1"/>
      <c r="K459" s="1"/>
      <c r="L459" s="1"/>
    </row>
    <row r="460" spans="2:12" x14ac:dyDescent="0.2">
      <c r="B460" s="1"/>
      <c r="C460" s="1"/>
      <c r="D460" s="1"/>
      <c r="E460" s="1"/>
      <c r="F460" s="1"/>
      <c r="G460" s="1"/>
      <c r="H460" s="1"/>
      <c r="I460" s="1"/>
      <c r="J460" s="1"/>
      <c r="K460" s="1"/>
      <c r="L460" s="1"/>
    </row>
    <row r="461" spans="2:12" x14ac:dyDescent="0.2">
      <c r="B461" s="1"/>
      <c r="C461" s="1"/>
      <c r="D461" s="1"/>
      <c r="E461" s="1"/>
      <c r="F461" s="1"/>
      <c r="G461" s="1"/>
      <c r="H461" s="1"/>
      <c r="I461" s="1"/>
      <c r="J461" s="1"/>
      <c r="K461" s="1"/>
      <c r="L461" s="1"/>
    </row>
    <row r="462" spans="2:12" x14ac:dyDescent="0.2">
      <c r="B462" s="1"/>
      <c r="C462" s="1"/>
      <c r="D462" s="1"/>
      <c r="E462" s="1"/>
      <c r="F462" s="1"/>
      <c r="G462" s="1"/>
      <c r="H462" s="1"/>
      <c r="I462" s="1"/>
      <c r="J462" s="1"/>
      <c r="K462" s="1"/>
      <c r="L462" s="1"/>
    </row>
    <row r="463" spans="2:12" x14ac:dyDescent="0.2">
      <c r="B463" s="1"/>
      <c r="C463" s="1"/>
      <c r="D463" s="1"/>
      <c r="E463" s="1"/>
      <c r="F463" s="1"/>
      <c r="G463" s="1"/>
      <c r="H463" s="1"/>
      <c r="I463" s="1"/>
      <c r="J463" s="1"/>
      <c r="K463" s="1"/>
      <c r="L463" s="1"/>
    </row>
    <row r="464" spans="2:12" x14ac:dyDescent="0.2">
      <c r="B464" s="1"/>
      <c r="C464" s="1"/>
      <c r="D464" s="1"/>
      <c r="E464" s="1"/>
      <c r="F464" s="1"/>
      <c r="G464" s="1"/>
      <c r="H464" s="1"/>
      <c r="I464" s="1"/>
      <c r="J464" s="1"/>
      <c r="K464" s="1"/>
      <c r="L464" s="1"/>
    </row>
    <row r="465" spans="2:12" x14ac:dyDescent="0.2">
      <c r="B465" s="1"/>
      <c r="C465" s="1"/>
      <c r="D465" s="1"/>
      <c r="E465" s="1"/>
      <c r="F465" s="1"/>
      <c r="G465" s="1"/>
      <c r="H465" s="1"/>
      <c r="I465" s="1"/>
      <c r="J465" s="1"/>
      <c r="K465" s="1"/>
      <c r="L465" s="1"/>
    </row>
    <row r="466" spans="2:12" x14ac:dyDescent="0.2">
      <c r="B466" s="1"/>
      <c r="C466" s="1"/>
      <c r="D466" s="1"/>
      <c r="E466" s="1"/>
      <c r="F466" s="1"/>
      <c r="G466" s="1"/>
      <c r="H466" s="1"/>
      <c r="I466" s="1"/>
      <c r="J466" s="1"/>
      <c r="K466" s="1"/>
      <c r="L466" s="1"/>
    </row>
    <row r="467" spans="2:12" x14ac:dyDescent="0.2">
      <c r="B467" s="1"/>
      <c r="C467" s="1"/>
      <c r="D467" s="1"/>
      <c r="E467" s="1"/>
      <c r="F467" s="1"/>
      <c r="G467" s="1"/>
      <c r="H467" s="1"/>
      <c r="I467" s="1"/>
      <c r="J467" s="1"/>
      <c r="K467" s="1"/>
      <c r="L467" s="1"/>
    </row>
    <row r="468" spans="2:12" x14ac:dyDescent="0.2">
      <c r="B468" s="1"/>
      <c r="C468" s="1"/>
      <c r="D468" s="1"/>
      <c r="E468" s="1"/>
      <c r="F468" s="1"/>
      <c r="G468" s="1"/>
      <c r="H468" s="1"/>
      <c r="I468" s="1"/>
      <c r="J468" s="1"/>
      <c r="K468" s="1"/>
      <c r="L468" s="1"/>
    </row>
    <row r="469" spans="2:12" x14ac:dyDescent="0.2">
      <c r="B469" s="1"/>
      <c r="C469" s="1"/>
      <c r="D469" s="1"/>
      <c r="E469" s="1"/>
      <c r="F469" s="1"/>
      <c r="G469" s="1"/>
      <c r="H469" s="1"/>
      <c r="I469" s="1"/>
      <c r="J469" s="1"/>
      <c r="K469" s="1"/>
      <c r="L469" s="1"/>
    </row>
    <row r="470" spans="2:12" x14ac:dyDescent="0.2">
      <c r="B470" s="1"/>
      <c r="C470" s="1"/>
      <c r="D470" s="1"/>
      <c r="E470" s="1"/>
      <c r="F470" s="1"/>
      <c r="G470" s="1"/>
      <c r="H470" s="1"/>
      <c r="I470" s="1"/>
      <c r="J470" s="1"/>
      <c r="K470" s="1"/>
      <c r="L470" s="1"/>
    </row>
    <row r="471" spans="2:12" x14ac:dyDescent="0.2">
      <c r="B471" s="1"/>
      <c r="C471" s="1"/>
      <c r="D471" s="1"/>
      <c r="E471" s="1"/>
      <c r="F471" s="1"/>
      <c r="G471" s="1"/>
      <c r="H471" s="1"/>
      <c r="I471" s="1"/>
      <c r="J471" s="1"/>
      <c r="K471" s="1"/>
      <c r="L471" s="1"/>
    </row>
    <row r="472" spans="2:12" x14ac:dyDescent="0.2">
      <c r="B472" s="1"/>
      <c r="C472" s="1"/>
      <c r="D472" s="1"/>
      <c r="E472" s="1"/>
      <c r="F472" s="1"/>
      <c r="G472" s="1"/>
      <c r="H472" s="1"/>
      <c r="I472" s="1"/>
      <c r="J472" s="1"/>
      <c r="K472" s="1"/>
      <c r="L472" s="1"/>
    </row>
    <row r="473" spans="2:12" x14ac:dyDescent="0.2">
      <c r="B473" s="1"/>
      <c r="C473" s="1"/>
      <c r="D473" s="1"/>
      <c r="E473" s="1"/>
      <c r="F473" s="1"/>
      <c r="G473" s="1"/>
      <c r="H473" s="1"/>
      <c r="I473" s="1"/>
      <c r="J473" s="1"/>
      <c r="K473" s="1"/>
      <c r="L473" s="1"/>
    </row>
    <row r="474" spans="2:12" x14ac:dyDescent="0.2">
      <c r="B474" s="1"/>
      <c r="C474" s="1"/>
      <c r="D474" s="1"/>
      <c r="E474" s="1"/>
      <c r="F474" s="1"/>
      <c r="G474" s="1"/>
      <c r="H474" s="1"/>
      <c r="I474" s="1"/>
      <c r="J474" s="1"/>
      <c r="K474" s="1"/>
      <c r="L474" s="1"/>
    </row>
    <row r="475" spans="2:12" x14ac:dyDescent="0.2">
      <c r="B475" s="1"/>
      <c r="C475" s="1"/>
      <c r="D475" s="1"/>
      <c r="E475" s="1"/>
      <c r="F475" s="1"/>
      <c r="G475" s="1"/>
      <c r="H475" s="1"/>
      <c r="I475" s="1"/>
      <c r="J475" s="1"/>
      <c r="K475" s="1"/>
      <c r="L475" s="1"/>
    </row>
    <row r="476" spans="2:12" x14ac:dyDescent="0.2">
      <c r="B476" s="1"/>
      <c r="C476" s="1"/>
      <c r="D476" s="1"/>
      <c r="E476" s="1"/>
      <c r="F476" s="1"/>
      <c r="G476" s="1"/>
      <c r="H476" s="1"/>
      <c r="I476" s="1"/>
      <c r="J476" s="1"/>
      <c r="K476" s="1"/>
      <c r="L476" s="1"/>
    </row>
    <row r="477" spans="2:12" x14ac:dyDescent="0.2">
      <c r="B477" s="1"/>
      <c r="C477" s="1"/>
      <c r="D477" s="1"/>
      <c r="E477" s="1"/>
      <c r="F477" s="1"/>
      <c r="G477" s="1"/>
      <c r="H477" s="1"/>
      <c r="I477" s="1"/>
      <c r="J477" s="1"/>
      <c r="K477" s="1"/>
      <c r="L477" s="1"/>
    </row>
    <row r="478" spans="2:12" x14ac:dyDescent="0.2">
      <c r="B478" s="1"/>
      <c r="C478" s="1"/>
      <c r="D478" s="1"/>
      <c r="E478" s="1"/>
      <c r="F478" s="1"/>
      <c r="G478" s="1"/>
      <c r="H478" s="1"/>
      <c r="I478" s="1"/>
      <c r="J478" s="1"/>
      <c r="K478" s="1"/>
      <c r="L478" s="1"/>
    </row>
    <row r="479" spans="2:12" x14ac:dyDescent="0.2">
      <c r="B479" s="1"/>
      <c r="C479" s="1"/>
      <c r="D479" s="1"/>
      <c r="E479" s="1"/>
      <c r="F479" s="1"/>
      <c r="G479" s="1"/>
      <c r="H479" s="1"/>
      <c r="I479" s="1"/>
      <c r="J479" s="1"/>
      <c r="K479" s="1"/>
      <c r="L479" s="1"/>
    </row>
    <row r="480" spans="2:12" x14ac:dyDescent="0.2">
      <c r="B480" s="1"/>
      <c r="C480" s="1"/>
      <c r="D480" s="1"/>
      <c r="E480" s="1"/>
      <c r="F480" s="1"/>
      <c r="G480" s="1"/>
      <c r="H480" s="1"/>
      <c r="I480" s="1"/>
      <c r="J480" s="1"/>
      <c r="K480" s="1"/>
      <c r="L480" s="1"/>
    </row>
    <row r="481" spans="2:12" x14ac:dyDescent="0.2">
      <c r="B481" s="1"/>
      <c r="C481" s="1"/>
      <c r="D481" s="1"/>
      <c r="E481" s="1"/>
      <c r="F481" s="1"/>
      <c r="G481" s="1"/>
      <c r="H481" s="1"/>
      <c r="I481" s="1"/>
      <c r="J481" s="1"/>
      <c r="K481" s="1"/>
      <c r="L481" s="1"/>
    </row>
    <row r="482" spans="2:12" x14ac:dyDescent="0.2">
      <c r="B482" s="1"/>
      <c r="C482" s="1"/>
      <c r="D482" s="1"/>
      <c r="E482" s="1"/>
      <c r="F482" s="1"/>
      <c r="G482" s="1"/>
      <c r="H482" s="1"/>
      <c r="I482" s="1"/>
      <c r="J482" s="1"/>
      <c r="K482" s="1"/>
      <c r="L482" s="1"/>
    </row>
    <row r="483" spans="2:12" x14ac:dyDescent="0.2">
      <c r="B483" s="1"/>
      <c r="C483" s="1"/>
      <c r="D483" s="1"/>
      <c r="E483" s="1"/>
      <c r="F483" s="1"/>
      <c r="G483" s="1"/>
      <c r="H483" s="1"/>
      <c r="I483" s="1"/>
      <c r="J483" s="1"/>
      <c r="K483" s="1"/>
      <c r="L483" s="1"/>
    </row>
    <row r="484" spans="2:12" x14ac:dyDescent="0.2">
      <c r="B484" s="1"/>
      <c r="C484" s="1"/>
      <c r="D484" s="1"/>
      <c r="E484" s="1"/>
      <c r="F484" s="1"/>
      <c r="G484" s="1"/>
      <c r="H484" s="1"/>
      <c r="I484" s="1"/>
      <c r="J484" s="1"/>
      <c r="K484" s="1"/>
      <c r="L484" s="1"/>
    </row>
    <row r="485" spans="2:12" x14ac:dyDescent="0.2">
      <c r="B485" s="1"/>
      <c r="C485" s="1"/>
      <c r="D485" s="1"/>
      <c r="E485" s="1"/>
      <c r="F485" s="1"/>
      <c r="G485" s="1"/>
      <c r="H485" s="1"/>
      <c r="I485" s="1"/>
      <c r="J485" s="1"/>
      <c r="K485" s="1"/>
      <c r="L485" s="1"/>
    </row>
    <row r="486" spans="2:12" x14ac:dyDescent="0.2">
      <c r="B486" s="1"/>
      <c r="C486" s="1"/>
      <c r="D486" s="1"/>
      <c r="E486" s="1"/>
      <c r="F486" s="1"/>
      <c r="G486" s="1"/>
      <c r="H486" s="1"/>
      <c r="I486" s="1"/>
      <c r="J486" s="1"/>
      <c r="K486" s="1"/>
      <c r="L486" s="1"/>
    </row>
    <row r="487" spans="2:12" x14ac:dyDescent="0.2">
      <c r="B487" s="1"/>
      <c r="C487" s="1"/>
      <c r="D487" s="1"/>
      <c r="E487" s="1"/>
      <c r="F487" s="1"/>
      <c r="G487" s="1"/>
      <c r="H487" s="1"/>
      <c r="I487" s="1"/>
      <c r="J487" s="1"/>
      <c r="K487" s="1"/>
      <c r="L487" s="1"/>
    </row>
    <row r="488" spans="2:12" x14ac:dyDescent="0.2">
      <c r="B488" s="1"/>
      <c r="C488" s="1"/>
      <c r="D488" s="1"/>
      <c r="E488" s="1"/>
      <c r="F488" s="1"/>
      <c r="G488" s="1"/>
      <c r="H488" s="1"/>
      <c r="I488" s="1"/>
      <c r="J488" s="1"/>
      <c r="K488" s="1"/>
      <c r="L488" s="1"/>
    </row>
    <row r="489" spans="2:12" x14ac:dyDescent="0.2">
      <c r="B489" s="1"/>
      <c r="C489" s="1"/>
      <c r="D489" s="1"/>
      <c r="E489" s="1"/>
      <c r="F489" s="1"/>
      <c r="G489" s="1"/>
      <c r="H489" s="1"/>
      <c r="I489" s="1"/>
      <c r="J489" s="1"/>
      <c r="K489" s="1"/>
      <c r="L489" s="1"/>
    </row>
    <row r="490" spans="2:12" x14ac:dyDescent="0.2">
      <c r="B490" s="1"/>
      <c r="C490" s="1"/>
      <c r="D490" s="1"/>
      <c r="E490" s="1"/>
      <c r="F490" s="1"/>
      <c r="G490" s="1"/>
      <c r="H490" s="1"/>
      <c r="I490" s="1"/>
      <c r="J490" s="1"/>
      <c r="K490" s="1"/>
      <c r="L490" s="1"/>
    </row>
    <row r="491" spans="2:12" x14ac:dyDescent="0.2">
      <c r="B491" s="1"/>
      <c r="C491" s="1"/>
      <c r="D491" s="1"/>
      <c r="E491" s="1"/>
      <c r="F491" s="1"/>
      <c r="G491" s="1"/>
      <c r="H491" s="1"/>
      <c r="I491" s="1"/>
      <c r="J491" s="1"/>
      <c r="K491" s="1"/>
      <c r="L491" s="1"/>
    </row>
    <row r="492" spans="2:12" x14ac:dyDescent="0.2">
      <c r="B492" s="1"/>
      <c r="C492" s="1"/>
      <c r="D492" s="1"/>
      <c r="E492" s="1"/>
      <c r="F492" s="1"/>
      <c r="G492" s="1"/>
      <c r="H492" s="1"/>
      <c r="I492" s="1"/>
      <c r="J492" s="1"/>
      <c r="K492" s="1"/>
      <c r="L492" s="1"/>
    </row>
    <row r="493" spans="2:12" x14ac:dyDescent="0.2">
      <c r="B493" s="1"/>
      <c r="C493" s="1"/>
      <c r="D493" s="1"/>
      <c r="E493" s="1"/>
      <c r="F493" s="1"/>
      <c r="G493" s="1"/>
      <c r="H493" s="1"/>
      <c r="I493" s="1"/>
      <c r="J493" s="1"/>
      <c r="K493" s="1"/>
      <c r="L493" s="1"/>
    </row>
    <row r="494" spans="2:12" x14ac:dyDescent="0.2">
      <c r="B494" s="1"/>
      <c r="C494" s="1"/>
      <c r="D494" s="1"/>
      <c r="E494" s="1"/>
      <c r="F494" s="1"/>
      <c r="G494" s="1"/>
      <c r="H494" s="1"/>
      <c r="I494" s="1"/>
      <c r="J494" s="1"/>
      <c r="K494" s="1"/>
      <c r="L494" s="1"/>
    </row>
    <row r="495" spans="2:12" x14ac:dyDescent="0.2">
      <c r="B495" s="1"/>
      <c r="C495" s="1"/>
      <c r="D495" s="1"/>
      <c r="E495" s="1"/>
      <c r="F495" s="1"/>
      <c r="G495" s="1"/>
      <c r="H495" s="1"/>
      <c r="I495" s="1"/>
      <c r="J495" s="1"/>
      <c r="K495" s="1"/>
      <c r="L495" s="1"/>
    </row>
    <row r="496" spans="2:12" x14ac:dyDescent="0.2">
      <c r="B496" s="1"/>
      <c r="C496" s="1"/>
      <c r="D496" s="1"/>
      <c r="E496" s="1"/>
      <c r="F496" s="1"/>
      <c r="G496" s="1"/>
      <c r="H496" s="1"/>
      <c r="I496" s="1"/>
      <c r="J496" s="1"/>
      <c r="K496" s="1"/>
      <c r="L496" s="1"/>
    </row>
    <row r="497" spans="2:14" x14ac:dyDescent="0.2">
      <c r="B497" s="1"/>
      <c r="C497" s="1"/>
      <c r="D497" s="1"/>
      <c r="E497" s="1"/>
      <c r="F497" s="1"/>
      <c r="G497" s="1"/>
      <c r="H497" s="1"/>
      <c r="I497" s="1"/>
      <c r="J497" s="1"/>
      <c r="K497" s="1"/>
      <c r="L497" s="1"/>
      <c r="N497" s="7" t="s">
        <v>2</v>
      </c>
    </row>
    <row r="498" spans="2:14" x14ac:dyDescent="0.2">
      <c r="B498" s="1"/>
      <c r="C498" s="1"/>
      <c r="D498" s="1"/>
      <c r="E498" s="1"/>
      <c r="F498" s="1"/>
      <c r="G498" s="1"/>
      <c r="H498" s="1"/>
      <c r="I498" s="1"/>
      <c r="J498" s="1"/>
      <c r="K498" s="1"/>
      <c r="L498" s="1"/>
      <c r="N498" s="7" t="s">
        <v>3</v>
      </c>
    </row>
    <row r="499" spans="2:14" x14ac:dyDescent="0.2">
      <c r="B499" s="1"/>
      <c r="C499" s="1"/>
      <c r="D499" s="1"/>
      <c r="E499" s="1"/>
      <c r="F499" s="1"/>
      <c r="G499" s="1"/>
      <c r="H499" s="1"/>
      <c r="I499" s="1"/>
      <c r="J499" s="1"/>
      <c r="K499" s="1"/>
      <c r="L499" s="1"/>
    </row>
    <row r="500" spans="2:14" x14ac:dyDescent="0.2">
      <c r="B500" s="1"/>
      <c r="C500" s="1"/>
      <c r="D500" s="1"/>
      <c r="E500" s="1"/>
      <c r="F500" s="1"/>
      <c r="G500" s="1"/>
      <c r="H500" s="1"/>
      <c r="I500" s="1"/>
      <c r="J500" s="1"/>
      <c r="K500" s="1"/>
      <c r="L500" s="1"/>
    </row>
    <row r="501" spans="2:14" x14ac:dyDescent="0.2">
      <c r="B501" s="22"/>
      <c r="L501" s="22"/>
    </row>
    <row r="502" spans="2:14" x14ac:dyDescent="0.2">
      <c r="B502" s="22"/>
      <c r="L502" s="22"/>
    </row>
    <row r="503" spans="2:14" x14ac:dyDescent="0.2">
      <c r="B503" s="22"/>
      <c r="L503" s="22"/>
    </row>
    <row r="504" spans="2:14" x14ac:dyDescent="0.2">
      <c r="B504" s="22"/>
      <c r="L504" s="22"/>
    </row>
    <row r="505" spans="2:14" x14ac:dyDescent="0.2">
      <c r="B505" s="22"/>
      <c r="L505" s="22"/>
    </row>
    <row r="506" spans="2:14" x14ac:dyDescent="0.2">
      <c r="B506" s="22"/>
      <c r="L506" s="22"/>
    </row>
    <row r="507" spans="2:14" x14ac:dyDescent="0.2">
      <c r="B507" s="22"/>
      <c r="L507" s="22"/>
    </row>
    <row r="508" spans="2:14" x14ac:dyDescent="0.2">
      <c r="B508" s="22"/>
      <c r="L508" s="22"/>
    </row>
    <row r="509" spans="2:14" x14ac:dyDescent="0.2">
      <c r="B509" s="22"/>
      <c r="L509" s="22"/>
    </row>
    <row r="510" spans="2:14" x14ac:dyDescent="0.2">
      <c r="B510" s="22"/>
      <c r="L510" s="22"/>
    </row>
    <row r="511" spans="2:14" x14ac:dyDescent="0.2">
      <c r="B511" s="22"/>
      <c r="L511" s="22"/>
    </row>
    <row r="512" spans="2:14" x14ac:dyDescent="0.2">
      <c r="B512" s="22"/>
      <c r="L512" s="22"/>
    </row>
    <row r="513" spans="2:12" x14ac:dyDescent="0.2">
      <c r="B513" s="22"/>
      <c r="L513" s="22"/>
    </row>
    <row r="514" spans="2:12" x14ac:dyDescent="0.2">
      <c r="B514" s="22"/>
      <c r="L514" s="22"/>
    </row>
    <row r="515" spans="2:12" x14ac:dyDescent="0.2">
      <c r="B515" s="22"/>
      <c r="L515" s="22"/>
    </row>
    <row r="516" spans="2:12" x14ac:dyDescent="0.2">
      <c r="B516" s="22"/>
      <c r="L516" s="22"/>
    </row>
    <row r="517" spans="2:12" x14ac:dyDescent="0.2">
      <c r="B517" s="22"/>
      <c r="L517" s="22"/>
    </row>
    <row r="518" spans="2:12" x14ac:dyDescent="0.2">
      <c r="B518" s="22"/>
      <c r="L518" s="22"/>
    </row>
    <row r="519" spans="2:12" x14ac:dyDescent="0.2">
      <c r="B519" s="22"/>
      <c r="L519" s="22"/>
    </row>
    <row r="520" spans="2:12" x14ac:dyDescent="0.2">
      <c r="B520" s="22"/>
      <c r="L520" s="22"/>
    </row>
    <row r="521" spans="2:12" x14ac:dyDescent="0.2">
      <c r="B521" s="22"/>
      <c r="L521" s="22"/>
    </row>
    <row r="522" spans="2:12" x14ac:dyDescent="0.2">
      <c r="B522" s="22"/>
      <c r="L522" s="22"/>
    </row>
    <row r="523" spans="2:12" x14ac:dyDescent="0.2">
      <c r="B523" s="22"/>
      <c r="L523" s="22"/>
    </row>
    <row r="524" spans="2:12" x14ac:dyDescent="0.2">
      <c r="B524" s="22"/>
      <c r="L524" s="22"/>
    </row>
    <row r="525" spans="2:12" x14ac:dyDescent="0.2">
      <c r="B525" s="22"/>
      <c r="L525" s="22"/>
    </row>
    <row r="526" spans="2:12" x14ac:dyDescent="0.2">
      <c r="B526" s="22"/>
      <c r="L526" s="22"/>
    </row>
    <row r="527" spans="2:12" x14ac:dyDescent="0.2">
      <c r="B527" s="22"/>
      <c r="L527" s="22"/>
    </row>
    <row r="528" spans="2:12" x14ac:dyDescent="0.2">
      <c r="B528" s="22"/>
      <c r="L528" s="22"/>
    </row>
    <row r="529" spans="2:12" x14ac:dyDescent="0.2">
      <c r="B529" s="22"/>
      <c r="L529" s="22"/>
    </row>
    <row r="530" spans="2:12" x14ac:dyDescent="0.2">
      <c r="B530" s="22"/>
      <c r="L530" s="22"/>
    </row>
    <row r="531" spans="2:12" x14ac:dyDescent="0.2">
      <c r="B531" s="22"/>
      <c r="L531" s="22"/>
    </row>
    <row r="532" spans="2:12" x14ac:dyDescent="0.2">
      <c r="B532" s="22"/>
      <c r="L532" s="22"/>
    </row>
    <row r="533" spans="2:12" x14ac:dyDescent="0.2">
      <c r="B533" s="22"/>
      <c r="L533" s="22"/>
    </row>
    <row r="534" spans="2:12" x14ac:dyDescent="0.2">
      <c r="B534" s="22"/>
      <c r="L534" s="22"/>
    </row>
    <row r="535" spans="2:12" x14ac:dyDescent="0.2">
      <c r="B535" s="22"/>
      <c r="L535" s="22"/>
    </row>
    <row r="536" spans="2:12" x14ac:dyDescent="0.2">
      <c r="B536" s="22"/>
      <c r="L536" s="22"/>
    </row>
    <row r="537" spans="2:12" x14ac:dyDescent="0.2">
      <c r="B537" s="22"/>
      <c r="L537" s="22"/>
    </row>
    <row r="538" spans="2:12" x14ac:dyDescent="0.2">
      <c r="B538" s="22"/>
      <c r="L538" s="22"/>
    </row>
    <row r="539" spans="2:12" x14ac:dyDescent="0.2">
      <c r="B539" s="22"/>
      <c r="L539" s="22"/>
    </row>
    <row r="540" spans="2:12" x14ac:dyDescent="0.2">
      <c r="B540" s="22"/>
      <c r="L540" s="22"/>
    </row>
    <row r="541" spans="2:12" x14ac:dyDescent="0.2">
      <c r="B541" s="22"/>
      <c r="L541" s="22"/>
    </row>
    <row r="542" spans="2:12" x14ac:dyDescent="0.2">
      <c r="B542" s="22"/>
      <c r="L542" s="22"/>
    </row>
    <row r="543" spans="2:12" x14ac:dyDescent="0.2">
      <c r="B543" s="22"/>
      <c r="L543" s="22"/>
    </row>
    <row r="544" spans="2:12" x14ac:dyDescent="0.2">
      <c r="B544" s="22"/>
      <c r="L544" s="22"/>
    </row>
    <row r="545" spans="2:12" x14ac:dyDescent="0.2">
      <c r="B545" s="22"/>
      <c r="L545" s="22"/>
    </row>
    <row r="546" spans="2:12" x14ac:dyDescent="0.2">
      <c r="B546" s="22"/>
      <c r="L546" s="22"/>
    </row>
    <row r="547" spans="2:12" x14ac:dyDescent="0.2">
      <c r="B547" s="22"/>
      <c r="L547" s="22"/>
    </row>
    <row r="548" spans="2:12" x14ac:dyDescent="0.2">
      <c r="B548" s="22"/>
      <c r="L548" s="22"/>
    </row>
    <row r="549" spans="2:12" x14ac:dyDescent="0.2">
      <c r="B549" s="22"/>
      <c r="L549" s="22"/>
    </row>
    <row r="550" spans="2:12" x14ac:dyDescent="0.2">
      <c r="B550" s="22"/>
      <c r="L550" s="22"/>
    </row>
    <row r="551" spans="2:12" x14ac:dyDescent="0.2">
      <c r="B551" s="22"/>
      <c r="L551" s="22"/>
    </row>
    <row r="552" spans="2:12" x14ac:dyDescent="0.2">
      <c r="B552" s="22"/>
      <c r="L552" s="22"/>
    </row>
    <row r="553" spans="2:12" x14ac:dyDescent="0.2">
      <c r="B553" s="22"/>
      <c r="L553" s="22"/>
    </row>
    <row r="554" spans="2:12" x14ac:dyDescent="0.2">
      <c r="B554" s="22"/>
      <c r="L554" s="22"/>
    </row>
    <row r="555" spans="2:12" x14ac:dyDescent="0.2">
      <c r="B555" s="22"/>
      <c r="L555" s="22"/>
    </row>
    <row r="556" spans="2:12" x14ac:dyDescent="0.2">
      <c r="B556" s="22"/>
      <c r="L556" s="22"/>
    </row>
    <row r="557" spans="2:12" x14ac:dyDescent="0.2">
      <c r="B557" s="22"/>
      <c r="L557" s="22"/>
    </row>
    <row r="558" spans="2:12" x14ac:dyDescent="0.2">
      <c r="B558" s="22"/>
      <c r="L558" s="22"/>
    </row>
    <row r="559" spans="2:12" x14ac:dyDescent="0.2">
      <c r="B559" s="22"/>
      <c r="L559" s="22"/>
    </row>
    <row r="560" spans="2:12" x14ac:dyDescent="0.2">
      <c r="B560" s="22"/>
      <c r="L560" s="22"/>
    </row>
    <row r="561" spans="2:12" x14ac:dyDescent="0.2">
      <c r="B561" s="22"/>
      <c r="L561" s="22"/>
    </row>
    <row r="562" spans="2:12" x14ac:dyDescent="0.2">
      <c r="B562" s="22"/>
      <c r="L562" s="22"/>
    </row>
    <row r="563" spans="2:12" x14ac:dyDescent="0.2">
      <c r="B563" s="22"/>
      <c r="L563" s="22"/>
    </row>
    <row r="564" spans="2:12" x14ac:dyDescent="0.2">
      <c r="B564" s="22"/>
      <c r="L564" s="22"/>
    </row>
    <row r="565" spans="2:12" x14ac:dyDescent="0.2">
      <c r="B565" s="22"/>
      <c r="L565" s="22"/>
    </row>
    <row r="566" spans="2:12" x14ac:dyDescent="0.2">
      <c r="B566" s="22"/>
      <c r="L566" s="22"/>
    </row>
    <row r="567" spans="2:12" x14ac:dyDescent="0.2">
      <c r="B567" s="22"/>
      <c r="L567" s="22"/>
    </row>
    <row r="568" spans="2:12" x14ac:dyDescent="0.2">
      <c r="B568" s="22"/>
      <c r="L568" s="22"/>
    </row>
    <row r="569" spans="2:12" x14ac:dyDescent="0.2">
      <c r="B569" s="22"/>
      <c r="L569" s="22"/>
    </row>
    <row r="570" spans="2:12" x14ac:dyDescent="0.2">
      <c r="B570" s="22"/>
      <c r="L570" s="22"/>
    </row>
    <row r="571" spans="2:12" x14ac:dyDescent="0.2">
      <c r="B571" s="22"/>
      <c r="L571" s="22"/>
    </row>
    <row r="572" spans="2:12" x14ac:dyDescent="0.2">
      <c r="B572" s="22"/>
      <c r="L572" s="22"/>
    </row>
    <row r="573" spans="2:12" x14ac:dyDescent="0.2">
      <c r="B573" s="22"/>
      <c r="L573" s="22"/>
    </row>
    <row r="574" spans="2:12" x14ac:dyDescent="0.2">
      <c r="B574" s="22"/>
      <c r="L574" s="22"/>
    </row>
    <row r="575" spans="2:12" x14ac:dyDescent="0.2">
      <c r="B575" s="22"/>
      <c r="L575" s="22"/>
    </row>
    <row r="576" spans="2:12" x14ac:dyDescent="0.2">
      <c r="B576" s="22"/>
      <c r="L576" s="22"/>
    </row>
    <row r="577" spans="2:12" x14ac:dyDescent="0.2">
      <c r="B577" s="22"/>
      <c r="L577" s="22"/>
    </row>
    <row r="578" spans="2:12" x14ac:dyDescent="0.2">
      <c r="B578" s="22"/>
      <c r="L578" s="22"/>
    </row>
    <row r="579" spans="2:12" x14ac:dyDescent="0.2">
      <c r="B579" s="22"/>
      <c r="L579" s="22"/>
    </row>
    <row r="580" spans="2:12" x14ac:dyDescent="0.2">
      <c r="B580" s="22"/>
      <c r="L580" s="22"/>
    </row>
    <row r="581" spans="2:12" x14ac:dyDescent="0.2">
      <c r="B581" s="22"/>
      <c r="L581" s="22"/>
    </row>
    <row r="582" spans="2:12" x14ac:dyDescent="0.2">
      <c r="B582" s="22"/>
      <c r="L582" s="22"/>
    </row>
    <row r="583" spans="2:12" x14ac:dyDescent="0.2">
      <c r="B583" s="22"/>
      <c r="L583" s="22"/>
    </row>
    <row r="584" spans="2:12" x14ac:dyDescent="0.2">
      <c r="B584" s="22"/>
      <c r="L584" s="22"/>
    </row>
    <row r="585" spans="2:12" x14ac:dyDescent="0.2">
      <c r="B585" s="22"/>
      <c r="L585" s="22"/>
    </row>
    <row r="586" spans="2:12" x14ac:dyDescent="0.2">
      <c r="B586" s="22"/>
      <c r="L586" s="22"/>
    </row>
    <row r="587" spans="2:12" x14ac:dyDescent="0.2">
      <c r="B587" s="22"/>
      <c r="L587" s="22"/>
    </row>
    <row r="588" spans="2:12" x14ac:dyDescent="0.2">
      <c r="B588" s="22"/>
      <c r="L588" s="22"/>
    </row>
    <row r="589" spans="2:12" x14ac:dyDescent="0.2">
      <c r="B589" s="22"/>
      <c r="L589" s="22"/>
    </row>
    <row r="590" spans="2:12" x14ac:dyDescent="0.2">
      <c r="B590" s="22"/>
      <c r="L590" s="22"/>
    </row>
    <row r="591" spans="2:12" x14ac:dyDescent="0.2">
      <c r="B591" s="22"/>
      <c r="L591" s="22"/>
    </row>
    <row r="592" spans="2:12" x14ac:dyDescent="0.2">
      <c r="B592" s="22"/>
      <c r="L592" s="22"/>
    </row>
    <row r="593" spans="2:12" x14ac:dyDescent="0.2">
      <c r="B593" s="22"/>
      <c r="L593" s="22"/>
    </row>
    <row r="594" spans="2:12" x14ac:dyDescent="0.2">
      <c r="B594" s="22"/>
      <c r="L594" s="22"/>
    </row>
    <row r="595" spans="2:12" x14ac:dyDescent="0.2">
      <c r="B595" s="22"/>
      <c r="L595" s="22"/>
    </row>
    <row r="596" spans="2:12" x14ac:dyDescent="0.2">
      <c r="B596" s="22"/>
      <c r="L596" s="22"/>
    </row>
    <row r="597" spans="2:12" x14ac:dyDescent="0.2">
      <c r="B597" s="22"/>
      <c r="L597" s="22"/>
    </row>
    <row r="598" spans="2:12" x14ac:dyDescent="0.2">
      <c r="B598" s="22"/>
      <c r="L598" s="22"/>
    </row>
    <row r="599" spans="2:12" x14ac:dyDescent="0.2">
      <c r="B599" s="22"/>
      <c r="L599" s="22"/>
    </row>
    <row r="600" spans="2:12" x14ac:dyDescent="0.2">
      <c r="B600" s="22"/>
      <c r="L600" s="22"/>
    </row>
    <row r="601" spans="2:12" x14ac:dyDescent="0.2">
      <c r="B601" s="22"/>
      <c r="L601" s="22"/>
    </row>
    <row r="602" spans="2:12" x14ac:dyDescent="0.2">
      <c r="B602" s="22"/>
      <c r="L602" s="22"/>
    </row>
    <row r="603" spans="2:12" x14ac:dyDescent="0.2">
      <c r="B603" s="22"/>
      <c r="L603" s="22"/>
    </row>
    <row r="604" spans="2:12" x14ac:dyDescent="0.2">
      <c r="B604" s="22"/>
      <c r="L604" s="22"/>
    </row>
    <row r="605" spans="2:12" x14ac:dyDescent="0.2">
      <c r="B605" s="22"/>
      <c r="L605" s="22"/>
    </row>
    <row r="606" spans="2:12" x14ac:dyDescent="0.2">
      <c r="B606" s="22"/>
      <c r="L606" s="22"/>
    </row>
    <row r="607" spans="2:12" x14ac:dyDescent="0.2">
      <c r="B607" s="22"/>
      <c r="L607" s="22"/>
    </row>
    <row r="608" spans="2:12" x14ac:dyDescent="0.2">
      <c r="B608" s="22"/>
      <c r="L608" s="22"/>
    </row>
    <row r="609" spans="2:12" x14ac:dyDescent="0.2">
      <c r="B609" s="22"/>
      <c r="L609" s="22"/>
    </row>
    <row r="610" spans="2:12" x14ac:dyDescent="0.2">
      <c r="B610" s="22"/>
      <c r="L610" s="22"/>
    </row>
    <row r="611" spans="2:12" x14ac:dyDescent="0.2">
      <c r="B611" s="22"/>
      <c r="L611" s="22"/>
    </row>
    <row r="612" spans="2:12" x14ac:dyDescent="0.2">
      <c r="B612" s="22"/>
      <c r="L612" s="22"/>
    </row>
    <row r="613" spans="2:12" x14ac:dyDescent="0.2">
      <c r="B613" s="22"/>
      <c r="L613" s="22"/>
    </row>
    <row r="614" spans="2:12" x14ac:dyDescent="0.2">
      <c r="B614" s="22"/>
      <c r="L614" s="22"/>
    </row>
    <row r="615" spans="2:12" x14ac:dyDescent="0.2">
      <c r="B615" s="22"/>
      <c r="L615" s="22"/>
    </row>
    <row r="616" spans="2:12" x14ac:dyDescent="0.2">
      <c r="B616" s="22"/>
      <c r="L616" s="22"/>
    </row>
    <row r="617" spans="2:12" x14ac:dyDescent="0.2">
      <c r="B617" s="22"/>
      <c r="L617" s="22"/>
    </row>
    <row r="618" spans="2:12" x14ac:dyDescent="0.2">
      <c r="B618" s="22"/>
      <c r="L618" s="22"/>
    </row>
    <row r="619" spans="2:12" x14ac:dyDescent="0.2">
      <c r="B619" s="22"/>
      <c r="L619" s="22"/>
    </row>
    <row r="620" spans="2:12" x14ac:dyDescent="0.2">
      <c r="B620" s="22"/>
      <c r="L620" s="22"/>
    </row>
    <row r="621" spans="2:12" x14ac:dyDescent="0.2">
      <c r="B621" s="22"/>
      <c r="L621" s="22"/>
    </row>
    <row r="622" spans="2:12" x14ac:dyDescent="0.2">
      <c r="B622" s="22"/>
      <c r="L622" s="22"/>
    </row>
    <row r="623" spans="2:12" x14ac:dyDescent="0.2">
      <c r="B623" s="22"/>
      <c r="L623" s="22"/>
    </row>
    <row r="624" spans="2:12" x14ac:dyDescent="0.2">
      <c r="B624" s="22"/>
      <c r="L624" s="22"/>
    </row>
    <row r="625" spans="2:12" x14ac:dyDescent="0.2">
      <c r="B625" s="22"/>
      <c r="L625" s="22"/>
    </row>
    <row r="626" spans="2:12" x14ac:dyDescent="0.2">
      <c r="B626" s="22"/>
      <c r="L626" s="22"/>
    </row>
    <row r="627" spans="2:12" x14ac:dyDescent="0.2">
      <c r="B627" s="22"/>
      <c r="L627" s="22"/>
    </row>
    <row r="628" spans="2:12" x14ac:dyDescent="0.2">
      <c r="B628" s="22"/>
      <c r="L628" s="22"/>
    </row>
    <row r="629" spans="2:12" x14ac:dyDescent="0.2">
      <c r="B629" s="22"/>
      <c r="L629" s="22"/>
    </row>
    <row r="630" spans="2:12" x14ac:dyDescent="0.2">
      <c r="B630" s="22"/>
      <c r="L630" s="22"/>
    </row>
    <row r="631" spans="2:12" x14ac:dyDescent="0.2">
      <c r="B631" s="22"/>
      <c r="L631" s="22"/>
    </row>
    <row r="632" spans="2:12" x14ac:dyDescent="0.2">
      <c r="B632" s="22"/>
      <c r="L632" s="22"/>
    </row>
    <row r="633" spans="2:12" x14ac:dyDescent="0.2">
      <c r="B633" s="22"/>
      <c r="L633" s="22"/>
    </row>
    <row r="634" spans="2:12" x14ac:dyDescent="0.2">
      <c r="B634" s="22"/>
      <c r="L634" s="22"/>
    </row>
    <row r="635" spans="2:12" x14ac:dyDescent="0.2">
      <c r="B635" s="22"/>
      <c r="L635" s="22"/>
    </row>
    <row r="636" spans="2:12" x14ac:dyDescent="0.2">
      <c r="B636" s="22"/>
      <c r="L636" s="22"/>
    </row>
    <row r="637" spans="2:12" x14ac:dyDescent="0.2">
      <c r="B637" s="22"/>
      <c r="L637" s="22"/>
    </row>
    <row r="638" spans="2:12" x14ac:dyDescent="0.2">
      <c r="B638" s="22"/>
      <c r="L638" s="22"/>
    </row>
    <row r="639" spans="2:12" x14ac:dyDescent="0.2">
      <c r="B639" s="22"/>
      <c r="L639" s="22"/>
    </row>
    <row r="640" spans="2:12" x14ac:dyDescent="0.2">
      <c r="B640" s="22"/>
      <c r="L640" s="22"/>
    </row>
    <row r="641" spans="2:12" x14ac:dyDescent="0.2">
      <c r="B641" s="22"/>
      <c r="L641" s="22"/>
    </row>
    <row r="642" spans="2:12" x14ac:dyDescent="0.2">
      <c r="B642" s="22"/>
      <c r="L642" s="22"/>
    </row>
    <row r="643" spans="2:12" x14ac:dyDescent="0.2">
      <c r="B643" s="22"/>
      <c r="L643" s="22"/>
    </row>
  </sheetData>
  <sheetProtection algorithmName="SHA-512" hashValue="A//6cMmziDz24p7FqgzR9zBHp6tcZzpU565gb7xoYi8PmrbUI05d0F947Y3K5cpp5RLDOdyDzMUe7ApY6JIQkw==" saltValue="mTlUFRhqG/Z6knII6eJqLw==" spinCount="100000" sheet="1" objects="1" scenarios="1" selectLockedCells="1" autoFilter="0"/>
  <mergeCells count="43">
    <mergeCell ref="B105:AI105"/>
    <mergeCell ref="D46:W46"/>
    <mergeCell ref="AB46:AH101"/>
    <mergeCell ref="D48:W48"/>
    <mergeCell ref="D54:W54"/>
    <mergeCell ref="D56:W56"/>
    <mergeCell ref="D62:W62"/>
    <mergeCell ref="D64:W64"/>
    <mergeCell ref="D70:W70"/>
    <mergeCell ref="D72:W72"/>
    <mergeCell ref="D78:W78"/>
    <mergeCell ref="D80:W80"/>
    <mergeCell ref="D86:W86"/>
    <mergeCell ref="D88:W88"/>
    <mergeCell ref="D95:W95"/>
    <mergeCell ref="D97:W97"/>
    <mergeCell ref="D38:W38"/>
    <mergeCell ref="AB38:AH44"/>
    <mergeCell ref="D40:W40"/>
    <mergeCell ref="AU20:BA20"/>
    <mergeCell ref="D23:J23"/>
    <mergeCell ref="G26:O26"/>
    <mergeCell ref="B28:AH28"/>
    <mergeCell ref="B30:AH30"/>
    <mergeCell ref="F32:Y32"/>
    <mergeCell ref="C34:Y34"/>
    <mergeCell ref="C36:I36"/>
    <mergeCell ref="B4:AH4"/>
    <mergeCell ref="B2:AH2"/>
    <mergeCell ref="D6:AH6"/>
    <mergeCell ref="D8:AH8"/>
    <mergeCell ref="D14:AH14"/>
    <mergeCell ref="AN9:AT9"/>
    <mergeCell ref="C21:J21"/>
    <mergeCell ref="P21:AG21"/>
    <mergeCell ref="B18:AH18"/>
    <mergeCell ref="D10:AH10"/>
    <mergeCell ref="D12:AH12"/>
    <mergeCell ref="D16:Q16"/>
    <mergeCell ref="X16:AH16"/>
    <mergeCell ref="AN11:AT11"/>
    <mergeCell ref="AN13:AT13"/>
    <mergeCell ref="AN15:AT15"/>
  </mergeCells>
  <pageMargins left="0.70866141732283472" right="0.70866141732283472" top="0.55118110236220474" bottom="0.35433070866141736" header="0.31496062992125984" footer="0.31496062992125984"/>
  <pageSetup paperSize="9" scale="86" fitToHeight="0" orientation="portrait" r:id="rId1"/>
  <headerFooter>
    <oddFooter>&amp;L&amp;1#&amp;"Calibri"&amp;10&amp;K000000Classification: Private</oddFooter>
  </headerFooter>
  <rowBreaks count="1" manualBreakCount="1">
    <brk id="44" max="16383" man="1"/>
  </rowBreaks>
  <drawing r:id="rId2"/>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400-000000000000}">
  <sheetPr codeName="Sheet8">
    <pageSetUpPr fitToPage="1"/>
  </sheetPr>
  <dimension ref="A1:BQ714"/>
  <sheetViews>
    <sheetView showGridLines="0" topLeftCell="A10" zoomScale="90" zoomScaleNormal="90" workbookViewId="0"/>
  </sheetViews>
  <sheetFormatPr defaultColWidth="8.5703125" defaultRowHeight="12.75" x14ac:dyDescent="0.2"/>
  <cols>
    <col min="1" max="1" width="2.5703125" style="7" customWidth="1"/>
    <col min="2" max="2" width="2.5703125" style="122" customWidth="1"/>
    <col min="3" max="3" width="16.5703125" style="22" customWidth="1"/>
    <col min="4" max="11" width="2.5703125" style="22" customWidth="1"/>
    <col min="12" max="12" width="2.5703125" style="123" customWidth="1"/>
    <col min="13" max="33" width="2.5703125" style="7" customWidth="1"/>
    <col min="34" max="34" width="14.5703125" style="7" customWidth="1"/>
    <col min="35" max="35" width="8.5703125" style="68"/>
    <col min="36" max="16384" width="8.5703125" style="7"/>
  </cols>
  <sheetData>
    <row r="1" spans="1:69" ht="80.099999999999994" customHeight="1" x14ac:dyDescent="0.2">
      <c r="B1" s="22"/>
      <c r="L1" s="22"/>
      <c r="M1" s="22"/>
      <c r="N1" s="22"/>
      <c r="O1" s="22"/>
      <c r="P1" s="22"/>
      <c r="Q1" s="22"/>
      <c r="R1" s="22"/>
      <c r="S1" s="22"/>
      <c r="T1" s="22"/>
      <c r="U1" s="22"/>
      <c r="W1" s="68"/>
      <c r="X1" s="23"/>
      <c r="Y1" s="23"/>
      <c r="Z1" s="23"/>
      <c r="AA1" s="23"/>
      <c r="AB1" s="23"/>
      <c r="AC1" s="23"/>
      <c r="AD1" s="23"/>
      <c r="AE1" s="23"/>
      <c r="AF1" s="23"/>
      <c r="AG1" s="23"/>
      <c r="AH1" s="23"/>
      <c r="AI1" s="7"/>
      <c r="AJ1" s="23"/>
      <c r="AK1" s="23"/>
      <c r="AL1" s="23"/>
      <c r="AM1" s="23"/>
      <c r="AN1" s="23"/>
      <c r="AO1" s="23"/>
      <c r="AP1" s="23"/>
      <c r="AQ1" s="23"/>
      <c r="AR1" s="23"/>
      <c r="AS1" s="23"/>
      <c r="AT1" s="113"/>
    </row>
    <row r="2" spans="1:69" ht="36.75" customHeight="1" x14ac:dyDescent="0.2">
      <c r="A2" s="39"/>
      <c r="B2" s="240" t="s">
        <v>135</v>
      </c>
      <c r="C2" s="240"/>
      <c r="D2" s="240"/>
      <c r="E2" s="240"/>
      <c r="F2" s="240"/>
      <c r="G2" s="240"/>
      <c r="H2" s="240"/>
      <c r="I2" s="240"/>
      <c r="J2" s="240"/>
      <c r="K2" s="240"/>
      <c r="L2" s="240"/>
      <c r="M2" s="240"/>
      <c r="N2" s="240"/>
      <c r="O2" s="240"/>
      <c r="P2" s="240"/>
      <c r="Q2" s="240"/>
      <c r="R2" s="240"/>
      <c r="S2" s="240"/>
      <c r="T2" s="240"/>
      <c r="U2" s="240"/>
      <c r="V2" s="240"/>
      <c r="W2" s="240"/>
      <c r="X2" s="240"/>
      <c r="Y2" s="240"/>
      <c r="Z2" s="240"/>
      <c r="AA2" s="240"/>
      <c r="AB2" s="240"/>
      <c r="AC2" s="240"/>
      <c r="AD2" s="240"/>
      <c r="AE2" s="240"/>
      <c r="AF2" s="240"/>
      <c r="AG2" s="240"/>
      <c r="AH2" s="240"/>
      <c r="AI2" s="240"/>
    </row>
    <row r="3" spans="1:69" ht="3.75" customHeight="1" x14ac:dyDescent="0.2">
      <c r="B3" s="80"/>
      <c r="C3" s="80"/>
      <c r="D3" s="83"/>
      <c r="E3" s="83"/>
      <c r="F3" s="83"/>
      <c r="G3" s="83"/>
      <c r="H3" s="83"/>
      <c r="I3" s="83"/>
      <c r="J3" s="83"/>
      <c r="K3" s="83"/>
      <c r="L3" s="34"/>
    </row>
    <row r="4" spans="1:69" ht="24.95" customHeight="1" x14ac:dyDescent="0.2">
      <c r="B4" s="223" t="s">
        <v>202</v>
      </c>
      <c r="C4" s="224"/>
      <c r="D4" s="224"/>
      <c r="E4" s="224"/>
      <c r="F4" s="224"/>
      <c r="G4" s="224"/>
      <c r="H4" s="224"/>
      <c r="I4" s="224"/>
      <c r="J4" s="224"/>
      <c r="K4" s="224"/>
      <c r="L4" s="224"/>
      <c r="M4" s="224"/>
      <c r="N4" s="224"/>
      <c r="O4" s="224"/>
      <c r="P4" s="224"/>
      <c r="Q4" s="224"/>
      <c r="R4" s="224"/>
      <c r="S4" s="224"/>
      <c r="T4" s="224"/>
      <c r="U4" s="224"/>
      <c r="V4" s="224"/>
      <c r="W4" s="224"/>
      <c r="X4" s="224"/>
      <c r="Y4" s="224"/>
      <c r="Z4" s="224"/>
      <c r="AA4" s="224"/>
      <c r="AB4" s="224"/>
      <c r="AC4" s="224"/>
      <c r="AD4" s="224"/>
      <c r="AE4" s="224"/>
      <c r="AF4" s="224"/>
      <c r="AG4" s="224"/>
      <c r="AH4" s="224"/>
      <c r="AI4" s="224"/>
    </row>
    <row r="5" spans="1:69" ht="3.75" customHeight="1" x14ac:dyDescent="0.2">
      <c r="B5" s="84"/>
      <c r="C5" s="84"/>
      <c r="D5" s="88"/>
      <c r="E5" s="88"/>
      <c r="F5" s="88"/>
      <c r="G5" s="88"/>
      <c r="H5" s="88"/>
      <c r="I5" s="88"/>
      <c r="J5" s="88"/>
      <c r="K5" s="88"/>
      <c r="L5" s="34"/>
      <c r="O5" s="68"/>
      <c r="V5" s="113"/>
      <c r="AH5" s="113"/>
      <c r="AI5" s="7"/>
    </row>
    <row r="6" spans="1:69" ht="20.100000000000001" customHeight="1" x14ac:dyDescent="0.2">
      <c r="B6" s="35" t="s">
        <v>18</v>
      </c>
      <c r="C6" s="82"/>
      <c r="D6" s="217" t="str">
        <f>IF('Input Form'!D6="", "", 'Input Form'!D6)</f>
        <v>SHETLAND UHI LTD</v>
      </c>
      <c r="E6" s="218"/>
      <c r="F6" s="218"/>
      <c r="G6" s="218"/>
      <c r="H6" s="218"/>
      <c r="I6" s="218"/>
      <c r="J6" s="218"/>
      <c r="K6" s="218"/>
      <c r="L6" s="218"/>
      <c r="M6" s="218"/>
      <c r="N6" s="218"/>
      <c r="O6" s="218"/>
      <c r="P6" s="218"/>
      <c r="Q6" s="218"/>
      <c r="R6" s="218"/>
      <c r="S6" s="218"/>
      <c r="T6" s="218"/>
      <c r="U6" s="218"/>
      <c r="V6" s="218"/>
      <c r="W6" s="218"/>
      <c r="X6" s="218"/>
      <c r="Y6" s="218"/>
      <c r="Z6" s="218"/>
      <c r="AA6" s="218"/>
      <c r="AB6" s="218"/>
      <c r="AC6" s="218"/>
      <c r="AD6" s="218"/>
      <c r="AE6" s="218"/>
      <c r="AF6" s="218"/>
      <c r="AG6" s="219"/>
      <c r="AH6" s="147"/>
      <c r="AI6" s="7"/>
      <c r="BQ6" s="7" t="s">
        <v>2</v>
      </c>
    </row>
    <row r="7" spans="1:69" ht="3.75" customHeight="1" x14ac:dyDescent="0.2">
      <c r="B7" s="34"/>
      <c r="C7" s="84"/>
      <c r="D7" s="135"/>
      <c r="E7" s="135"/>
      <c r="F7" s="135"/>
      <c r="G7" s="135"/>
      <c r="H7" s="135"/>
      <c r="I7" s="135"/>
      <c r="J7" s="135"/>
      <c r="K7" s="135"/>
      <c r="L7" s="135"/>
      <c r="M7" s="135"/>
      <c r="N7" s="135"/>
      <c r="O7" s="135"/>
      <c r="P7" s="135"/>
      <c r="Q7" s="135"/>
      <c r="R7" s="135"/>
      <c r="S7" s="135"/>
      <c r="T7" s="135"/>
      <c r="U7" s="135"/>
      <c r="V7" s="135"/>
      <c r="W7" s="135"/>
      <c r="X7" s="135"/>
      <c r="Y7" s="135"/>
      <c r="Z7" s="135"/>
      <c r="AA7" s="135"/>
      <c r="AB7" s="135"/>
      <c r="AC7" s="135"/>
      <c r="AD7" s="135"/>
      <c r="AE7" s="135"/>
      <c r="AF7" s="135"/>
      <c r="AG7" s="135"/>
      <c r="AH7" s="147"/>
      <c r="AI7" s="7"/>
    </row>
    <row r="8" spans="1:69" ht="20.100000000000001" customHeight="1" x14ac:dyDescent="0.2">
      <c r="B8" s="34" t="s">
        <v>22</v>
      </c>
      <c r="C8" s="84"/>
      <c r="D8" s="217" t="str">
        <f>IF('Input Form'!D8="", "", 'Input Form'!D8)</f>
        <v>GREMISTA</v>
      </c>
      <c r="E8" s="218"/>
      <c r="F8" s="218"/>
      <c r="G8" s="218"/>
      <c r="H8" s="218"/>
      <c r="I8" s="218"/>
      <c r="J8" s="218"/>
      <c r="K8" s="218"/>
      <c r="L8" s="218"/>
      <c r="M8" s="218"/>
      <c r="N8" s="218"/>
      <c r="O8" s="218"/>
      <c r="P8" s="218"/>
      <c r="Q8" s="218"/>
      <c r="R8" s="218"/>
      <c r="S8" s="218"/>
      <c r="T8" s="218"/>
      <c r="U8" s="218"/>
      <c r="V8" s="218"/>
      <c r="W8" s="218"/>
      <c r="X8" s="218"/>
      <c r="Y8" s="218"/>
      <c r="Z8" s="218"/>
      <c r="AA8" s="218"/>
      <c r="AB8" s="218"/>
      <c r="AC8" s="218"/>
      <c r="AD8" s="218"/>
      <c r="AE8" s="218"/>
      <c r="AF8" s="218"/>
      <c r="AG8" s="219"/>
      <c r="AH8" s="147"/>
      <c r="AI8" s="7"/>
    </row>
    <row r="9" spans="1:69" ht="4.5" customHeight="1" x14ac:dyDescent="0.2">
      <c r="B9" s="34"/>
      <c r="C9" s="34"/>
      <c r="D9" s="114"/>
      <c r="E9" s="114"/>
      <c r="F9" s="114"/>
      <c r="G9" s="114"/>
      <c r="H9" s="114"/>
      <c r="I9" s="114"/>
      <c r="J9" s="114"/>
      <c r="K9" s="114"/>
      <c r="L9" s="114"/>
      <c r="M9" s="135"/>
      <c r="N9" s="148"/>
      <c r="O9" s="135"/>
      <c r="P9" s="135"/>
      <c r="Q9" s="135"/>
      <c r="R9" s="135"/>
      <c r="S9" s="135"/>
      <c r="T9" s="135"/>
      <c r="U9" s="135"/>
      <c r="V9" s="149"/>
      <c r="W9" s="135"/>
      <c r="X9" s="135"/>
      <c r="Y9" s="135"/>
      <c r="Z9" s="135"/>
      <c r="AA9" s="135"/>
      <c r="AB9" s="135"/>
      <c r="AC9" s="135"/>
      <c r="AD9" s="135"/>
      <c r="AE9" s="135"/>
      <c r="AF9" s="135"/>
      <c r="AG9" s="135"/>
      <c r="AH9" s="147"/>
      <c r="AI9" s="7"/>
      <c r="AM9" s="225"/>
      <c r="AN9" s="225"/>
      <c r="AO9" s="225"/>
      <c r="AP9" s="225"/>
      <c r="AQ9" s="225"/>
      <c r="AR9" s="225"/>
      <c r="AS9" s="225"/>
    </row>
    <row r="10" spans="1:69" ht="20.100000000000001" customHeight="1" x14ac:dyDescent="0.2">
      <c r="B10" s="7"/>
      <c r="C10" s="7"/>
      <c r="D10" s="217" t="str">
        <f>IF('Input Form'!D9="", "", 'Input Form'!D9)</f>
        <v>INDUSTRIAL ESTATE</v>
      </c>
      <c r="E10" s="218"/>
      <c r="F10" s="218"/>
      <c r="G10" s="218"/>
      <c r="H10" s="218"/>
      <c r="I10" s="218"/>
      <c r="J10" s="218"/>
      <c r="K10" s="218"/>
      <c r="L10" s="218"/>
      <c r="M10" s="218"/>
      <c r="N10" s="218"/>
      <c r="O10" s="218"/>
      <c r="P10" s="218"/>
      <c r="Q10" s="218"/>
      <c r="R10" s="218"/>
      <c r="S10" s="218"/>
      <c r="T10" s="218"/>
      <c r="U10" s="218"/>
      <c r="V10" s="218"/>
      <c r="W10" s="218"/>
      <c r="X10" s="218"/>
      <c r="Y10" s="218"/>
      <c r="Z10" s="218"/>
      <c r="AA10" s="218"/>
      <c r="AB10" s="218"/>
      <c r="AC10" s="218"/>
      <c r="AD10" s="218"/>
      <c r="AE10" s="218"/>
      <c r="AF10" s="218"/>
      <c r="AG10" s="219"/>
      <c r="AH10" s="147"/>
      <c r="AI10" s="7"/>
    </row>
    <row r="11" spans="1:69" ht="4.5" customHeight="1" x14ac:dyDescent="0.2">
      <c r="B11" s="7"/>
      <c r="C11" s="7"/>
      <c r="D11" s="135"/>
      <c r="E11" s="135"/>
      <c r="F11" s="135"/>
      <c r="G11" s="135"/>
      <c r="H11" s="135"/>
      <c r="I11" s="135"/>
      <c r="J11" s="135"/>
      <c r="K11" s="135"/>
      <c r="L11" s="135"/>
      <c r="M11" s="135"/>
      <c r="N11" s="148"/>
      <c r="O11" s="135"/>
      <c r="P11" s="135"/>
      <c r="Q11" s="135"/>
      <c r="R11" s="135"/>
      <c r="S11" s="135"/>
      <c r="T11" s="135"/>
      <c r="U11" s="135"/>
      <c r="V11" s="149"/>
      <c r="W11" s="135"/>
      <c r="X11" s="135"/>
      <c r="Y11" s="135"/>
      <c r="Z11" s="135"/>
      <c r="AA11" s="135"/>
      <c r="AB11" s="135"/>
      <c r="AC11" s="135"/>
      <c r="AD11" s="135"/>
      <c r="AE11" s="135"/>
      <c r="AF11" s="135"/>
      <c r="AG11" s="135"/>
      <c r="AH11" s="147"/>
      <c r="AI11" s="7"/>
      <c r="AM11" s="225"/>
      <c r="AN11" s="225"/>
      <c r="AO11" s="225"/>
      <c r="AP11" s="225"/>
      <c r="AQ11" s="225"/>
      <c r="AR11" s="225"/>
      <c r="AS11" s="225"/>
    </row>
    <row r="12" spans="1:69" ht="20.100000000000001" customHeight="1" x14ac:dyDescent="0.2">
      <c r="B12" s="7"/>
      <c r="C12" s="7"/>
      <c r="D12" s="217" t="str">
        <f>IF('Input Form'!D10="", "", 'Input Form'!D10)</f>
        <v>SHETLAND</v>
      </c>
      <c r="E12" s="218"/>
      <c r="F12" s="218"/>
      <c r="G12" s="218"/>
      <c r="H12" s="218"/>
      <c r="I12" s="218"/>
      <c r="J12" s="218"/>
      <c r="K12" s="218"/>
      <c r="L12" s="218"/>
      <c r="M12" s="218"/>
      <c r="N12" s="218"/>
      <c r="O12" s="218"/>
      <c r="P12" s="218"/>
      <c r="Q12" s="218"/>
      <c r="R12" s="218"/>
      <c r="S12" s="218"/>
      <c r="T12" s="218"/>
      <c r="U12" s="218"/>
      <c r="V12" s="218"/>
      <c r="W12" s="218"/>
      <c r="X12" s="218"/>
      <c r="Y12" s="218"/>
      <c r="Z12" s="218"/>
      <c r="AA12" s="218"/>
      <c r="AB12" s="218"/>
      <c r="AC12" s="218"/>
      <c r="AD12" s="218"/>
      <c r="AE12" s="218"/>
      <c r="AF12" s="218"/>
      <c r="AG12" s="219"/>
      <c r="AH12" s="147"/>
      <c r="AI12" s="7"/>
    </row>
    <row r="13" spans="1:69" ht="4.5" customHeight="1" x14ac:dyDescent="0.2">
      <c r="B13" s="7"/>
      <c r="C13" s="7"/>
      <c r="D13" s="135"/>
      <c r="E13" s="135"/>
      <c r="F13" s="135"/>
      <c r="G13" s="135"/>
      <c r="H13" s="135"/>
      <c r="I13" s="135"/>
      <c r="J13" s="135"/>
      <c r="K13" s="135"/>
      <c r="L13" s="135"/>
      <c r="M13" s="135"/>
      <c r="N13" s="148"/>
      <c r="O13" s="135"/>
      <c r="P13" s="135"/>
      <c r="Q13" s="135"/>
      <c r="R13" s="135"/>
      <c r="S13" s="135"/>
      <c r="T13" s="135"/>
      <c r="U13" s="135"/>
      <c r="V13" s="149"/>
      <c r="W13" s="135"/>
      <c r="X13" s="135"/>
      <c r="Y13" s="135"/>
      <c r="Z13" s="135"/>
      <c r="AA13" s="135"/>
      <c r="AB13" s="135"/>
      <c r="AC13" s="135"/>
      <c r="AD13" s="135"/>
      <c r="AE13" s="135"/>
      <c r="AF13" s="135"/>
      <c r="AG13" s="135"/>
      <c r="AH13" s="147"/>
      <c r="AI13" s="7"/>
      <c r="AM13" s="225"/>
      <c r="AN13" s="225"/>
      <c r="AO13" s="225"/>
      <c r="AP13" s="225"/>
      <c r="AQ13" s="225"/>
      <c r="AR13" s="225"/>
      <c r="AS13" s="225"/>
    </row>
    <row r="14" spans="1:69" ht="20.100000000000001" customHeight="1" x14ac:dyDescent="0.2">
      <c r="B14" s="7"/>
      <c r="C14" s="7"/>
      <c r="D14" s="217" t="str">
        <f>IF('Input Form'!D11="", "", 'Input Form'!D11)</f>
        <v/>
      </c>
      <c r="E14" s="218"/>
      <c r="F14" s="218"/>
      <c r="G14" s="218"/>
      <c r="H14" s="218"/>
      <c r="I14" s="218"/>
      <c r="J14" s="218"/>
      <c r="K14" s="218"/>
      <c r="L14" s="218"/>
      <c r="M14" s="218"/>
      <c r="N14" s="218"/>
      <c r="O14" s="218"/>
      <c r="P14" s="218"/>
      <c r="Q14" s="218"/>
      <c r="R14" s="218"/>
      <c r="S14" s="218"/>
      <c r="T14" s="218"/>
      <c r="U14" s="218"/>
      <c r="V14" s="218"/>
      <c r="W14" s="218"/>
      <c r="X14" s="218"/>
      <c r="Y14" s="218"/>
      <c r="Z14" s="218"/>
      <c r="AA14" s="218"/>
      <c r="AB14" s="218"/>
      <c r="AC14" s="218"/>
      <c r="AD14" s="218"/>
      <c r="AE14" s="218"/>
      <c r="AF14" s="218"/>
      <c r="AG14" s="219"/>
      <c r="AH14" s="147"/>
      <c r="AI14" s="7"/>
    </row>
    <row r="15" spans="1:69" ht="4.5" customHeight="1" x14ac:dyDescent="0.2">
      <c r="B15" s="34"/>
      <c r="C15" s="34"/>
      <c r="D15" s="114"/>
      <c r="E15" s="114"/>
      <c r="F15" s="114"/>
      <c r="G15" s="114"/>
      <c r="H15" s="114"/>
      <c r="I15" s="114"/>
      <c r="J15" s="114"/>
      <c r="K15" s="114"/>
      <c r="L15" s="114"/>
      <c r="M15" s="135"/>
      <c r="N15" s="135"/>
      <c r="O15" s="135"/>
      <c r="P15" s="135"/>
      <c r="Q15" s="135"/>
      <c r="R15" s="135"/>
      <c r="S15" s="135"/>
      <c r="T15" s="135"/>
      <c r="U15" s="135"/>
      <c r="V15" s="149"/>
      <c r="W15" s="135"/>
      <c r="X15" s="135"/>
      <c r="Y15" s="135"/>
      <c r="Z15" s="135"/>
      <c r="AA15" s="135"/>
      <c r="AB15" s="135"/>
      <c r="AC15" s="135"/>
      <c r="AD15" s="135"/>
      <c r="AE15" s="135"/>
      <c r="AF15" s="135"/>
      <c r="AG15" s="135"/>
      <c r="AH15" s="147"/>
      <c r="AI15" s="7"/>
      <c r="AM15" s="225"/>
      <c r="AN15" s="225"/>
      <c r="AO15" s="225"/>
      <c r="AP15" s="225"/>
      <c r="AQ15" s="225"/>
      <c r="AR15" s="225"/>
      <c r="AS15" s="225"/>
    </row>
    <row r="16" spans="1:69" ht="20.100000000000001" customHeight="1" x14ac:dyDescent="0.2">
      <c r="B16" s="17" t="s">
        <v>4</v>
      </c>
      <c r="C16" s="35"/>
      <c r="D16" s="217" t="str">
        <f>IF('Input Form'!D15="", "", 'Input Form'!D15)</f>
        <v>N/A</v>
      </c>
      <c r="E16" s="218"/>
      <c r="F16" s="218"/>
      <c r="G16" s="218"/>
      <c r="H16" s="218"/>
      <c r="I16" s="218"/>
      <c r="J16" s="218"/>
      <c r="K16" s="218"/>
      <c r="L16" s="218"/>
      <c r="M16" s="218"/>
      <c r="N16" s="218"/>
      <c r="O16" s="218"/>
      <c r="P16" s="218"/>
      <c r="Q16" s="219"/>
      <c r="R16" s="136" t="s">
        <v>1</v>
      </c>
      <c r="S16" s="147"/>
      <c r="T16" s="147"/>
      <c r="U16" s="147"/>
      <c r="V16" s="147"/>
      <c r="W16" s="217" t="str">
        <f>IF('Input Form'!D13="", "", 'Input Form'!D13)</f>
        <v>ZE1 0PX</v>
      </c>
      <c r="X16" s="218"/>
      <c r="Y16" s="218"/>
      <c r="Z16" s="218"/>
      <c r="AA16" s="218"/>
      <c r="AB16" s="218"/>
      <c r="AC16" s="218"/>
      <c r="AD16" s="218"/>
      <c r="AE16" s="218"/>
      <c r="AF16" s="218"/>
      <c r="AG16" s="219"/>
      <c r="AH16" s="147"/>
      <c r="AI16" s="7"/>
    </row>
    <row r="17" spans="2:35" ht="12.6" customHeight="1" x14ac:dyDescent="0.2">
      <c r="B17" s="34"/>
      <c r="C17" s="34"/>
      <c r="D17" s="34"/>
      <c r="E17" s="34"/>
      <c r="F17" s="34"/>
      <c r="G17" s="34"/>
      <c r="H17" s="34"/>
      <c r="I17" s="34"/>
      <c r="J17" s="34"/>
      <c r="K17" s="34"/>
      <c r="L17" s="34"/>
      <c r="M17" s="34"/>
      <c r="N17" s="34"/>
      <c r="O17" s="34"/>
      <c r="P17" s="34"/>
      <c r="Q17" s="34"/>
      <c r="R17" s="34"/>
      <c r="S17" s="34"/>
      <c r="T17" s="34"/>
      <c r="U17" s="34"/>
      <c r="W17" s="69"/>
      <c r="X17" s="69"/>
      <c r="Y17" s="69"/>
      <c r="Z17" s="69"/>
      <c r="AA17" s="69"/>
      <c r="AB17" s="69"/>
      <c r="AC17" s="69"/>
      <c r="AD17" s="69"/>
      <c r="AE17" s="69"/>
      <c r="AF17" s="69"/>
      <c r="AG17" s="69"/>
      <c r="AH17" s="147"/>
      <c r="AI17" s="7"/>
    </row>
    <row r="18" spans="2:35" ht="12.6" customHeight="1" x14ac:dyDescent="0.2">
      <c r="B18" s="34"/>
      <c r="C18" s="34"/>
      <c r="D18" s="34"/>
      <c r="E18" s="34"/>
      <c r="F18" s="34"/>
      <c r="G18" s="34"/>
      <c r="H18" s="34"/>
      <c r="I18" s="34"/>
      <c r="J18" s="34"/>
      <c r="K18" s="34"/>
      <c r="L18" s="34"/>
      <c r="M18" s="34"/>
      <c r="N18" s="34"/>
      <c r="O18" s="34"/>
      <c r="P18" s="34"/>
      <c r="Q18" s="34"/>
      <c r="R18" s="34"/>
      <c r="S18" s="34"/>
      <c r="T18" s="34"/>
      <c r="U18" s="34"/>
      <c r="W18" s="111"/>
      <c r="X18" s="112"/>
      <c r="Y18" s="112"/>
      <c r="Z18" s="112"/>
      <c r="AA18" s="112"/>
      <c r="AB18" s="112"/>
      <c r="AC18" s="112"/>
      <c r="AD18" s="112"/>
      <c r="AE18" s="112"/>
      <c r="AF18" s="112"/>
      <c r="AG18" s="112"/>
      <c r="AH18" s="113"/>
      <c r="AI18" s="7"/>
    </row>
    <row r="19" spans="2:35" ht="24.95" customHeight="1" x14ac:dyDescent="0.2">
      <c r="B19" s="253" t="s">
        <v>11</v>
      </c>
      <c r="C19" s="254"/>
      <c r="D19" s="254"/>
      <c r="E19" s="254"/>
      <c r="F19" s="254"/>
      <c r="G19" s="254"/>
      <c r="H19" s="254"/>
      <c r="I19" s="254"/>
      <c r="J19" s="254"/>
      <c r="K19" s="254"/>
      <c r="L19" s="254"/>
      <c r="M19" s="254"/>
      <c r="N19" s="254"/>
      <c r="O19" s="254"/>
      <c r="P19" s="254"/>
      <c r="Q19" s="254"/>
      <c r="R19" s="254"/>
      <c r="S19" s="254"/>
      <c r="T19" s="254"/>
      <c r="U19" s="254"/>
      <c r="V19" s="254"/>
      <c r="W19" s="254"/>
      <c r="X19" s="254"/>
      <c r="Y19" s="254"/>
      <c r="Z19" s="254"/>
      <c r="AA19" s="254"/>
      <c r="AB19" s="254"/>
      <c r="AC19" s="254"/>
      <c r="AD19" s="254"/>
      <c r="AE19" s="254"/>
      <c r="AF19" s="254"/>
      <c r="AG19" s="254"/>
      <c r="AH19" s="254"/>
      <c r="AI19" s="254"/>
    </row>
    <row r="20" spans="2:35" ht="9" customHeight="1" x14ac:dyDescent="0.2">
      <c r="B20" s="34"/>
      <c r="C20" s="34"/>
      <c r="D20" s="34"/>
      <c r="E20" s="34"/>
      <c r="F20" s="34"/>
      <c r="G20" s="34"/>
      <c r="H20" s="34"/>
      <c r="I20" s="34"/>
      <c r="J20" s="34"/>
      <c r="K20" s="34"/>
      <c r="L20" s="34"/>
    </row>
    <row r="21" spans="2:35" s="124" customFormat="1" ht="20.100000000000001" customHeight="1" x14ac:dyDescent="0.2">
      <c r="B21" s="125" t="s">
        <v>17</v>
      </c>
      <c r="C21" s="125"/>
      <c r="D21" s="125"/>
      <c r="E21" s="125"/>
      <c r="F21" s="125"/>
      <c r="G21" s="125"/>
      <c r="H21" s="125"/>
      <c r="I21" s="125"/>
      <c r="J21" s="125"/>
      <c r="K21" s="125"/>
      <c r="L21" s="125"/>
      <c r="AI21" s="126"/>
    </row>
    <row r="22" spans="2:35" ht="113.45" customHeight="1" x14ac:dyDescent="0.2">
      <c r="B22" s="226" t="s">
        <v>196</v>
      </c>
      <c r="C22" s="226"/>
      <c r="D22" s="226"/>
      <c r="E22" s="226"/>
      <c r="F22" s="226"/>
      <c r="G22" s="226"/>
      <c r="H22" s="226"/>
      <c r="I22" s="226"/>
      <c r="J22" s="226"/>
      <c r="K22" s="226"/>
      <c r="L22" s="226"/>
      <c r="M22" s="226"/>
      <c r="N22" s="226"/>
      <c r="O22" s="226"/>
      <c r="P22" s="226"/>
      <c r="Q22" s="226"/>
      <c r="R22" s="226"/>
      <c r="S22" s="226"/>
      <c r="T22" s="226"/>
      <c r="U22" s="226"/>
      <c r="V22" s="226"/>
      <c r="W22" s="226"/>
      <c r="X22" s="226"/>
      <c r="Y22" s="226"/>
      <c r="Z22" s="226"/>
      <c r="AA22" s="226"/>
      <c r="AB22" s="226"/>
      <c r="AC22" s="226"/>
      <c r="AD22" s="226"/>
      <c r="AE22" s="226"/>
      <c r="AF22" s="226"/>
      <c r="AG22" s="226"/>
      <c r="AH22" s="226"/>
      <c r="AI22" s="226"/>
    </row>
    <row r="23" spans="2:35" ht="17.100000000000001" customHeight="1" x14ac:dyDescent="0.2">
      <c r="B23" s="34" t="s">
        <v>30</v>
      </c>
      <c r="C23" s="34"/>
      <c r="D23" s="34"/>
      <c r="E23" s="34"/>
      <c r="F23" s="34"/>
      <c r="G23" s="34"/>
      <c r="H23" s="34"/>
      <c r="I23" s="34"/>
      <c r="J23" s="34"/>
      <c r="K23" s="34"/>
      <c r="L23" s="34"/>
    </row>
    <row r="24" spans="2:35" ht="17.100000000000001" customHeight="1" x14ac:dyDescent="0.2">
      <c r="B24" s="34" t="s">
        <v>31</v>
      </c>
      <c r="C24" s="34"/>
      <c r="D24" s="34"/>
      <c r="E24" s="34"/>
      <c r="F24" s="34"/>
      <c r="G24" s="34"/>
      <c r="H24" s="34"/>
      <c r="I24" s="34"/>
      <c r="J24" s="34"/>
      <c r="K24" s="34"/>
      <c r="L24" s="34"/>
    </row>
    <row r="25" spans="2:35" ht="17.100000000000001" customHeight="1" x14ac:dyDescent="0.2">
      <c r="B25" s="34" t="s">
        <v>32</v>
      </c>
      <c r="C25" s="34"/>
      <c r="D25" s="34"/>
      <c r="E25" s="34"/>
      <c r="F25" s="34"/>
      <c r="G25" s="34"/>
      <c r="H25" s="34"/>
      <c r="I25" s="34"/>
      <c r="J25" s="34"/>
      <c r="K25" s="34"/>
      <c r="L25" s="34"/>
    </row>
    <row r="26" spans="2:35" ht="17.100000000000001" customHeight="1" x14ac:dyDescent="0.2">
      <c r="B26" s="34" t="s">
        <v>33</v>
      </c>
      <c r="C26" s="34"/>
      <c r="D26" s="34"/>
      <c r="E26" s="34"/>
      <c r="F26" s="34"/>
      <c r="G26" s="34"/>
      <c r="H26" s="34"/>
      <c r="I26" s="34"/>
      <c r="J26" s="34"/>
      <c r="K26" s="34"/>
      <c r="L26" s="34"/>
    </row>
    <row r="27" spans="2:35" x14ac:dyDescent="0.2">
      <c r="B27" s="245"/>
      <c r="C27" s="245"/>
      <c r="D27" s="245"/>
      <c r="E27" s="245"/>
      <c r="F27" s="245"/>
      <c r="G27" s="245"/>
      <c r="H27" s="245"/>
      <c r="I27" s="245"/>
      <c r="J27" s="245"/>
      <c r="K27" s="245"/>
      <c r="L27" s="245"/>
      <c r="AI27" s="7"/>
    </row>
    <row r="28" spans="2:35" x14ac:dyDescent="0.2">
      <c r="B28" s="34"/>
      <c r="C28" s="34"/>
      <c r="D28" s="34"/>
      <c r="E28" s="34"/>
      <c r="F28" s="34"/>
      <c r="G28" s="34"/>
      <c r="H28" s="34"/>
      <c r="I28" s="34"/>
      <c r="J28" s="34"/>
      <c r="K28" s="34"/>
      <c r="L28" s="7"/>
      <c r="AI28" s="7"/>
    </row>
    <row r="29" spans="2:35" ht="20.100000000000001" customHeight="1" x14ac:dyDescent="0.2">
      <c r="B29" s="34" t="s">
        <v>190</v>
      </c>
      <c r="C29" s="34"/>
      <c r="D29" s="246"/>
      <c r="E29" s="247"/>
      <c r="F29" s="247"/>
      <c r="G29" s="247"/>
      <c r="H29" s="247"/>
      <c r="I29" s="247"/>
      <c r="J29" s="247"/>
      <c r="K29" s="247"/>
      <c r="L29" s="247"/>
      <c r="M29" s="247"/>
      <c r="N29" s="247"/>
      <c r="O29" s="247"/>
      <c r="P29" s="247"/>
      <c r="Q29" s="247"/>
      <c r="R29" s="247"/>
      <c r="S29" s="247"/>
      <c r="T29" s="247"/>
      <c r="U29" s="247"/>
      <c r="V29" s="247"/>
      <c r="W29" s="248"/>
      <c r="AI29" s="7"/>
    </row>
    <row r="30" spans="2:35" ht="6.95" customHeight="1" x14ac:dyDescent="0.2">
      <c r="B30" s="34"/>
      <c r="C30" s="34"/>
      <c r="D30" s="69"/>
      <c r="E30" s="69"/>
      <c r="F30" s="69"/>
      <c r="G30" s="69"/>
      <c r="H30" s="34"/>
      <c r="I30" s="34"/>
      <c r="J30" s="34"/>
      <c r="K30" s="34"/>
      <c r="L30" s="34"/>
      <c r="AI30" s="7"/>
    </row>
    <row r="31" spans="2:35" ht="20.100000000000001" customHeight="1" x14ac:dyDescent="0.2">
      <c r="B31" s="1" t="s">
        <v>29</v>
      </c>
      <c r="C31" s="1"/>
      <c r="D31" s="249"/>
      <c r="E31" s="250"/>
      <c r="F31" s="250"/>
      <c r="G31" s="250"/>
      <c r="H31" s="250"/>
      <c r="I31" s="250"/>
      <c r="J31" s="250"/>
      <c r="K31" s="250"/>
      <c r="L31" s="250"/>
      <c r="M31" s="250"/>
      <c r="N31" s="250"/>
      <c r="O31" s="250"/>
      <c r="P31" s="250"/>
      <c r="Q31" s="250"/>
      <c r="R31" s="250"/>
      <c r="S31" s="250"/>
      <c r="T31" s="250"/>
      <c r="U31" s="250"/>
      <c r="V31" s="250"/>
      <c r="W31" s="251"/>
      <c r="AD31" s="32"/>
      <c r="AE31" s="32"/>
      <c r="AF31" s="32"/>
      <c r="AG31" s="32"/>
      <c r="AH31" s="32"/>
      <c r="AI31" s="7"/>
    </row>
    <row r="32" spans="2:35" ht="6.95" customHeight="1" x14ac:dyDescent="0.2">
      <c r="B32" s="1"/>
      <c r="C32" s="1"/>
      <c r="D32" s="69"/>
      <c r="E32" s="69"/>
      <c r="F32" s="69"/>
      <c r="G32" s="69"/>
      <c r="H32" s="1"/>
      <c r="I32" s="1"/>
      <c r="J32" s="1"/>
      <c r="K32" s="1"/>
      <c r="L32" s="1"/>
      <c r="AD32" s="32"/>
      <c r="AE32" s="32"/>
      <c r="AF32" s="32"/>
      <c r="AG32" s="32"/>
      <c r="AH32" s="32"/>
      <c r="AI32" s="7"/>
    </row>
    <row r="33" spans="2:35" ht="20.100000000000001" customHeight="1" x14ac:dyDescent="0.2">
      <c r="B33" s="1" t="s">
        <v>37</v>
      </c>
      <c r="C33" s="1"/>
      <c r="D33" s="169"/>
      <c r="E33" s="169"/>
      <c r="F33" s="170" t="s">
        <v>76</v>
      </c>
      <c r="G33" s="169"/>
      <c r="H33" s="169"/>
      <c r="I33" s="170" t="s">
        <v>76</v>
      </c>
      <c r="J33" s="169"/>
      <c r="K33" s="169"/>
      <c r="L33" s="169"/>
      <c r="M33" s="169"/>
      <c r="AD33" s="32"/>
      <c r="AE33" s="32"/>
      <c r="AF33" s="32"/>
      <c r="AG33" s="32"/>
      <c r="AH33" s="32"/>
      <c r="AI33" s="7"/>
    </row>
    <row r="34" spans="2:35" ht="15" customHeight="1" x14ac:dyDescent="0.2">
      <c r="B34" s="1"/>
      <c r="C34" s="1"/>
      <c r="D34" s="112"/>
      <c r="E34" s="112"/>
      <c r="F34" s="112"/>
      <c r="G34" s="112"/>
      <c r="H34" s="1"/>
      <c r="I34" s="1"/>
      <c r="J34" s="1"/>
      <c r="K34" s="1"/>
      <c r="L34" s="1"/>
    </row>
    <row r="35" spans="2:35" x14ac:dyDescent="0.2">
      <c r="B35" s="1"/>
      <c r="C35" s="1"/>
      <c r="D35" s="1"/>
      <c r="E35" s="1"/>
      <c r="F35" s="1"/>
      <c r="G35" s="1"/>
      <c r="H35" s="1"/>
      <c r="I35" s="1"/>
      <c r="J35" s="1"/>
      <c r="K35" s="1"/>
      <c r="L35" s="1"/>
    </row>
    <row r="36" spans="2:35" x14ac:dyDescent="0.2">
      <c r="B36" s="1"/>
      <c r="C36" s="1"/>
      <c r="D36" s="1"/>
      <c r="E36" s="1"/>
      <c r="F36" s="1"/>
      <c r="G36" s="1"/>
      <c r="H36" s="1"/>
      <c r="I36" s="1"/>
      <c r="J36" s="1"/>
      <c r="K36" s="1"/>
      <c r="L36" s="1"/>
    </row>
    <row r="37" spans="2:35" x14ac:dyDescent="0.2">
      <c r="B37" s="1"/>
      <c r="C37" s="1"/>
      <c r="D37" s="1"/>
      <c r="E37" s="1"/>
      <c r="F37" s="1"/>
      <c r="G37" s="1"/>
      <c r="H37" s="1"/>
      <c r="I37" s="1"/>
      <c r="J37" s="1"/>
      <c r="K37" s="1"/>
      <c r="L37" s="1"/>
    </row>
    <row r="38" spans="2:35" x14ac:dyDescent="0.2">
      <c r="B38" s="1"/>
      <c r="C38" s="1"/>
      <c r="D38" s="1"/>
      <c r="E38" s="1"/>
      <c r="F38" s="1"/>
      <c r="G38" s="1"/>
      <c r="H38" s="1"/>
      <c r="I38" s="1"/>
      <c r="J38" s="1"/>
      <c r="K38" s="1"/>
      <c r="L38" s="1"/>
    </row>
    <row r="39" spans="2:35" x14ac:dyDescent="0.2">
      <c r="B39" s="1"/>
      <c r="C39" s="1"/>
      <c r="D39" s="1"/>
      <c r="E39" s="1"/>
      <c r="F39" s="1"/>
      <c r="G39" s="1"/>
      <c r="H39" s="1"/>
      <c r="I39" s="1"/>
      <c r="J39" s="1"/>
      <c r="K39" s="1"/>
      <c r="L39" s="1"/>
    </row>
    <row r="40" spans="2:35" x14ac:dyDescent="0.2">
      <c r="B40" s="1"/>
      <c r="C40" s="1"/>
      <c r="D40" s="1"/>
      <c r="E40" s="1"/>
      <c r="F40" s="1"/>
      <c r="G40" s="1"/>
      <c r="H40" s="1"/>
      <c r="I40" s="1"/>
      <c r="J40" s="1"/>
      <c r="K40" s="1"/>
      <c r="L40" s="1"/>
    </row>
    <row r="41" spans="2:35" x14ac:dyDescent="0.2">
      <c r="B41" s="1"/>
      <c r="C41" s="1"/>
      <c r="D41" s="1"/>
      <c r="E41" s="1"/>
      <c r="F41" s="1"/>
      <c r="G41" s="1"/>
      <c r="H41" s="1"/>
      <c r="I41" s="1"/>
      <c r="J41" s="1"/>
      <c r="K41" s="1"/>
      <c r="L41" s="1"/>
    </row>
    <row r="42" spans="2:35" x14ac:dyDescent="0.2">
      <c r="B42" s="1"/>
      <c r="C42" s="1"/>
      <c r="D42" s="1"/>
      <c r="E42" s="1"/>
      <c r="F42" s="1"/>
      <c r="G42" s="1"/>
      <c r="H42" s="1"/>
      <c r="I42" s="1"/>
      <c r="J42" s="1"/>
      <c r="K42" s="1"/>
      <c r="L42" s="1"/>
    </row>
    <row r="43" spans="2:35" x14ac:dyDescent="0.2">
      <c r="B43" s="1"/>
      <c r="C43" s="1"/>
      <c r="D43" s="1"/>
      <c r="E43" s="1"/>
      <c r="F43" s="1"/>
      <c r="G43" s="1"/>
      <c r="H43" s="1"/>
      <c r="I43" s="1"/>
      <c r="J43" s="1"/>
      <c r="K43" s="1"/>
      <c r="L43" s="1"/>
    </row>
    <row r="44" spans="2:35" x14ac:dyDescent="0.2">
      <c r="B44" s="1"/>
      <c r="C44" s="1"/>
      <c r="D44" s="1"/>
      <c r="E44" s="1"/>
      <c r="F44" s="1"/>
      <c r="G44" s="1"/>
      <c r="H44" s="1"/>
      <c r="I44" s="1"/>
      <c r="J44" s="1"/>
      <c r="K44" s="1"/>
      <c r="L44" s="1"/>
    </row>
    <row r="45" spans="2:35" x14ac:dyDescent="0.2">
      <c r="B45" s="1"/>
      <c r="C45" s="1"/>
      <c r="D45" s="1"/>
      <c r="E45" s="1"/>
      <c r="F45" s="1"/>
      <c r="G45" s="1"/>
      <c r="H45" s="1"/>
      <c r="I45" s="1"/>
      <c r="J45" s="1"/>
      <c r="K45" s="1"/>
      <c r="L45" s="1"/>
    </row>
    <row r="46" spans="2:35" x14ac:dyDescent="0.2">
      <c r="B46" s="1"/>
      <c r="C46" s="1"/>
      <c r="D46" s="1"/>
      <c r="E46" s="1"/>
      <c r="F46" s="1"/>
      <c r="G46" s="1"/>
      <c r="H46" s="1"/>
      <c r="I46" s="1"/>
      <c r="J46" s="1"/>
      <c r="K46" s="1"/>
      <c r="L46" s="1"/>
    </row>
    <row r="47" spans="2:35" x14ac:dyDescent="0.2">
      <c r="B47" s="1"/>
      <c r="C47" s="1"/>
      <c r="D47" s="1"/>
      <c r="E47" s="1"/>
      <c r="F47" s="1"/>
      <c r="G47" s="1"/>
      <c r="H47" s="1"/>
      <c r="I47" s="1"/>
      <c r="J47" s="1"/>
      <c r="K47" s="1"/>
      <c r="L47" s="1"/>
    </row>
    <row r="48" spans="2:35" x14ac:dyDescent="0.2">
      <c r="B48" s="1"/>
      <c r="C48" s="1"/>
      <c r="D48" s="1"/>
      <c r="E48" s="1"/>
      <c r="F48" s="1"/>
      <c r="G48" s="1"/>
      <c r="H48" s="1"/>
      <c r="I48" s="1"/>
      <c r="J48" s="1"/>
      <c r="K48" s="1"/>
      <c r="L48" s="1"/>
    </row>
    <row r="49" spans="2:35" x14ac:dyDescent="0.2">
      <c r="B49" s="1"/>
      <c r="C49" s="1"/>
      <c r="D49" s="1"/>
      <c r="E49" s="1"/>
      <c r="F49" s="1"/>
      <c r="G49" s="1"/>
      <c r="H49" s="1"/>
      <c r="I49" s="1"/>
      <c r="J49" s="1"/>
      <c r="K49" s="1"/>
      <c r="L49" s="1"/>
    </row>
    <row r="50" spans="2:35" x14ac:dyDescent="0.2">
      <c r="B50" s="1"/>
      <c r="C50" s="1"/>
      <c r="D50" s="1"/>
      <c r="E50" s="1"/>
      <c r="F50" s="1"/>
      <c r="G50" s="1"/>
      <c r="H50" s="1"/>
      <c r="I50" s="1"/>
      <c r="J50" s="1"/>
      <c r="K50" s="1"/>
      <c r="L50" s="1"/>
    </row>
    <row r="51" spans="2:35" x14ac:dyDescent="0.2">
      <c r="B51" s="1"/>
      <c r="C51" s="1"/>
      <c r="D51" s="1"/>
      <c r="E51" s="1"/>
      <c r="F51" s="1"/>
      <c r="G51" s="1"/>
      <c r="H51" s="1"/>
      <c r="I51" s="1"/>
      <c r="J51" s="1"/>
      <c r="K51" s="1"/>
      <c r="L51" s="1"/>
    </row>
    <row r="52" spans="2:35" x14ac:dyDescent="0.2">
      <c r="B52" s="1"/>
      <c r="C52" s="1"/>
      <c r="D52" s="1"/>
      <c r="E52" s="1"/>
      <c r="F52" s="1"/>
      <c r="G52" s="1"/>
      <c r="H52" s="1"/>
      <c r="I52" s="1"/>
      <c r="J52" s="1"/>
      <c r="K52" s="1"/>
      <c r="L52" s="1"/>
    </row>
    <row r="53" spans="2:35" x14ac:dyDescent="0.2">
      <c r="B53" s="1"/>
      <c r="C53" s="1"/>
      <c r="D53" s="1"/>
      <c r="E53" s="1"/>
      <c r="F53" s="1"/>
      <c r="G53" s="1"/>
      <c r="H53" s="1"/>
      <c r="I53" s="1"/>
      <c r="J53" s="1"/>
      <c r="K53" s="1"/>
      <c r="L53" s="1"/>
    </row>
    <row r="54" spans="2:35" x14ac:dyDescent="0.2">
      <c r="B54" s="1"/>
      <c r="C54" s="1"/>
      <c r="D54" s="1"/>
      <c r="E54" s="1"/>
      <c r="F54" s="1"/>
      <c r="G54" s="1"/>
      <c r="H54" s="1"/>
      <c r="I54" s="1"/>
      <c r="J54" s="1"/>
      <c r="K54" s="1"/>
      <c r="L54" s="1"/>
    </row>
    <row r="55" spans="2:35" x14ac:dyDescent="0.2">
      <c r="B55" s="1"/>
      <c r="C55" s="1"/>
      <c r="D55" s="1"/>
      <c r="E55" s="1"/>
      <c r="F55" s="1"/>
      <c r="G55" s="1"/>
      <c r="H55" s="1"/>
      <c r="I55" s="1"/>
      <c r="J55" s="1"/>
      <c r="K55" s="1"/>
      <c r="L55" s="1"/>
    </row>
    <row r="56" spans="2:35" x14ac:dyDescent="0.2">
      <c r="B56" s="1"/>
      <c r="C56" s="1"/>
      <c r="D56" s="1"/>
      <c r="E56" s="1"/>
      <c r="F56" s="1"/>
      <c r="G56" s="1"/>
      <c r="H56" s="1"/>
      <c r="I56" s="1"/>
      <c r="J56" s="1"/>
      <c r="K56" s="1"/>
      <c r="L56" s="1"/>
    </row>
    <row r="57" spans="2:35" x14ac:dyDescent="0.2">
      <c r="B57" s="1"/>
      <c r="C57" s="1"/>
      <c r="D57" s="1"/>
      <c r="E57" s="1"/>
      <c r="F57" s="1"/>
      <c r="G57" s="1"/>
      <c r="H57" s="1"/>
      <c r="I57" s="1"/>
      <c r="J57" s="1"/>
      <c r="K57" s="1"/>
      <c r="L57" s="1"/>
    </row>
    <row r="58" spans="2:35" x14ac:dyDescent="0.2">
      <c r="B58" s="1"/>
      <c r="C58" s="1"/>
      <c r="D58" s="1"/>
      <c r="E58" s="1"/>
      <c r="F58" s="1"/>
      <c r="G58" s="1"/>
      <c r="H58" s="1"/>
      <c r="I58" s="1"/>
      <c r="J58" s="1"/>
      <c r="K58" s="1"/>
      <c r="L58" s="1"/>
    </row>
    <row r="59" spans="2:35" x14ac:dyDescent="0.2">
      <c r="B59" s="1"/>
      <c r="C59" s="1"/>
      <c r="D59" s="1"/>
      <c r="E59" s="1"/>
      <c r="F59" s="1"/>
      <c r="G59" s="1"/>
      <c r="H59" s="1"/>
      <c r="I59" s="1"/>
      <c r="J59" s="1"/>
      <c r="K59" s="1"/>
      <c r="L59" s="1"/>
    </row>
    <row r="60" spans="2:35" ht="26.45" customHeight="1" x14ac:dyDescent="0.2">
      <c r="B60" s="227" t="s">
        <v>210</v>
      </c>
      <c r="C60" s="227"/>
      <c r="D60" s="227"/>
      <c r="E60" s="227"/>
      <c r="F60" s="227"/>
      <c r="G60" s="227"/>
      <c r="H60" s="227"/>
      <c r="I60" s="227"/>
      <c r="J60" s="227"/>
      <c r="K60" s="227"/>
      <c r="L60" s="227"/>
      <c r="M60" s="227"/>
      <c r="N60" s="227"/>
      <c r="O60" s="227"/>
      <c r="P60" s="227"/>
      <c r="Q60" s="227"/>
      <c r="R60" s="227"/>
      <c r="S60" s="227"/>
      <c r="T60" s="227"/>
      <c r="U60" s="227"/>
      <c r="V60" s="227"/>
      <c r="W60" s="227"/>
      <c r="X60" s="227"/>
      <c r="Y60" s="227"/>
      <c r="Z60" s="227"/>
      <c r="AA60" s="227"/>
      <c r="AB60" s="227"/>
      <c r="AC60" s="227"/>
      <c r="AD60" s="227"/>
      <c r="AE60" s="227"/>
      <c r="AF60" s="227"/>
      <c r="AG60" s="227"/>
      <c r="AH60" s="227"/>
      <c r="AI60" s="227"/>
    </row>
    <row r="61" spans="2:35" x14ac:dyDescent="0.2">
      <c r="B61" s="206" t="s">
        <v>211</v>
      </c>
      <c r="C61" s="1"/>
      <c r="D61" s="1"/>
      <c r="E61" s="1"/>
      <c r="F61" s="1"/>
      <c r="G61" s="1"/>
      <c r="H61" s="1"/>
      <c r="I61" s="1"/>
      <c r="J61" s="1"/>
      <c r="K61" s="1"/>
      <c r="L61" s="1"/>
      <c r="M61" s="1"/>
      <c r="N61" s="1"/>
      <c r="O61" s="1"/>
      <c r="P61" s="1"/>
      <c r="Q61" s="1"/>
      <c r="R61" s="1"/>
      <c r="S61" s="1"/>
      <c r="T61" s="1"/>
      <c r="U61" s="1"/>
      <c r="W61" s="69"/>
      <c r="X61" s="69"/>
      <c r="Y61" s="69"/>
      <c r="Z61" s="69"/>
      <c r="AA61" s="69"/>
      <c r="AB61" s="69"/>
      <c r="AC61" s="69"/>
      <c r="AD61" s="69"/>
      <c r="AE61" s="69"/>
      <c r="AF61" s="69"/>
      <c r="AG61" s="112"/>
      <c r="AI61" s="7"/>
    </row>
    <row r="62" spans="2:35" x14ac:dyDescent="0.2">
      <c r="B62" s="1"/>
      <c r="C62" s="1"/>
      <c r="D62" s="1"/>
      <c r="E62" s="1"/>
      <c r="F62" s="1"/>
      <c r="G62" s="1"/>
      <c r="H62" s="1"/>
      <c r="I62" s="1"/>
      <c r="J62" s="1"/>
      <c r="K62" s="1"/>
      <c r="L62" s="1"/>
    </row>
    <row r="63" spans="2:35" x14ac:dyDescent="0.2">
      <c r="B63" s="1"/>
      <c r="C63" s="1"/>
      <c r="D63" s="1"/>
      <c r="E63" s="1"/>
      <c r="F63" s="1"/>
      <c r="G63" s="1"/>
      <c r="H63" s="1"/>
      <c r="I63" s="1"/>
      <c r="J63" s="1"/>
      <c r="K63" s="1"/>
      <c r="L63" s="1"/>
    </row>
    <row r="64" spans="2:35" x14ac:dyDescent="0.2">
      <c r="B64" s="1"/>
      <c r="C64" s="1"/>
      <c r="D64" s="1"/>
      <c r="E64" s="1"/>
      <c r="F64" s="1"/>
      <c r="G64" s="1"/>
      <c r="H64" s="1"/>
      <c r="I64" s="1"/>
      <c r="J64" s="1"/>
      <c r="K64" s="1"/>
      <c r="L64" s="1"/>
    </row>
    <row r="65" spans="2:12" x14ac:dyDescent="0.2">
      <c r="B65" s="1"/>
      <c r="C65" s="1"/>
      <c r="D65" s="1"/>
      <c r="E65" s="1"/>
      <c r="F65" s="1"/>
      <c r="G65" s="1"/>
      <c r="H65" s="1"/>
      <c r="I65" s="1"/>
      <c r="J65" s="1"/>
      <c r="K65" s="1"/>
      <c r="L65" s="1"/>
    </row>
    <row r="66" spans="2:12" x14ac:dyDescent="0.2">
      <c r="B66" s="1"/>
      <c r="C66" s="1"/>
      <c r="D66" s="1"/>
      <c r="E66" s="1"/>
      <c r="F66" s="1"/>
      <c r="G66" s="1"/>
      <c r="H66" s="1"/>
      <c r="I66" s="1"/>
      <c r="J66" s="1"/>
      <c r="K66" s="1"/>
      <c r="L66" s="1"/>
    </row>
    <row r="67" spans="2:12" x14ac:dyDescent="0.2">
      <c r="B67" s="1"/>
      <c r="C67" s="1"/>
      <c r="D67" s="1"/>
      <c r="E67" s="1"/>
      <c r="F67" s="1"/>
      <c r="G67" s="1"/>
      <c r="H67" s="1"/>
      <c r="I67" s="1"/>
      <c r="J67" s="1"/>
      <c r="K67" s="1"/>
      <c r="L67" s="1"/>
    </row>
    <row r="68" spans="2:12" x14ac:dyDescent="0.2">
      <c r="B68" s="1"/>
      <c r="C68" s="1"/>
      <c r="D68" s="1"/>
      <c r="E68" s="1"/>
      <c r="F68" s="1"/>
      <c r="G68" s="1"/>
      <c r="H68" s="1"/>
      <c r="I68" s="1"/>
      <c r="J68" s="1"/>
      <c r="K68" s="1"/>
      <c r="L68" s="1"/>
    </row>
    <row r="69" spans="2:12" x14ac:dyDescent="0.2">
      <c r="B69" s="1"/>
      <c r="C69" s="1"/>
      <c r="D69" s="1"/>
      <c r="E69" s="1"/>
      <c r="F69" s="1"/>
      <c r="G69" s="1"/>
      <c r="H69" s="1"/>
      <c r="I69" s="1"/>
      <c r="J69" s="1"/>
      <c r="K69" s="1"/>
      <c r="L69" s="1"/>
    </row>
    <row r="70" spans="2:12" x14ac:dyDescent="0.2">
      <c r="B70" s="1"/>
      <c r="C70" s="1"/>
      <c r="D70" s="1"/>
      <c r="E70" s="1"/>
      <c r="F70" s="1"/>
      <c r="G70" s="1"/>
      <c r="H70" s="1"/>
      <c r="I70" s="1"/>
      <c r="J70" s="1"/>
      <c r="K70" s="1"/>
      <c r="L70" s="1"/>
    </row>
    <row r="71" spans="2:12" x14ac:dyDescent="0.2">
      <c r="B71" s="1"/>
      <c r="C71" s="1"/>
      <c r="D71" s="1"/>
      <c r="E71" s="1"/>
      <c r="F71" s="1"/>
      <c r="G71" s="1"/>
      <c r="H71" s="1"/>
      <c r="I71" s="1"/>
      <c r="J71" s="1"/>
      <c r="K71" s="1"/>
      <c r="L71" s="1"/>
    </row>
    <row r="72" spans="2:12" x14ac:dyDescent="0.2">
      <c r="B72" s="1"/>
      <c r="C72" s="1"/>
      <c r="D72" s="1"/>
      <c r="E72" s="1"/>
      <c r="F72" s="1"/>
      <c r="G72" s="1"/>
      <c r="H72" s="1"/>
      <c r="I72" s="1"/>
      <c r="J72" s="1"/>
      <c r="K72" s="1"/>
      <c r="L72" s="1"/>
    </row>
    <row r="73" spans="2:12" x14ac:dyDescent="0.2">
      <c r="B73" s="1"/>
      <c r="C73" s="1"/>
      <c r="D73" s="1"/>
      <c r="E73" s="1"/>
      <c r="F73" s="1"/>
      <c r="G73" s="1"/>
      <c r="H73" s="1"/>
      <c r="I73" s="1"/>
      <c r="J73" s="1"/>
      <c r="K73" s="1"/>
      <c r="L73" s="1"/>
    </row>
    <row r="74" spans="2:12" x14ac:dyDescent="0.2">
      <c r="B74" s="1"/>
      <c r="C74" s="1"/>
      <c r="D74" s="1"/>
      <c r="E74" s="1"/>
      <c r="F74" s="1"/>
      <c r="G74" s="1"/>
      <c r="H74" s="1"/>
      <c r="I74" s="1"/>
      <c r="J74" s="1"/>
      <c r="K74" s="1"/>
      <c r="L74" s="1"/>
    </row>
    <row r="75" spans="2:12" x14ac:dyDescent="0.2">
      <c r="B75" s="1"/>
      <c r="C75" s="1"/>
      <c r="D75" s="1"/>
      <c r="E75" s="1"/>
      <c r="F75" s="1"/>
      <c r="G75" s="1"/>
      <c r="H75" s="1"/>
      <c r="I75" s="1"/>
      <c r="J75" s="1"/>
      <c r="K75" s="1"/>
      <c r="L75" s="1"/>
    </row>
    <row r="76" spans="2:12" x14ac:dyDescent="0.2">
      <c r="B76" s="1"/>
      <c r="C76" s="1"/>
      <c r="D76" s="1"/>
      <c r="E76" s="1"/>
      <c r="F76" s="1"/>
      <c r="G76" s="1"/>
      <c r="H76" s="1"/>
      <c r="I76" s="1"/>
      <c r="J76" s="1"/>
      <c r="K76" s="1"/>
      <c r="L76" s="1"/>
    </row>
    <row r="77" spans="2:12" x14ac:dyDescent="0.2">
      <c r="B77" s="1"/>
      <c r="C77" s="1"/>
      <c r="D77" s="1"/>
      <c r="E77" s="1"/>
      <c r="F77" s="1"/>
      <c r="G77" s="1"/>
      <c r="H77" s="1"/>
      <c r="I77" s="1"/>
      <c r="J77" s="1"/>
      <c r="K77" s="1"/>
      <c r="L77" s="1"/>
    </row>
    <row r="78" spans="2:12" x14ac:dyDescent="0.2">
      <c r="B78" s="1"/>
      <c r="C78" s="1"/>
      <c r="D78" s="1"/>
      <c r="E78" s="1"/>
      <c r="F78" s="1"/>
      <c r="G78" s="1"/>
      <c r="H78" s="1"/>
      <c r="I78" s="1"/>
      <c r="J78" s="1"/>
      <c r="K78" s="1"/>
      <c r="L78" s="1"/>
    </row>
    <row r="79" spans="2:12" x14ac:dyDescent="0.2">
      <c r="B79" s="1"/>
      <c r="C79" s="1"/>
      <c r="D79" s="1"/>
      <c r="E79" s="1"/>
      <c r="F79" s="1"/>
      <c r="G79" s="1"/>
      <c r="H79" s="1"/>
      <c r="I79" s="1"/>
      <c r="J79" s="1"/>
      <c r="K79" s="1"/>
      <c r="L79" s="1"/>
    </row>
    <row r="80" spans="2:12" x14ac:dyDescent="0.2">
      <c r="B80" s="1"/>
      <c r="C80" s="1"/>
      <c r="D80" s="1"/>
      <c r="E80" s="1"/>
      <c r="F80" s="1"/>
      <c r="G80" s="1"/>
      <c r="H80" s="1"/>
      <c r="I80" s="1"/>
      <c r="J80" s="1"/>
      <c r="K80" s="1"/>
      <c r="L80" s="1"/>
    </row>
    <row r="81" spans="2:12" x14ac:dyDescent="0.2">
      <c r="B81" s="1"/>
      <c r="C81" s="1"/>
      <c r="D81" s="1"/>
      <c r="E81" s="1"/>
      <c r="F81" s="1"/>
      <c r="G81" s="1"/>
      <c r="H81" s="1"/>
      <c r="I81" s="1"/>
      <c r="J81" s="1"/>
      <c r="K81" s="1"/>
      <c r="L81" s="1"/>
    </row>
    <row r="82" spans="2:12" x14ac:dyDescent="0.2">
      <c r="B82" s="1"/>
      <c r="C82" s="1"/>
      <c r="D82" s="1"/>
      <c r="E82" s="1"/>
      <c r="F82" s="1"/>
      <c r="G82" s="1"/>
      <c r="H82" s="1"/>
      <c r="I82" s="1"/>
      <c r="J82" s="1"/>
      <c r="K82" s="1"/>
      <c r="L82" s="1"/>
    </row>
    <row r="83" spans="2:12" x14ac:dyDescent="0.2">
      <c r="B83" s="1"/>
      <c r="C83" s="1"/>
      <c r="D83" s="1"/>
      <c r="E83" s="1"/>
      <c r="F83" s="1"/>
      <c r="G83" s="1"/>
      <c r="H83" s="1"/>
      <c r="I83" s="1"/>
      <c r="J83" s="1"/>
      <c r="K83" s="1"/>
      <c r="L83" s="1"/>
    </row>
    <row r="84" spans="2:12" x14ac:dyDescent="0.2">
      <c r="B84" s="1"/>
      <c r="C84" s="1"/>
      <c r="D84" s="1"/>
      <c r="E84" s="1"/>
      <c r="F84" s="1"/>
      <c r="G84" s="1"/>
      <c r="H84" s="1"/>
      <c r="I84" s="1"/>
      <c r="J84" s="1"/>
      <c r="K84" s="1"/>
      <c r="L84" s="1"/>
    </row>
    <row r="85" spans="2:12" x14ac:dyDescent="0.2">
      <c r="B85" s="1"/>
      <c r="C85" s="1"/>
      <c r="D85" s="1"/>
      <c r="E85" s="1"/>
      <c r="F85" s="1"/>
      <c r="G85" s="1"/>
      <c r="H85" s="1"/>
      <c r="I85" s="1"/>
      <c r="J85" s="1"/>
      <c r="K85" s="1"/>
      <c r="L85" s="1"/>
    </row>
    <row r="86" spans="2:12" x14ac:dyDescent="0.2">
      <c r="B86" s="1"/>
      <c r="C86" s="1"/>
      <c r="D86" s="1"/>
      <c r="E86" s="1"/>
      <c r="F86" s="1"/>
      <c r="G86" s="1"/>
      <c r="H86" s="1"/>
      <c r="I86" s="1"/>
      <c r="J86" s="1"/>
      <c r="K86" s="1"/>
      <c r="L86" s="1"/>
    </row>
    <row r="87" spans="2:12" x14ac:dyDescent="0.2">
      <c r="B87" s="1"/>
      <c r="C87" s="1"/>
      <c r="D87" s="1"/>
      <c r="E87" s="1"/>
      <c r="F87" s="1"/>
      <c r="G87" s="1"/>
      <c r="H87" s="1"/>
      <c r="I87" s="1"/>
      <c r="J87" s="1"/>
      <c r="K87" s="1"/>
      <c r="L87" s="1"/>
    </row>
    <row r="88" spans="2:12" x14ac:dyDescent="0.2">
      <c r="B88" s="1"/>
      <c r="C88" s="1"/>
      <c r="D88" s="1"/>
      <c r="E88" s="1"/>
      <c r="F88" s="1"/>
      <c r="G88" s="1"/>
      <c r="H88" s="1"/>
      <c r="I88" s="1"/>
      <c r="J88" s="1"/>
      <c r="K88" s="1"/>
      <c r="L88" s="1"/>
    </row>
    <row r="89" spans="2:12" x14ac:dyDescent="0.2">
      <c r="B89" s="1"/>
      <c r="C89" s="1"/>
      <c r="D89" s="1"/>
      <c r="E89" s="1"/>
      <c r="F89" s="1"/>
      <c r="G89" s="1"/>
      <c r="H89" s="1"/>
      <c r="I89" s="1"/>
      <c r="J89" s="1"/>
      <c r="K89" s="1"/>
      <c r="L89" s="1"/>
    </row>
    <row r="90" spans="2:12" x14ac:dyDescent="0.2">
      <c r="B90" s="1"/>
      <c r="C90" s="1"/>
      <c r="D90" s="1"/>
      <c r="E90" s="1"/>
      <c r="F90" s="1"/>
      <c r="G90" s="1"/>
      <c r="H90" s="1"/>
      <c r="I90" s="1"/>
      <c r="J90" s="1"/>
      <c r="K90" s="1"/>
      <c r="L90" s="1"/>
    </row>
    <row r="91" spans="2:12" x14ac:dyDescent="0.2">
      <c r="B91" s="1"/>
      <c r="C91" s="1"/>
      <c r="D91" s="1"/>
      <c r="E91" s="1"/>
      <c r="F91" s="1"/>
      <c r="G91" s="1"/>
      <c r="H91" s="1"/>
      <c r="I91" s="1"/>
      <c r="J91" s="1"/>
      <c r="K91" s="1"/>
      <c r="L91" s="1"/>
    </row>
    <row r="92" spans="2:12" x14ac:dyDescent="0.2">
      <c r="B92" s="1"/>
      <c r="C92" s="1"/>
      <c r="D92" s="1"/>
      <c r="E92" s="1"/>
      <c r="F92" s="1"/>
      <c r="G92" s="1"/>
      <c r="H92" s="1"/>
      <c r="I92" s="1"/>
      <c r="J92" s="1"/>
      <c r="K92" s="1"/>
      <c r="L92" s="1"/>
    </row>
    <row r="93" spans="2:12" x14ac:dyDescent="0.2">
      <c r="B93" s="1"/>
      <c r="C93" s="1"/>
      <c r="D93" s="1"/>
      <c r="E93" s="1"/>
      <c r="F93" s="1"/>
      <c r="G93" s="1"/>
      <c r="H93" s="1"/>
      <c r="I93" s="1"/>
      <c r="J93" s="1"/>
      <c r="K93" s="1"/>
      <c r="L93" s="1"/>
    </row>
    <row r="94" spans="2:12" x14ac:dyDescent="0.2">
      <c r="B94" s="1"/>
      <c r="C94" s="1"/>
      <c r="D94" s="1"/>
      <c r="E94" s="1"/>
      <c r="F94" s="1"/>
      <c r="G94" s="1"/>
      <c r="H94" s="1"/>
      <c r="I94" s="1"/>
      <c r="J94" s="1"/>
      <c r="K94" s="1"/>
      <c r="L94" s="1"/>
    </row>
    <row r="95" spans="2:12" x14ac:dyDescent="0.2">
      <c r="B95" s="1"/>
      <c r="C95" s="1"/>
      <c r="D95" s="1"/>
      <c r="E95" s="1"/>
      <c r="F95" s="1"/>
      <c r="G95" s="1"/>
      <c r="H95" s="1"/>
      <c r="I95" s="1"/>
      <c r="J95" s="1"/>
      <c r="K95" s="1"/>
      <c r="L95" s="1"/>
    </row>
    <row r="96" spans="2:12" x14ac:dyDescent="0.2">
      <c r="B96" s="1"/>
      <c r="C96" s="1"/>
      <c r="D96" s="1"/>
      <c r="E96" s="1"/>
      <c r="F96" s="1"/>
      <c r="G96" s="1"/>
      <c r="H96" s="1"/>
      <c r="I96" s="1"/>
      <c r="J96" s="1"/>
      <c r="K96" s="1"/>
      <c r="L96" s="1"/>
    </row>
    <row r="97" spans="2:12" x14ac:dyDescent="0.2">
      <c r="B97" s="1"/>
      <c r="C97" s="1"/>
      <c r="D97" s="1"/>
      <c r="E97" s="1"/>
      <c r="F97" s="1"/>
      <c r="G97" s="1"/>
      <c r="H97" s="1"/>
      <c r="I97" s="1"/>
      <c r="J97" s="1"/>
      <c r="K97" s="1"/>
      <c r="L97" s="1"/>
    </row>
    <row r="98" spans="2:12" x14ac:dyDescent="0.2">
      <c r="B98" s="1"/>
      <c r="C98" s="1"/>
      <c r="D98" s="1"/>
      <c r="E98" s="1"/>
      <c r="F98" s="1"/>
      <c r="G98" s="1"/>
      <c r="H98" s="1"/>
      <c r="I98" s="1"/>
      <c r="J98" s="1"/>
      <c r="K98" s="1"/>
      <c r="L98" s="1"/>
    </row>
    <row r="99" spans="2:12" x14ac:dyDescent="0.2">
      <c r="B99" s="1"/>
      <c r="C99" s="1"/>
      <c r="D99" s="1"/>
      <c r="E99" s="1"/>
      <c r="F99" s="1"/>
      <c r="G99" s="1"/>
      <c r="H99" s="1"/>
      <c r="I99" s="1"/>
      <c r="J99" s="1"/>
      <c r="K99" s="1"/>
      <c r="L99" s="1"/>
    </row>
    <row r="100" spans="2:12" x14ac:dyDescent="0.2">
      <c r="B100" s="1"/>
      <c r="C100" s="1"/>
      <c r="D100" s="1"/>
      <c r="E100" s="1"/>
      <c r="F100" s="1"/>
      <c r="G100" s="1"/>
      <c r="H100" s="1"/>
      <c r="I100" s="1"/>
      <c r="J100" s="1"/>
      <c r="K100" s="1"/>
      <c r="L100" s="1"/>
    </row>
    <row r="101" spans="2:12" x14ac:dyDescent="0.2">
      <c r="B101" s="1"/>
      <c r="C101" s="1"/>
      <c r="D101" s="1"/>
      <c r="E101" s="1"/>
      <c r="F101" s="1"/>
      <c r="G101" s="1"/>
      <c r="H101" s="1"/>
      <c r="I101" s="1"/>
      <c r="J101" s="1"/>
      <c r="K101" s="1"/>
      <c r="L101" s="1"/>
    </row>
    <row r="102" spans="2:12" x14ac:dyDescent="0.2">
      <c r="B102" s="1"/>
      <c r="C102" s="1"/>
      <c r="D102" s="1"/>
      <c r="E102" s="1"/>
      <c r="F102" s="1"/>
      <c r="G102" s="1"/>
      <c r="H102" s="1"/>
      <c r="I102" s="1"/>
      <c r="J102" s="1"/>
      <c r="K102" s="1"/>
      <c r="L102" s="1"/>
    </row>
    <row r="103" spans="2:12" x14ac:dyDescent="0.2">
      <c r="B103" s="1"/>
      <c r="C103" s="1"/>
      <c r="D103" s="1"/>
      <c r="E103" s="1"/>
      <c r="F103" s="1"/>
      <c r="G103" s="1"/>
      <c r="H103" s="1"/>
      <c r="I103" s="1"/>
      <c r="J103" s="1"/>
      <c r="K103" s="1"/>
      <c r="L103" s="1"/>
    </row>
    <row r="104" spans="2:12" x14ac:dyDescent="0.2">
      <c r="B104" s="1"/>
      <c r="C104" s="1"/>
      <c r="D104" s="1"/>
      <c r="E104" s="1"/>
      <c r="F104" s="1"/>
      <c r="G104" s="1"/>
      <c r="H104" s="1"/>
      <c r="I104" s="1"/>
      <c r="J104" s="1"/>
      <c r="K104" s="1"/>
      <c r="L104" s="1"/>
    </row>
    <row r="105" spans="2:12" x14ac:dyDescent="0.2">
      <c r="B105" s="1"/>
      <c r="C105" s="1"/>
      <c r="D105" s="1"/>
      <c r="E105" s="1"/>
      <c r="F105" s="1"/>
      <c r="G105" s="1"/>
      <c r="H105" s="1"/>
      <c r="I105" s="1"/>
      <c r="J105" s="1"/>
      <c r="K105" s="1"/>
      <c r="L105" s="1"/>
    </row>
    <row r="106" spans="2:12" x14ac:dyDescent="0.2">
      <c r="B106" s="1"/>
      <c r="C106" s="1"/>
      <c r="D106" s="1"/>
      <c r="E106" s="1"/>
      <c r="F106" s="1"/>
      <c r="G106" s="1"/>
      <c r="H106" s="1"/>
      <c r="I106" s="1"/>
      <c r="J106" s="1"/>
      <c r="K106" s="1"/>
      <c r="L106" s="1"/>
    </row>
    <row r="107" spans="2:12" x14ac:dyDescent="0.2">
      <c r="B107" s="1"/>
      <c r="C107" s="1"/>
      <c r="D107" s="1"/>
      <c r="E107" s="1"/>
      <c r="F107" s="1"/>
      <c r="G107" s="1"/>
      <c r="H107" s="1"/>
      <c r="I107" s="1"/>
      <c r="J107" s="1"/>
      <c r="K107" s="1"/>
      <c r="L107" s="1"/>
    </row>
    <row r="108" spans="2:12" x14ac:dyDescent="0.2">
      <c r="B108" s="1"/>
      <c r="C108" s="1"/>
      <c r="D108" s="1"/>
      <c r="E108" s="1"/>
      <c r="F108" s="1"/>
      <c r="G108" s="1"/>
      <c r="H108" s="1"/>
      <c r="I108" s="1"/>
      <c r="J108" s="1"/>
      <c r="K108" s="1"/>
      <c r="L108" s="1"/>
    </row>
    <row r="109" spans="2:12" x14ac:dyDescent="0.2">
      <c r="B109" s="1"/>
      <c r="C109" s="1"/>
      <c r="D109" s="1"/>
      <c r="E109" s="1"/>
      <c r="F109" s="1"/>
      <c r="G109" s="1"/>
      <c r="H109" s="1"/>
      <c r="I109" s="1"/>
      <c r="J109" s="1"/>
      <c r="K109" s="1"/>
      <c r="L109" s="1"/>
    </row>
    <row r="110" spans="2:12" x14ac:dyDescent="0.2">
      <c r="B110" s="1"/>
      <c r="C110" s="1"/>
      <c r="D110" s="1"/>
      <c r="E110" s="1"/>
      <c r="F110" s="1"/>
      <c r="G110" s="1"/>
      <c r="H110" s="1"/>
      <c r="I110" s="1"/>
      <c r="J110" s="1"/>
      <c r="K110" s="1"/>
      <c r="L110" s="1"/>
    </row>
    <row r="111" spans="2:12" x14ac:dyDescent="0.2">
      <c r="B111" s="1"/>
      <c r="C111" s="1"/>
      <c r="D111" s="1"/>
      <c r="E111" s="1"/>
      <c r="F111" s="1"/>
      <c r="G111" s="1"/>
      <c r="H111" s="1"/>
      <c r="I111" s="1"/>
      <c r="J111" s="1"/>
      <c r="K111" s="1"/>
      <c r="L111" s="1"/>
    </row>
    <row r="112" spans="2:12" x14ac:dyDescent="0.2">
      <c r="B112" s="1"/>
      <c r="C112" s="1"/>
      <c r="D112" s="1"/>
      <c r="E112" s="1"/>
      <c r="F112" s="1"/>
      <c r="G112" s="1"/>
      <c r="H112" s="1"/>
      <c r="I112" s="1"/>
      <c r="J112" s="1"/>
      <c r="K112" s="1"/>
      <c r="L112" s="1"/>
    </row>
    <row r="113" spans="2:12" x14ac:dyDescent="0.2">
      <c r="B113" s="1"/>
      <c r="C113" s="1"/>
      <c r="D113" s="1"/>
      <c r="E113" s="1"/>
      <c r="F113" s="1"/>
      <c r="G113" s="1"/>
      <c r="H113" s="1"/>
      <c r="I113" s="1"/>
      <c r="J113" s="1"/>
      <c r="K113" s="1"/>
      <c r="L113" s="1"/>
    </row>
    <row r="114" spans="2:12" x14ac:dyDescent="0.2">
      <c r="B114" s="1"/>
      <c r="C114" s="1"/>
      <c r="D114" s="1"/>
      <c r="E114" s="1"/>
      <c r="F114" s="1"/>
      <c r="G114" s="1"/>
      <c r="H114" s="1"/>
      <c r="I114" s="1"/>
      <c r="J114" s="1"/>
      <c r="K114" s="1"/>
      <c r="L114" s="1"/>
    </row>
    <row r="115" spans="2:12" x14ac:dyDescent="0.2">
      <c r="B115" s="1"/>
      <c r="C115" s="1"/>
      <c r="D115" s="1"/>
      <c r="E115" s="1"/>
      <c r="F115" s="1"/>
      <c r="G115" s="1"/>
      <c r="H115" s="1"/>
      <c r="I115" s="1"/>
      <c r="J115" s="1"/>
      <c r="K115" s="1"/>
      <c r="L115" s="1"/>
    </row>
    <row r="116" spans="2:12" x14ac:dyDescent="0.2">
      <c r="B116" s="1"/>
      <c r="C116" s="1"/>
      <c r="D116" s="1"/>
      <c r="E116" s="1"/>
      <c r="F116" s="1"/>
      <c r="G116" s="1"/>
      <c r="H116" s="1"/>
      <c r="I116" s="1"/>
      <c r="J116" s="1"/>
      <c r="K116" s="1"/>
      <c r="L116" s="1"/>
    </row>
    <row r="117" spans="2:12" x14ac:dyDescent="0.2">
      <c r="B117" s="1"/>
      <c r="C117" s="1"/>
      <c r="D117" s="1"/>
      <c r="E117" s="1"/>
      <c r="F117" s="1"/>
      <c r="G117" s="1"/>
      <c r="H117" s="1"/>
      <c r="I117" s="1"/>
      <c r="J117" s="1"/>
      <c r="K117" s="1"/>
      <c r="L117" s="1"/>
    </row>
    <row r="118" spans="2:12" x14ac:dyDescent="0.2">
      <c r="B118" s="1"/>
      <c r="C118" s="1"/>
      <c r="D118" s="1"/>
      <c r="E118" s="1"/>
      <c r="F118" s="1"/>
      <c r="G118" s="1"/>
      <c r="H118" s="1"/>
      <c r="I118" s="1"/>
      <c r="J118" s="1"/>
      <c r="K118" s="1"/>
      <c r="L118" s="1"/>
    </row>
    <row r="119" spans="2:12" x14ac:dyDescent="0.2">
      <c r="B119" s="1"/>
      <c r="C119" s="1"/>
      <c r="D119" s="1"/>
      <c r="E119" s="1"/>
      <c r="F119" s="1"/>
      <c r="G119" s="1"/>
      <c r="H119" s="1"/>
      <c r="I119" s="1"/>
      <c r="J119" s="1"/>
      <c r="K119" s="1"/>
      <c r="L119" s="1"/>
    </row>
    <row r="120" spans="2:12" x14ac:dyDescent="0.2">
      <c r="B120" s="1"/>
      <c r="C120" s="1"/>
      <c r="D120" s="1"/>
      <c r="E120" s="1"/>
      <c r="F120" s="1"/>
      <c r="G120" s="1"/>
      <c r="H120" s="1"/>
      <c r="I120" s="1"/>
      <c r="J120" s="1"/>
      <c r="K120" s="1"/>
      <c r="L120" s="1"/>
    </row>
    <row r="121" spans="2:12" x14ac:dyDescent="0.2">
      <c r="B121" s="1"/>
      <c r="C121" s="1"/>
      <c r="D121" s="1"/>
      <c r="E121" s="1"/>
      <c r="F121" s="1"/>
      <c r="G121" s="1"/>
      <c r="H121" s="1"/>
      <c r="I121" s="1"/>
      <c r="J121" s="1"/>
      <c r="K121" s="1"/>
      <c r="L121" s="1"/>
    </row>
    <row r="122" spans="2:12" x14ac:dyDescent="0.2">
      <c r="B122" s="1"/>
      <c r="C122" s="1"/>
      <c r="D122" s="1"/>
      <c r="E122" s="1"/>
      <c r="F122" s="1"/>
      <c r="G122" s="1"/>
      <c r="H122" s="1"/>
      <c r="I122" s="1"/>
      <c r="J122" s="1"/>
      <c r="K122" s="1"/>
      <c r="L122" s="1"/>
    </row>
    <row r="123" spans="2:12" x14ac:dyDescent="0.2">
      <c r="B123" s="1"/>
      <c r="C123" s="1"/>
      <c r="D123" s="1"/>
      <c r="E123" s="1"/>
      <c r="F123" s="1"/>
      <c r="G123" s="1"/>
      <c r="H123" s="1"/>
      <c r="I123" s="1"/>
      <c r="J123" s="1"/>
      <c r="K123" s="1"/>
      <c r="L123" s="1"/>
    </row>
    <row r="124" spans="2:12" x14ac:dyDescent="0.2">
      <c r="B124" s="1"/>
      <c r="C124" s="1"/>
      <c r="D124" s="1"/>
      <c r="E124" s="1"/>
      <c r="F124" s="1"/>
      <c r="G124" s="1"/>
      <c r="H124" s="1"/>
      <c r="I124" s="1"/>
      <c r="J124" s="1"/>
      <c r="K124" s="1"/>
      <c r="L124" s="1"/>
    </row>
    <row r="125" spans="2:12" x14ac:dyDescent="0.2">
      <c r="B125" s="1"/>
      <c r="C125" s="1"/>
      <c r="D125" s="1"/>
      <c r="E125" s="1"/>
      <c r="F125" s="1"/>
      <c r="G125" s="1"/>
      <c r="H125" s="1"/>
      <c r="I125" s="1"/>
      <c r="J125" s="1"/>
      <c r="K125" s="1"/>
      <c r="L125" s="1"/>
    </row>
    <row r="126" spans="2:12" x14ac:dyDescent="0.2">
      <c r="B126" s="1"/>
      <c r="C126" s="1"/>
      <c r="D126" s="1"/>
      <c r="E126" s="1"/>
      <c r="F126" s="1"/>
      <c r="G126" s="1"/>
      <c r="H126" s="1"/>
      <c r="I126" s="1"/>
      <c r="J126" s="1"/>
      <c r="K126" s="1"/>
      <c r="L126" s="1"/>
    </row>
    <row r="127" spans="2:12" x14ac:dyDescent="0.2">
      <c r="B127" s="1"/>
      <c r="C127" s="1"/>
      <c r="D127" s="1"/>
      <c r="E127" s="1"/>
      <c r="F127" s="1"/>
      <c r="G127" s="1"/>
      <c r="H127" s="1"/>
      <c r="I127" s="1"/>
      <c r="J127" s="1"/>
      <c r="K127" s="1"/>
      <c r="L127" s="1"/>
    </row>
    <row r="128" spans="2:12" x14ac:dyDescent="0.2">
      <c r="B128" s="1"/>
      <c r="C128" s="1"/>
      <c r="D128" s="1"/>
      <c r="E128" s="1"/>
      <c r="F128" s="1"/>
      <c r="G128" s="1"/>
      <c r="H128" s="1"/>
      <c r="I128" s="1"/>
      <c r="J128" s="1"/>
      <c r="K128" s="1"/>
      <c r="L128" s="1"/>
    </row>
    <row r="129" spans="2:12" x14ac:dyDescent="0.2">
      <c r="B129" s="1"/>
      <c r="C129" s="1"/>
      <c r="D129" s="1"/>
      <c r="E129" s="1"/>
      <c r="F129" s="1"/>
      <c r="G129" s="1"/>
      <c r="H129" s="1"/>
      <c r="I129" s="1"/>
      <c r="J129" s="1"/>
      <c r="K129" s="1"/>
      <c r="L129" s="1"/>
    </row>
    <row r="130" spans="2:12" x14ac:dyDescent="0.2">
      <c r="B130" s="1"/>
      <c r="C130" s="1"/>
      <c r="D130" s="1"/>
      <c r="E130" s="1"/>
      <c r="F130" s="1"/>
      <c r="G130" s="1"/>
      <c r="H130" s="1"/>
      <c r="I130" s="1"/>
      <c r="J130" s="1"/>
      <c r="K130" s="1"/>
      <c r="L130" s="1"/>
    </row>
    <row r="131" spans="2:12" x14ac:dyDescent="0.2">
      <c r="B131" s="1"/>
      <c r="C131" s="1"/>
      <c r="D131" s="1"/>
      <c r="E131" s="1"/>
      <c r="F131" s="1"/>
      <c r="G131" s="1"/>
      <c r="H131" s="1"/>
      <c r="I131" s="1"/>
      <c r="J131" s="1"/>
      <c r="K131" s="1"/>
      <c r="L131" s="1"/>
    </row>
    <row r="132" spans="2:12" x14ac:dyDescent="0.2">
      <c r="B132" s="1"/>
      <c r="C132" s="1"/>
      <c r="D132" s="1"/>
      <c r="E132" s="1"/>
      <c r="F132" s="1"/>
      <c r="G132" s="1"/>
      <c r="H132" s="1"/>
      <c r="I132" s="1"/>
      <c r="J132" s="1"/>
      <c r="K132" s="1"/>
      <c r="L132" s="1"/>
    </row>
    <row r="133" spans="2:12" x14ac:dyDescent="0.2">
      <c r="B133" s="1"/>
      <c r="C133" s="1"/>
      <c r="D133" s="1"/>
      <c r="E133" s="1"/>
      <c r="F133" s="1"/>
      <c r="G133" s="1"/>
      <c r="H133" s="1"/>
      <c r="I133" s="1"/>
      <c r="J133" s="1"/>
      <c r="K133" s="1"/>
      <c r="L133" s="1"/>
    </row>
    <row r="134" spans="2:12" x14ac:dyDescent="0.2">
      <c r="B134" s="1"/>
      <c r="C134" s="1"/>
      <c r="D134" s="1"/>
      <c r="E134" s="1"/>
      <c r="F134" s="1"/>
      <c r="G134" s="1"/>
      <c r="H134" s="1"/>
      <c r="I134" s="1"/>
      <c r="J134" s="1"/>
      <c r="K134" s="1"/>
      <c r="L134" s="1"/>
    </row>
    <row r="135" spans="2:12" x14ac:dyDescent="0.2">
      <c r="B135" s="1"/>
      <c r="C135" s="1"/>
      <c r="D135" s="1"/>
      <c r="E135" s="1"/>
      <c r="F135" s="1"/>
      <c r="G135" s="1"/>
      <c r="H135" s="1"/>
      <c r="I135" s="1"/>
      <c r="J135" s="1"/>
      <c r="K135" s="1"/>
      <c r="L135" s="1"/>
    </row>
    <row r="136" spans="2:12" x14ac:dyDescent="0.2">
      <c r="B136" s="1"/>
      <c r="C136" s="1"/>
      <c r="D136" s="1"/>
      <c r="E136" s="1"/>
      <c r="F136" s="1"/>
      <c r="G136" s="1"/>
      <c r="H136" s="1"/>
      <c r="I136" s="1"/>
      <c r="J136" s="1"/>
      <c r="K136" s="1"/>
      <c r="L136" s="1"/>
    </row>
    <row r="137" spans="2:12" x14ac:dyDescent="0.2">
      <c r="B137" s="1"/>
      <c r="C137" s="1"/>
      <c r="D137" s="1"/>
      <c r="E137" s="1"/>
      <c r="F137" s="1"/>
      <c r="G137" s="1"/>
      <c r="H137" s="1"/>
      <c r="I137" s="1"/>
      <c r="J137" s="1"/>
      <c r="K137" s="1"/>
      <c r="L137" s="1"/>
    </row>
    <row r="138" spans="2:12" x14ac:dyDescent="0.2">
      <c r="B138" s="1"/>
      <c r="C138" s="1"/>
      <c r="D138" s="1"/>
      <c r="E138" s="1"/>
      <c r="F138" s="1"/>
      <c r="G138" s="1"/>
      <c r="H138" s="1"/>
      <c r="I138" s="1"/>
      <c r="J138" s="1"/>
      <c r="K138" s="1"/>
      <c r="L138" s="1"/>
    </row>
    <row r="139" spans="2:12" x14ac:dyDescent="0.2">
      <c r="B139" s="1"/>
      <c r="C139" s="1"/>
      <c r="D139" s="1"/>
      <c r="E139" s="1"/>
      <c r="F139" s="1"/>
      <c r="G139" s="1"/>
      <c r="H139" s="1"/>
      <c r="I139" s="1"/>
      <c r="J139" s="1"/>
      <c r="K139" s="1"/>
      <c r="L139" s="1"/>
    </row>
    <row r="140" spans="2:12" x14ac:dyDescent="0.2">
      <c r="B140" s="1"/>
      <c r="C140" s="1"/>
      <c r="D140" s="1"/>
      <c r="E140" s="1"/>
      <c r="F140" s="1"/>
      <c r="G140" s="1"/>
      <c r="H140" s="1"/>
      <c r="I140" s="1"/>
      <c r="J140" s="1"/>
      <c r="K140" s="1"/>
      <c r="L140" s="1"/>
    </row>
    <row r="141" spans="2:12" x14ac:dyDescent="0.2">
      <c r="B141" s="1"/>
      <c r="C141" s="1"/>
      <c r="D141" s="1"/>
      <c r="E141" s="1"/>
      <c r="F141" s="1"/>
      <c r="G141" s="1"/>
      <c r="H141" s="1"/>
      <c r="I141" s="1"/>
      <c r="J141" s="1"/>
      <c r="K141" s="1"/>
      <c r="L141" s="1"/>
    </row>
    <row r="142" spans="2:12" x14ac:dyDescent="0.2">
      <c r="B142" s="1"/>
      <c r="C142" s="1"/>
      <c r="D142" s="1"/>
      <c r="E142" s="1"/>
      <c r="F142" s="1"/>
      <c r="G142" s="1"/>
      <c r="H142" s="1"/>
      <c r="I142" s="1"/>
      <c r="J142" s="1"/>
      <c r="K142" s="1"/>
      <c r="L142" s="1"/>
    </row>
    <row r="143" spans="2:12" x14ac:dyDescent="0.2">
      <c r="B143" s="1"/>
      <c r="C143" s="1"/>
      <c r="D143" s="1"/>
      <c r="E143" s="1"/>
      <c r="F143" s="1"/>
      <c r="G143" s="1"/>
      <c r="H143" s="1"/>
      <c r="I143" s="1"/>
      <c r="J143" s="1"/>
      <c r="K143" s="1"/>
      <c r="L143" s="1"/>
    </row>
    <row r="144" spans="2:12" x14ac:dyDescent="0.2">
      <c r="B144" s="1"/>
      <c r="C144" s="1"/>
      <c r="D144" s="1"/>
      <c r="E144" s="1"/>
      <c r="F144" s="1"/>
      <c r="G144" s="1"/>
      <c r="H144" s="1"/>
      <c r="I144" s="1"/>
      <c r="J144" s="1"/>
      <c r="K144" s="1"/>
      <c r="L144" s="1"/>
    </row>
    <row r="145" spans="2:12" x14ac:dyDescent="0.2">
      <c r="B145" s="1"/>
      <c r="C145" s="1"/>
      <c r="D145" s="1"/>
      <c r="E145" s="1"/>
      <c r="F145" s="1"/>
      <c r="G145" s="1"/>
      <c r="H145" s="1"/>
      <c r="I145" s="1"/>
      <c r="J145" s="1"/>
      <c r="K145" s="1"/>
      <c r="L145" s="1"/>
    </row>
    <row r="146" spans="2:12" x14ac:dyDescent="0.2">
      <c r="B146" s="1"/>
      <c r="C146" s="1"/>
      <c r="D146" s="1"/>
      <c r="E146" s="1"/>
      <c r="F146" s="1"/>
      <c r="G146" s="1"/>
      <c r="H146" s="1"/>
      <c r="I146" s="1"/>
      <c r="J146" s="1"/>
      <c r="K146" s="1"/>
      <c r="L146" s="1"/>
    </row>
    <row r="147" spans="2:12" x14ac:dyDescent="0.2">
      <c r="B147" s="1"/>
      <c r="C147" s="1"/>
      <c r="D147" s="1"/>
      <c r="E147" s="1"/>
      <c r="F147" s="1"/>
      <c r="G147" s="1"/>
      <c r="H147" s="1"/>
      <c r="I147" s="1"/>
      <c r="J147" s="1"/>
      <c r="K147" s="1"/>
      <c r="L147" s="1"/>
    </row>
    <row r="148" spans="2:12" x14ac:dyDescent="0.2">
      <c r="B148" s="1"/>
      <c r="C148" s="1"/>
      <c r="D148" s="1"/>
      <c r="E148" s="1"/>
      <c r="F148" s="1"/>
      <c r="G148" s="1"/>
      <c r="H148" s="1"/>
      <c r="I148" s="1"/>
      <c r="J148" s="1"/>
      <c r="K148" s="1"/>
      <c r="L148" s="1"/>
    </row>
    <row r="149" spans="2:12" x14ac:dyDescent="0.2">
      <c r="B149" s="1"/>
      <c r="C149" s="1"/>
      <c r="D149" s="1"/>
      <c r="E149" s="1"/>
      <c r="F149" s="1"/>
      <c r="G149" s="1"/>
      <c r="H149" s="1"/>
      <c r="I149" s="1"/>
      <c r="J149" s="1"/>
      <c r="K149" s="1"/>
      <c r="L149" s="1"/>
    </row>
    <row r="150" spans="2:12" x14ac:dyDescent="0.2">
      <c r="B150" s="1"/>
      <c r="C150" s="1"/>
      <c r="D150" s="1"/>
      <c r="E150" s="1"/>
      <c r="F150" s="1"/>
      <c r="G150" s="1"/>
      <c r="H150" s="1"/>
      <c r="I150" s="1"/>
      <c r="J150" s="1"/>
      <c r="K150" s="1"/>
      <c r="L150" s="1"/>
    </row>
    <row r="151" spans="2:12" x14ac:dyDescent="0.2">
      <c r="B151" s="1"/>
      <c r="C151" s="1"/>
      <c r="D151" s="1"/>
      <c r="E151" s="1"/>
      <c r="F151" s="1"/>
      <c r="G151" s="1"/>
      <c r="H151" s="1"/>
      <c r="I151" s="1"/>
      <c r="J151" s="1"/>
      <c r="K151" s="1"/>
      <c r="L151" s="1"/>
    </row>
    <row r="152" spans="2:12" x14ac:dyDescent="0.2">
      <c r="B152" s="1"/>
      <c r="C152" s="1"/>
      <c r="D152" s="1"/>
      <c r="E152" s="1"/>
      <c r="F152" s="1"/>
      <c r="G152" s="1"/>
      <c r="H152" s="1"/>
      <c r="I152" s="1"/>
      <c r="J152" s="1"/>
      <c r="K152" s="1"/>
      <c r="L152" s="1"/>
    </row>
    <row r="153" spans="2:12" x14ac:dyDescent="0.2">
      <c r="B153" s="1"/>
      <c r="C153" s="1"/>
      <c r="D153" s="1"/>
      <c r="E153" s="1"/>
      <c r="F153" s="1"/>
      <c r="G153" s="1"/>
      <c r="H153" s="1"/>
      <c r="I153" s="1"/>
      <c r="J153" s="1"/>
      <c r="K153" s="1"/>
      <c r="L153" s="1"/>
    </row>
    <row r="154" spans="2:12" x14ac:dyDescent="0.2">
      <c r="B154" s="1"/>
      <c r="C154" s="1"/>
      <c r="D154" s="1"/>
      <c r="E154" s="1"/>
      <c r="F154" s="1"/>
      <c r="G154" s="1"/>
      <c r="H154" s="1"/>
      <c r="I154" s="1"/>
      <c r="J154" s="1"/>
      <c r="K154" s="1"/>
      <c r="L154" s="1"/>
    </row>
    <row r="155" spans="2:12" x14ac:dyDescent="0.2">
      <c r="B155" s="1"/>
      <c r="C155" s="1"/>
      <c r="D155" s="1"/>
      <c r="E155" s="1"/>
      <c r="F155" s="1"/>
      <c r="G155" s="1"/>
      <c r="H155" s="1"/>
      <c r="I155" s="1"/>
      <c r="J155" s="1"/>
      <c r="K155" s="1"/>
      <c r="L155" s="1"/>
    </row>
    <row r="156" spans="2:12" x14ac:dyDescent="0.2">
      <c r="B156" s="1"/>
      <c r="C156" s="1"/>
      <c r="D156" s="1"/>
      <c r="E156" s="1"/>
      <c r="F156" s="1"/>
      <c r="G156" s="1"/>
      <c r="H156" s="1"/>
      <c r="I156" s="1"/>
      <c r="J156" s="1"/>
      <c r="K156" s="1"/>
      <c r="L156" s="1"/>
    </row>
    <row r="157" spans="2:12" x14ac:dyDescent="0.2">
      <c r="B157" s="1"/>
      <c r="C157" s="1"/>
      <c r="D157" s="1"/>
      <c r="E157" s="1"/>
      <c r="F157" s="1"/>
      <c r="G157" s="1"/>
      <c r="H157" s="1"/>
      <c r="I157" s="1"/>
      <c r="J157" s="1"/>
      <c r="K157" s="1"/>
      <c r="L157" s="1"/>
    </row>
    <row r="158" spans="2:12" x14ac:dyDescent="0.2">
      <c r="B158" s="1"/>
      <c r="C158" s="1"/>
      <c r="D158" s="1"/>
      <c r="E158" s="1"/>
      <c r="F158" s="1"/>
      <c r="G158" s="1"/>
      <c r="H158" s="1"/>
      <c r="I158" s="1"/>
      <c r="J158" s="1"/>
      <c r="K158" s="1"/>
      <c r="L158" s="1"/>
    </row>
    <row r="159" spans="2:12" x14ac:dyDescent="0.2">
      <c r="B159" s="1"/>
      <c r="C159" s="1"/>
      <c r="D159" s="1"/>
      <c r="E159" s="1"/>
      <c r="F159" s="1"/>
      <c r="G159" s="1"/>
      <c r="H159" s="1"/>
      <c r="I159" s="1"/>
      <c r="J159" s="1"/>
      <c r="K159" s="1"/>
      <c r="L159" s="1"/>
    </row>
    <row r="160" spans="2:12" x14ac:dyDescent="0.2">
      <c r="B160" s="1"/>
      <c r="C160" s="1"/>
      <c r="D160" s="1"/>
      <c r="E160" s="1"/>
      <c r="F160" s="1"/>
      <c r="G160" s="1"/>
      <c r="H160" s="1"/>
      <c r="I160" s="1"/>
      <c r="J160" s="1"/>
      <c r="K160" s="1"/>
      <c r="L160" s="1"/>
    </row>
    <row r="161" spans="2:12" x14ac:dyDescent="0.2">
      <c r="B161" s="1"/>
      <c r="C161" s="1"/>
      <c r="D161" s="1"/>
      <c r="E161" s="1"/>
      <c r="F161" s="1"/>
      <c r="G161" s="1"/>
      <c r="H161" s="1"/>
      <c r="I161" s="1"/>
      <c r="J161" s="1"/>
      <c r="K161" s="1"/>
      <c r="L161" s="1"/>
    </row>
    <row r="162" spans="2:12" x14ac:dyDescent="0.2">
      <c r="B162" s="1"/>
      <c r="C162" s="1"/>
      <c r="D162" s="1"/>
      <c r="E162" s="1"/>
      <c r="F162" s="1"/>
      <c r="G162" s="1"/>
      <c r="H162" s="1"/>
      <c r="I162" s="1"/>
      <c r="J162" s="1"/>
      <c r="K162" s="1"/>
      <c r="L162" s="1"/>
    </row>
    <row r="163" spans="2:12" x14ac:dyDescent="0.2">
      <c r="B163" s="1"/>
      <c r="C163" s="1"/>
      <c r="D163" s="1"/>
      <c r="E163" s="1"/>
      <c r="F163" s="1"/>
      <c r="G163" s="1"/>
      <c r="H163" s="1"/>
      <c r="I163" s="1"/>
      <c r="J163" s="1"/>
      <c r="K163" s="1"/>
      <c r="L163" s="1"/>
    </row>
    <row r="164" spans="2:12" x14ac:dyDescent="0.2">
      <c r="B164" s="1"/>
      <c r="C164" s="1"/>
      <c r="D164" s="1"/>
      <c r="E164" s="1"/>
      <c r="F164" s="1"/>
      <c r="G164" s="1"/>
      <c r="H164" s="1"/>
      <c r="I164" s="1"/>
      <c r="J164" s="1"/>
      <c r="K164" s="1"/>
      <c r="L164" s="1"/>
    </row>
    <row r="165" spans="2:12" x14ac:dyDescent="0.2">
      <c r="B165" s="1"/>
      <c r="C165" s="1"/>
      <c r="D165" s="1"/>
      <c r="E165" s="1"/>
      <c r="F165" s="1"/>
      <c r="G165" s="1"/>
      <c r="H165" s="1"/>
      <c r="I165" s="1"/>
      <c r="J165" s="1"/>
      <c r="K165" s="1"/>
      <c r="L165" s="1"/>
    </row>
    <row r="166" spans="2:12" x14ac:dyDescent="0.2">
      <c r="B166" s="1"/>
      <c r="C166" s="1"/>
      <c r="D166" s="1"/>
      <c r="E166" s="1"/>
      <c r="F166" s="1"/>
      <c r="G166" s="1"/>
      <c r="H166" s="1"/>
      <c r="I166" s="1"/>
      <c r="J166" s="1"/>
      <c r="K166" s="1"/>
      <c r="L166" s="1"/>
    </row>
    <row r="167" spans="2:12" x14ac:dyDescent="0.2">
      <c r="B167" s="1"/>
      <c r="C167" s="1"/>
      <c r="D167" s="1"/>
      <c r="E167" s="1"/>
      <c r="F167" s="1"/>
      <c r="G167" s="1"/>
      <c r="H167" s="1"/>
      <c r="I167" s="1"/>
      <c r="J167" s="1"/>
      <c r="K167" s="1"/>
      <c r="L167" s="1"/>
    </row>
    <row r="168" spans="2:12" x14ac:dyDescent="0.2">
      <c r="B168" s="1"/>
      <c r="C168" s="1"/>
      <c r="D168" s="1"/>
      <c r="E168" s="1"/>
      <c r="F168" s="1"/>
      <c r="G168" s="1"/>
      <c r="H168" s="1"/>
      <c r="I168" s="1"/>
      <c r="J168" s="1"/>
      <c r="K168" s="1"/>
      <c r="L168" s="1"/>
    </row>
    <row r="169" spans="2:12" x14ac:dyDescent="0.2">
      <c r="B169" s="1"/>
      <c r="C169" s="1"/>
      <c r="D169" s="1"/>
      <c r="E169" s="1"/>
      <c r="F169" s="1"/>
      <c r="G169" s="1"/>
      <c r="H169" s="1"/>
      <c r="I169" s="1"/>
      <c r="J169" s="1"/>
      <c r="K169" s="1"/>
      <c r="L169" s="1"/>
    </row>
    <row r="170" spans="2:12" x14ac:dyDescent="0.2">
      <c r="B170" s="1"/>
      <c r="C170" s="1"/>
      <c r="D170" s="1"/>
      <c r="E170" s="1"/>
      <c r="F170" s="1"/>
      <c r="G170" s="1"/>
      <c r="H170" s="1"/>
      <c r="I170" s="1"/>
      <c r="J170" s="1"/>
      <c r="K170" s="1"/>
      <c r="L170" s="1"/>
    </row>
    <row r="171" spans="2:12" x14ac:dyDescent="0.2">
      <c r="B171" s="1"/>
      <c r="C171" s="1"/>
      <c r="D171" s="1"/>
      <c r="E171" s="1"/>
      <c r="F171" s="1"/>
      <c r="G171" s="1"/>
      <c r="H171" s="1"/>
      <c r="I171" s="1"/>
      <c r="J171" s="1"/>
      <c r="K171" s="1"/>
      <c r="L171" s="1"/>
    </row>
    <row r="172" spans="2:12" x14ac:dyDescent="0.2">
      <c r="B172" s="1"/>
      <c r="C172" s="1"/>
      <c r="D172" s="1"/>
      <c r="E172" s="1"/>
      <c r="F172" s="1"/>
      <c r="G172" s="1"/>
      <c r="H172" s="1"/>
      <c r="I172" s="1"/>
      <c r="J172" s="1"/>
      <c r="K172" s="1"/>
      <c r="L172" s="1"/>
    </row>
    <row r="173" spans="2:12" x14ac:dyDescent="0.2">
      <c r="B173" s="1"/>
      <c r="C173" s="1"/>
      <c r="D173" s="1"/>
      <c r="E173" s="1"/>
      <c r="F173" s="1"/>
      <c r="G173" s="1"/>
      <c r="H173" s="1"/>
      <c r="I173" s="1"/>
      <c r="J173" s="1"/>
      <c r="K173" s="1"/>
      <c r="L173" s="1"/>
    </row>
    <row r="174" spans="2:12" x14ac:dyDescent="0.2">
      <c r="B174" s="1"/>
      <c r="C174" s="1"/>
      <c r="D174" s="1"/>
      <c r="E174" s="1"/>
      <c r="F174" s="1"/>
      <c r="G174" s="1"/>
      <c r="H174" s="1"/>
      <c r="I174" s="1"/>
      <c r="J174" s="1"/>
      <c r="K174" s="1"/>
      <c r="L174" s="1"/>
    </row>
    <row r="175" spans="2:12" x14ac:dyDescent="0.2">
      <c r="B175" s="1"/>
      <c r="C175" s="1"/>
      <c r="D175" s="1"/>
      <c r="E175" s="1"/>
      <c r="F175" s="1"/>
      <c r="G175" s="1"/>
      <c r="H175" s="1"/>
      <c r="I175" s="1"/>
      <c r="J175" s="1"/>
      <c r="K175" s="1"/>
      <c r="L175" s="1"/>
    </row>
    <row r="176" spans="2:12" x14ac:dyDescent="0.2">
      <c r="B176" s="1"/>
      <c r="C176" s="1"/>
      <c r="D176" s="1"/>
      <c r="E176" s="1"/>
      <c r="F176" s="1"/>
      <c r="G176" s="1"/>
      <c r="H176" s="1"/>
      <c r="I176" s="1"/>
      <c r="J176" s="1"/>
      <c r="K176" s="1"/>
      <c r="L176" s="1"/>
    </row>
    <row r="177" spans="2:12" x14ac:dyDescent="0.2">
      <c r="B177" s="1"/>
      <c r="C177" s="1"/>
      <c r="D177" s="1"/>
      <c r="E177" s="1"/>
      <c r="F177" s="1"/>
      <c r="G177" s="1"/>
      <c r="H177" s="1"/>
      <c r="I177" s="1"/>
      <c r="J177" s="1"/>
      <c r="K177" s="1"/>
      <c r="L177" s="1"/>
    </row>
    <row r="178" spans="2:12" x14ac:dyDescent="0.2">
      <c r="B178" s="1"/>
      <c r="C178" s="1"/>
      <c r="D178" s="1"/>
      <c r="E178" s="1"/>
      <c r="F178" s="1"/>
      <c r="G178" s="1"/>
      <c r="H178" s="1"/>
      <c r="I178" s="1"/>
      <c r="J178" s="1"/>
      <c r="K178" s="1"/>
      <c r="L178" s="1"/>
    </row>
    <row r="179" spans="2:12" x14ac:dyDescent="0.2">
      <c r="B179" s="1"/>
      <c r="C179" s="1"/>
      <c r="D179" s="1"/>
      <c r="E179" s="1"/>
      <c r="F179" s="1"/>
      <c r="G179" s="1"/>
      <c r="H179" s="1"/>
      <c r="I179" s="1"/>
      <c r="J179" s="1"/>
      <c r="K179" s="1"/>
      <c r="L179" s="1"/>
    </row>
    <row r="180" spans="2:12" x14ac:dyDescent="0.2">
      <c r="B180" s="1"/>
      <c r="C180" s="1"/>
      <c r="D180" s="1"/>
      <c r="E180" s="1"/>
      <c r="F180" s="1"/>
      <c r="G180" s="1"/>
      <c r="H180" s="1"/>
      <c r="I180" s="1"/>
      <c r="J180" s="1"/>
      <c r="K180" s="1"/>
      <c r="L180" s="1"/>
    </row>
    <row r="181" spans="2:12" x14ac:dyDescent="0.2">
      <c r="B181" s="1"/>
      <c r="C181" s="1"/>
      <c r="D181" s="1"/>
      <c r="E181" s="1"/>
      <c r="F181" s="1"/>
      <c r="G181" s="1"/>
      <c r="H181" s="1"/>
      <c r="I181" s="1"/>
      <c r="J181" s="1"/>
      <c r="K181" s="1"/>
      <c r="L181" s="1"/>
    </row>
    <row r="182" spans="2:12" x14ac:dyDescent="0.2">
      <c r="B182" s="1"/>
      <c r="C182" s="1"/>
      <c r="D182" s="1"/>
      <c r="E182" s="1"/>
      <c r="F182" s="1"/>
      <c r="G182" s="1"/>
      <c r="H182" s="1"/>
      <c r="I182" s="1"/>
      <c r="J182" s="1"/>
      <c r="K182" s="1"/>
      <c r="L182" s="1"/>
    </row>
    <row r="183" spans="2:12" x14ac:dyDescent="0.2">
      <c r="B183" s="1"/>
      <c r="C183" s="1"/>
      <c r="D183" s="1"/>
      <c r="E183" s="1"/>
      <c r="F183" s="1"/>
      <c r="G183" s="1"/>
      <c r="H183" s="1"/>
      <c r="I183" s="1"/>
      <c r="J183" s="1"/>
      <c r="K183" s="1"/>
      <c r="L183" s="1"/>
    </row>
    <row r="184" spans="2:12" x14ac:dyDescent="0.2">
      <c r="B184" s="1"/>
      <c r="C184" s="1"/>
      <c r="D184" s="1"/>
      <c r="E184" s="1"/>
      <c r="F184" s="1"/>
      <c r="G184" s="1"/>
      <c r="H184" s="1"/>
      <c r="I184" s="1"/>
      <c r="J184" s="1"/>
      <c r="K184" s="1"/>
      <c r="L184" s="1"/>
    </row>
    <row r="185" spans="2:12" x14ac:dyDescent="0.2">
      <c r="B185" s="1"/>
      <c r="C185" s="1"/>
      <c r="D185" s="1"/>
      <c r="E185" s="1"/>
      <c r="F185" s="1"/>
      <c r="G185" s="1"/>
      <c r="H185" s="1"/>
      <c r="I185" s="1"/>
      <c r="J185" s="1"/>
      <c r="K185" s="1"/>
      <c r="L185" s="1"/>
    </row>
    <row r="186" spans="2:12" x14ac:dyDescent="0.2">
      <c r="B186" s="1"/>
      <c r="C186" s="1"/>
      <c r="D186" s="1"/>
      <c r="E186" s="1"/>
      <c r="F186" s="1"/>
      <c r="G186" s="1"/>
      <c r="H186" s="1"/>
      <c r="I186" s="1"/>
      <c r="J186" s="1"/>
      <c r="K186" s="1"/>
      <c r="L186" s="1"/>
    </row>
    <row r="187" spans="2:12" x14ac:dyDescent="0.2">
      <c r="B187" s="1"/>
      <c r="C187" s="1"/>
      <c r="D187" s="1"/>
      <c r="E187" s="1"/>
      <c r="F187" s="1"/>
      <c r="G187" s="1"/>
      <c r="H187" s="1"/>
      <c r="I187" s="1"/>
      <c r="J187" s="1"/>
      <c r="K187" s="1"/>
      <c r="L187" s="1"/>
    </row>
    <row r="188" spans="2:12" x14ac:dyDescent="0.2">
      <c r="B188" s="1"/>
      <c r="C188" s="1"/>
      <c r="D188" s="1"/>
      <c r="E188" s="1"/>
      <c r="F188" s="1"/>
      <c r="G188" s="1"/>
      <c r="H188" s="1"/>
      <c r="I188" s="1"/>
      <c r="J188" s="1"/>
      <c r="K188" s="1"/>
      <c r="L188" s="1"/>
    </row>
    <row r="189" spans="2:12" x14ac:dyDescent="0.2">
      <c r="B189" s="1"/>
      <c r="C189" s="1"/>
      <c r="D189" s="1"/>
      <c r="E189" s="1"/>
      <c r="F189" s="1"/>
      <c r="G189" s="1"/>
      <c r="H189" s="1"/>
      <c r="I189" s="1"/>
      <c r="J189" s="1"/>
      <c r="K189" s="1"/>
      <c r="L189" s="1"/>
    </row>
    <row r="190" spans="2:12" x14ac:dyDescent="0.2">
      <c r="B190" s="1"/>
      <c r="C190" s="1"/>
      <c r="D190" s="1"/>
      <c r="E190" s="1"/>
      <c r="F190" s="1"/>
      <c r="G190" s="1"/>
      <c r="H190" s="1"/>
      <c r="I190" s="1"/>
      <c r="J190" s="1"/>
      <c r="K190" s="1"/>
      <c r="L190" s="1"/>
    </row>
    <row r="191" spans="2:12" x14ac:dyDescent="0.2">
      <c r="B191" s="1"/>
      <c r="C191" s="1"/>
      <c r="D191" s="1"/>
      <c r="E191" s="1"/>
      <c r="F191" s="1"/>
      <c r="G191" s="1"/>
      <c r="H191" s="1"/>
      <c r="I191" s="1"/>
      <c r="J191" s="1"/>
      <c r="K191" s="1"/>
      <c r="L191" s="1"/>
    </row>
    <row r="192" spans="2:12" x14ac:dyDescent="0.2">
      <c r="B192" s="1"/>
      <c r="C192" s="1"/>
      <c r="D192" s="1"/>
      <c r="E192" s="1"/>
      <c r="F192" s="1"/>
      <c r="G192" s="1"/>
      <c r="H192" s="1"/>
      <c r="I192" s="1"/>
      <c r="J192" s="1"/>
      <c r="K192" s="1"/>
      <c r="L192" s="1"/>
    </row>
    <row r="193" spans="2:12" x14ac:dyDescent="0.2">
      <c r="B193" s="1"/>
      <c r="C193" s="1"/>
      <c r="D193" s="1"/>
      <c r="E193" s="1"/>
      <c r="F193" s="1"/>
      <c r="G193" s="1"/>
      <c r="H193" s="1"/>
      <c r="I193" s="1"/>
      <c r="J193" s="1"/>
      <c r="K193" s="1"/>
      <c r="L193" s="1"/>
    </row>
    <row r="194" spans="2:12" x14ac:dyDescent="0.2">
      <c r="B194" s="1"/>
      <c r="C194" s="1"/>
      <c r="D194" s="1"/>
      <c r="E194" s="1"/>
      <c r="F194" s="1"/>
      <c r="G194" s="1"/>
      <c r="H194" s="1"/>
      <c r="I194" s="1"/>
      <c r="J194" s="1"/>
      <c r="K194" s="1"/>
      <c r="L194" s="1"/>
    </row>
    <row r="195" spans="2:12" x14ac:dyDescent="0.2">
      <c r="B195" s="1"/>
      <c r="C195" s="1"/>
      <c r="D195" s="1"/>
      <c r="E195" s="1"/>
      <c r="F195" s="1"/>
      <c r="G195" s="1"/>
      <c r="H195" s="1"/>
      <c r="I195" s="1"/>
      <c r="J195" s="1"/>
      <c r="K195" s="1"/>
      <c r="L195" s="1"/>
    </row>
    <row r="196" spans="2:12" x14ac:dyDescent="0.2">
      <c r="B196" s="1"/>
      <c r="C196" s="1"/>
      <c r="D196" s="1"/>
      <c r="E196" s="1"/>
      <c r="F196" s="1"/>
      <c r="G196" s="1"/>
      <c r="H196" s="1"/>
      <c r="I196" s="1"/>
      <c r="J196" s="1"/>
      <c r="K196" s="1"/>
      <c r="L196" s="1"/>
    </row>
    <row r="197" spans="2:12" x14ac:dyDescent="0.2">
      <c r="B197" s="1"/>
      <c r="C197" s="1"/>
      <c r="D197" s="1"/>
      <c r="E197" s="1"/>
      <c r="F197" s="1"/>
      <c r="G197" s="1"/>
      <c r="H197" s="1"/>
      <c r="I197" s="1"/>
      <c r="J197" s="1"/>
      <c r="K197" s="1"/>
      <c r="L197" s="1"/>
    </row>
    <row r="198" spans="2:12" x14ac:dyDescent="0.2">
      <c r="B198" s="1"/>
      <c r="C198" s="1"/>
      <c r="D198" s="1"/>
      <c r="E198" s="1"/>
      <c r="F198" s="1"/>
      <c r="G198" s="1"/>
      <c r="H198" s="1"/>
      <c r="I198" s="1"/>
      <c r="J198" s="1"/>
      <c r="K198" s="1"/>
      <c r="L198" s="1"/>
    </row>
    <row r="199" spans="2:12" x14ac:dyDescent="0.2">
      <c r="B199" s="1"/>
      <c r="C199" s="1"/>
      <c r="D199" s="1"/>
      <c r="E199" s="1"/>
      <c r="F199" s="1"/>
      <c r="G199" s="1"/>
      <c r="H199" s="1"/>
      <c r="I199" s="1"/>
      <c r="J199" s="1"/>
      <c r="K199" s="1"/>
      <c r="L199" s="1"/>
    </row>
    <row r="200" spans="2:12" x14ac:dyDescent="0.2">
      <c r="B200" s="1"/>
      <c r="C200" s="1"/>
      <c r="D200" s="1"/>
      <c r="E200" s="1"/>
      <c r="F200" s="1"/>
      <c r="G200" s="1"/>
      <c r="H200" s="1"/>
      <c r="I200" s="1"/>
      <c r="J200" s="1"/>
      <c r="K200" s="1"/>
      <c r="L200" s="1"/>
    </row>
    <row r="201" spans="2:12" x14ac:dyDescent="0.2">
      <c r="B201" s="1"/>
      <c r="C201" s="1"/>
      <c r="D201" s="1"/>
      <c r="E201" s="1"/>
      <c r="F201" s="1"/>
      <c r="G201" s="1"/>
      <c r="H201" s="1"/>
      <c r="I201" s="1"/>
      <c r="J201" s="1"/>
      <c r="K201" s="1"/>
      <c r="L201" s="1"/>
    </row>
    <row r="202" spans="2:12" x14ac:dyDescent="0.2">
      <c r="B202" s="1"/>
      <c r="C202" s="1"/>
      <c r="D202" s="1"/>
      <c r="E202" s="1"/>
      <c r="F202" s="1"/>
      <c r="G202" s="1"/>
      <c r="H202" s="1"/>
      <c r="I202" s="1"/>
      <c r="J202" s="1"/>
      <c r="K202" s="1"/>
      <c r="L202" s="1"/>
    </row>
    <row r="203" spans="2:12" x14ac:dyDescent="0.2">
      <c r="B203" s="1"/>
      <c r="C203" s="1"/>
      <c r="D203" s="1"/>
      <c r="E203" s="1"/>
      <c r="F203" s="1"/>
      <c r="G203" s="1"/>
      <c r="H203" s="1"/>
      <c r="I203" s="1"/>
      <c r="J203" s="1"/>
      <c r="K203" s="1"/>
      <c r="L203" s="1"/>
    </row>
    <row r="204" spans="2:12" x14ac:dyDescent="0.2">
      <c r="B204" s="1"/>
      <c r="C204" s="1"/>
      <c r="D204" s="1"/>
      <c r="E204" s="1"/>
      <c r="F204" s="1"/>
      <c r="G204" s="1"/>
      <c r="H204" s="1"/>
      <c r="I204" s="1"/>
      <c r="J204" s="1"/>
      <c r="K204" s="1"/>
      <c r="L204" s="1"/>
    </row>
    <row r="205" spans="2:12" x14ac:dyDescent="0.2">
      <c r="B205" s="1"/>
      <c r="C205" s="1"/>
      <c r="D205" s="1"/>
      <c r="E205" s="1"/>
      <c r="F205" s="1"/>
      <c r="G205" s="1"/>
      <c r="H205" s="1"/>
      <c r="I205" s="1"/>
      <c r="J205" s="1"/>
      <c r="K205" s="1"/>
      <c r="L205" s="1"/>
    </row>
    <row r="206" spans="2:12" x14ac:dyDescent="0.2">
      <c r="B206" s="1"/>
      <c r="C206" s="1"/>
      <c r="D206" s="1"/>
      <c r="E206" s="1"/>
      <c r="F206" s="1"/>
      <c r="G206" s="1"/>
      <c r="H206" s="1"/>
      <c r="I206" s="1"/>
      <c r="J206" s="1"/>
      <c r="K206" s="1"/>
      <c r="L206" s="1"/>
    </row>
    <row r="207" spans="2:12" x14ac:dyDescent="0.2">
      <c r="B207" s="1"/>
      <c r="C207" s="1"/>
      <c r="D207" s="1"/>
      <c r="E207" s="1"/>
      <c r="F207" s="1"/>
      <c r="G207" s="1"/>
      <c r="H207" s="1"/>
      <c r="I207" s="1"/>
      <c r="J207" s="1"/>
      <c r="K207" s="1"/>
      <c r="L207" s="1"/>
    </row>
    <row r="208" spans="2:12" x14ac:dyDescent="0.2">
      <c r="B208" s="1"/>
      <c r="C208" s="1"/>
      <c r="D208" s="1"/>
      <c r="E208" s="1"/>
      <c r="F208" s="1"/>
      <c r="G208" s="1"/>
      <c r="H208" s="1"/>
      <c r="I208" s="1"/>
      <c r="J208" s="1"/>
      <c r="K208" s="1"/>
      <c r="L208" s="1"/>
    </row>
    <row r="209" spans="2:12" x14ac:dyDescent="0.2">
      <c r="B209" s="1"/>
      <c r="C209" s="1"/>
      <c r="D209" s="1"/>
      <c r="E209" s="1"/>
      <c r="F209" s="1"/>
      <c r="G209" s="1"/>
      <c r="H209" s="1"/>
      <c r="I209" s="1"/>
      <c r="J209" s="1"/>
      <c r="K209" s="1"/>
      <c r="L209" s="1"/>
    </row>
    <row r="210" spans="2:12" x14ac:dyDescent="0.2">
      <c r="B210" s="1"/>
      <c r="C210" s="1"/>
      <c r="D210" s="1"/>
      <c r="E210" s="1"/>
      <c r="F210" s="1"/>
      <c r="G210" s="1"/>
      <c r="H210" s="1"/>
      <c r="I210" s="1"/>
      <c r="J210" s="1"/>
      <c r="K210" s="1"/>
      <c r="L210" s="1"/>
    </row>
    <row r="211" spans="2:12" x14ac:dyDescent="0.2">
      <c r="B211" s="1"/>
      <c r="C211" s="1"/>
      <c r="D211" s="1"/>
      <c r="E211" s="1"/>
      <c r="F211" s="1"/>
      <c r="G211" s="1"/>
      <c r="H211" s="1"/>
      <c r="I211" s="1"/>
      <c r="J211" s="1"/>
      <c r="K211" s="1"/>
      <c r="L211" s="1"/>
    </row>
    <row r="212" spans="2:12" x14ac:dyDescent="0.2">
      <c r="B212" s="1"/>
      <c r="C212" s="1"/>
      <c r="D212" s="1"/>
      <c r="E212" s="1"/>
      <c r="F212" s="1"/>
      <c r="G212" s="1"/>
      <c r="H212" s="1"/>
      <c r="I212" s="1"/>
      <c r="J212" s="1"/>
      <c r="K212" s="1"/>
      <c r="L212" s="1"/>
    </row>
    <row r="213" spans="2:12" x14ac:dyDescent="0.2">
      <c r="B213" s="1"/>
      <c r="C213" s="1"/>
      <c r="D213" s="1"/>
      <c r="E213" s="1"/>
      <c r="F213" s="1"/>
      <c r="G213" s="1"/>
      <c r="H213" s="1"/>
      <c r="I213" s="1"/>
      <c r="J213" s="1"/>
      <c r="K213" s="1"/>
      <c r="L213" s="1"/>
    </row>
    <row r="214" spans="2:12" x14ac:dyDescent="0.2">
      <c r="B214" s="1"/>
      <c r="C214" s="1"/>
      <c r="D214" s="1"/>
      <c r="E214" s="1"/>
      <c r="F214" s="1"/>
      <c r="G214" s="1"/>
      <c r="H214" s="1"/>
      <c r="I214" s="1"/>
      <c r="J214" s="1"/>
      <c r="K214" s="1"/>
      <c r="L214" s="1"/>
    </row>
    <row r="215" spans="2:12" x14ac:dyDescent="0.2">
      <c r="B215" s="1"/>
      <c r="C215" s="1"/>
      <c r="D215" s="1"/>
      <c r="E215" s="1"/>
      <c r="F215" s="1"/>
      <c r="G215" s="1"/>
      <c r="H215" s="1"/>
      <c r="I215" s="1"/>
      <c r="J215" s="1"/>
      <c r="K215" s="1"/>
      <c r="L215" s="1"/>
    </row>
    <row r="216" spans="2:12" x14ac:dyDescent="0.2">
      <c r="B216" s="1"/>
      <c r="C216" s="1"/>
      <c r="D216" s="1"/>
      <c r="E216" s="1"/>
      <c r="F216" s="1"/>
      <c r="G216" s="1"/>
      <c r="H216" s="1"/>
      <c r="I216" s="1"/>
      <c r="J216" s="1"/>
      <c r="K216" s="1"/>
      <c r="L216" s="1"/>
    </row>
    <row r="217" spans="2:12" x14ac:dyDescent="0.2">
      <c r="B217" s="1"/>
      <c r="C217" s="1"/>
      <c r="D217" s="1"/>
      <c r="E217" s="1"/>
      <c r="F217" s="1"/>
      <c r="G217" s="1"/>
      <c r="H217" s="1"/>
      <c r="I217" s="1"/>
      <c r="J217" s="1"/>
      <c r="K217" s="1"/>
      <c r="L217" s="1"/>
    </row>
    <row r="218" spans="2:12" x14ac:dyDescent="0.2">
      <c r="B218" s="1"/>
      <c r="C218" s="1"/>
      <c r="D218" s="1"/>
      <c r="E218" s="1"/>
      <c r="F218" s="1"/>
      <c r="G218" s="1"/>
      <c r="H218" s="1"/>
      <c r="I218" s="1"/>
      <c r="J218" s="1"/>
      <c r="K218" s="1"/>
      <c r="L218" s="1"/>
    </row>
    <row r="219" spans="2:12" x14ac:dyDescent="0.2">
      <c r="B219" s="1"/>
      <c r="C219" s="1"/>
      <c r="D219" s="1"/>
      <c r="E219" s="1"/>
      <c r="F219" s="1"/>
      <c r="G219" s="1"/>
      <c r="H219" s="1"/>
      <c r="I219" s="1"/>
      <c r="J219" s="1"/>
      <c r="K219" s="1"/>
      <c r="L219" s="1"/>
    </row>
    <row r="220" spans="2:12" x14ac:dyDescent="0.2">
      <c r="B220" s="1"/>
      <c r="C220" s="1"/>
      <c r="D220" s="1"/>
      <c r="E220" s="1"/>
      <c r="F220" s="1"/>
      <c r="G220" s="1"/>
      <c r="H220" s="1"/>
      <c r="I220" s="1"/>
      <c r="J220" s="1"/>
      <c r="K220" s="1"/>
      <c r="L220" s="1"/>
    </row>
    <row r="221" spans="2:12" x14ac:dyDescent="0.2">
      <c r="B221" s="1"/>
      <c r="C221" s="1"/>
      <c r="D221" s="1"/>
      <c r="E221" s="1"/>
      <c r="F221" s="1"/>
      <c r="G221" s="1"/>
      <c r="H221" s="1"/>
      <c r="I221" s="1"/>
      <c r="J221" s="1"/>
      <c r="K221" s="1"/>
      <c r="L221" s="1"/>
    </row>
    <row r="222" spans="2:12" x14ac:dyDescent="0.2">
      <c r="B222" s="1"/>
      <c r="C222" s="1"/>
      <c r="D222" s="1"/>
      <c r="E222" s="1"/>
      <c r="F222" s="1"/>
      <c r="G222" s="1"/>
      <c r="H222" s="1"/>
      <c r="I222" s="1"/>
      <c r="J222" s="1"/>
      <c r="K222" s="1"/>
      <c r="L222" s="1"/>
    </row>
    <row r="223" spans="2:12" x14ac:dyDescent="0.2">
      <c r="B223" s="1"/>
      <c r="C223" s="1"/>
      <c r="D223" s="1"/>
      <c r="E223" s="1"/>
      <c r="F223" s="1"/>
      <c r="G223" s="1"/>
      <c r="H223" s="1"/>
      <c r="I223" s="1"/>
      <c r="J223" s="1"/>
      <c r="K223" s="1"/>
      <c r="L223" s="1"/>
    </row>
    <row r="224" spans="2:12" x14ac:dyDescent="0.2">
      <c r="B224" s="1"/>
      <c r="C224" s="1"/>
      <c r="D224" s="1"/>
      <c r="E224" s="1"/>
      <c r="F224" s="1"/>
      <c r="G224" s="1"/>
      <c r="H224" s="1"/>
      <c r="I224" s="1"/>
      <c r="J224" s="1"/>
      <c r="K224" s="1"/>
      <c r="L224" s="1"/>
    </row>
    <row r="225" spans="2:12" x14ac:dyDescent="0.2">
      <c r="B225" s="1"/>
      <c r="C225" s="1"/>
      <c r="D225" s="1"/>
      <c r="E225" s="1"/>
      <c r="F225" s="1"/>
      <c r="G225" s="1"/>
      <c r="H225" s="1"/>
      <c r="I225" s="1"/>
      <c r="J225" s="1"/>
      <c r="K225" s="1"/>
      <c r="L225" s="1"/>
    </row>
    <row r="226" spans="2:12" x14ac:dyDescent="0.2">
      <c r="B226" s="1"/>
      <c r="C226" s="1"/>
      <c r="D226" s="1"/>
      <c r="E226" s="1"/>
      <c r="F226" s="1"/>
      <c r="G226" s="1"/>
      <c r="H226" s="1"/>
      <c r="I226" s="1"/>
      <c r="J226" s="1"/>
      <c r="K226" s="1"/>
      <c r="L226" s="1"/>
    </row>
    <row r="227" spans="2:12" x14ac:dyDescent="0.2">
      <c r="B227" s="1"/>
      <c r="C227" s="1"/>
      <c r="D227" s="1"/>
      <c r="E227" s="1"/>
      <c r="F227" s="1"/>
      <c r="G227" s="1"/>
      <c r="H227" s="1"/>
      <c r="I227" s="1"/>
      <c r="J227" s="1"/>
      <c r="K227" s="1"/>
      <c r="L227" s="1"/>
    </row>
    <row r="228" spans="2:12" x14ac:dyDescent="0.2">
      <c r="B228" s="1"/>
      <c r="C228" s="1"/>
      <c r="D228" s="1"/>
      <c r="E228" s="1"/>
      <c r="F228" s="1"/>
      <c r="G228" s="1"/>
      <c r="H228" s="1"/>
      <c r="I228" s="1"/>
      <c r="J228" s="1"/>
      <c r="K228" s="1"/>
      <c r="L228" s="1"/>
    </row>
    <row r="229" spans="2:12" x14ac:dyDescent="0.2">
      <c r="B229" s="1"/>
      <c r="C229" s="1"/>
      <c r="D229" s="1"/>
      <c r="E229" s="1"/>
      <c r="F229" s="1"/>
      <c r="G229" s="1"/>
      <c r="H229" s="1"/>
      <c r="I229" s="1"/>
      <c r="J229" s="1"/>
      <c r="K229" s="1"/>
      <c r="L229" s="1"/>
    </row>
    <row r="230" spans="2:12" x14ac:dyDescent="0.2">
      <c r="B230" s="1"/>
      <c r="C230" s="1"/>
      <c r="D230" s="1"/>
      <c r="E230" s="1"/>
      <c r="F230" s="1"/>
      <c r="G230" s="1"/>
      <c r="H230" s="1"/>
      <c r="I230" s="1"/>
      <c r="J230" s="1"/>
      <c r="K230" s="1"/>
      <c r="L230" s="1"/>
    </row>
    <row r="231" spans="2:12" x14ac:dyDescent="0.2">
      <c r="B231" s="1"/>
      <c r="C231" s="1"/>
      <c r="D231" s="1"/>
      <c r="E231" s="1"/>
      <c r="F231" s="1"/>
      <c r="G231" s="1"/>
      <c r="H231" s="1"/>
      <c r="I231" s="1"/>
      <c r="J231" s="1"/>
      <c r="K231" s="1"/>
      <c r="L231" s="1"/>
    </row>
    <row r="232" spans="2:12" x14ac:dyDescent="0.2">
      <c r="B232" s="1"/>
      <c r="C232" s="1"/>
      <c r="D232" s="1"/>
      <c r="E232" s="1"/>
      <c r="F232" s="1"/>
      <c r="G232" s="1"/>
      <c r="H232" s="1"/>
      <c r="I232" s="1"/>
      <c r="J232" s="1"/>
      <c r="K232" s="1"/>
      <c r="L232" s="1"/>
    </row>
    <row r="233" spans="2:12" x14ac:dyDescent="0.2">
      <c r="B233" s="1"/>
      <c r="C233" s="1"/>
      <c r="D233" s="1"/>
      <c r="E233" s="1"/>
      <c r="F233" s="1"/>
      <c r="G233" s="1"/>
      <c r="H233" s="1"/>
      <c r="I233" s="1"/>
      <c r="J233" s="1"/>
      <c r="K233" s="1"/>
      <c r="L233" s="1"/>
    </row>
    <row r="234" spans="2:12" x14ac:dyDescent="0.2">
      <c r="B234" s="1"/>
      <c r="C234" s="1"/>
      <c r="D234" s="1"/>
      <c r="E234" s="1"/>
      <c r="F234" s="1"/>
      <c r="G234" s="1"/>
      <c r="H234" s="1"/>
      <c r="I234" s="1"/>
      <c r="J234" s="1"/>
      <c r="K234" s="1"/>
      <c r="L234" s="1"/>
    </row>
    <row r="235" spans="2:12" x14ac:dyDescent="0.2">
      <c r="B235" s="1"/>
      <c r="C235" s="1"/>
      <c r="D235" s="1"/>
      <c r="E235" s="1"/>
      <c r="F235" s="1"/>
      <c r="G235" s="1"/>
      <c r="H235" s="1"/>
      <c r="I235" s="1"/>
      <c r="J235" s="1"/>
      <c r="K235" s="1"/>
      <c r="L235" s="1"/>
    </row>
    <row r="236" spans="2:12" x14ac:dyDescent="0.2">
      <c r="B236" s="1"/>
      <c r="C236" s="1"/>
      <c r="D236" s="1"/>
      <c r="E236" s="1"/>
      <c r="F236" s="1"/>
      <c r="G236" s="1"/>
      <c r="H236" s="1"/>
      <c r="I236" s="1"/>
      <c r="J236" s="1"/>
      <c r="K236" s="1"/>
      <c r="L236" s="1"/>
    </row>
    <row r="237" spans="2:12" x14ac:dyDescent="0.2">
      <c r="B237" s="1"/>
      <c r="C237" s="1"/>
      <c r="D237" s="1"/>
      <c r="E237" s="1"/>
      <c r="F237" s="1"/>
      <c r="G237" s="1"/>
      <c r="H237" s="1"/>
      <c r="I237" s="1"/>
      <c r="J237" s="1"/>
      <c r="K237" s="1"/>
      <c r="L237" s="1"/>
    </row>
    <row r="238" spans="2:12" x14ac:dyDescent="0.2">
      <c r="B238" s="1"/>
      <c r="C238" s="1"/>
      <c r="D238" s="1"/>
      <c r="E238" s="1"/>
      <c r="F238" s="1"/>
      <c r="G238" s="1"/>
      <c r="H238" s="1"/>
      <c r="I238" s="1"/>
      <c r="J238" s="1"/>
      <c r="K238" s="1"/>
      <c r="L238" s="1"/>
    </row>
    <row r="239" spans="2:12" x14ac:dyDescent="0.2">
      <c r="B239" s="1"/>
      <c r="C239" s="1"/>
      <c r="D239" s="1"/>
      <c r="E239" s="1"/>
      <c r="F239" s="1"/>
      <c r="G239" s="1"/>
      <c r="H239" s="1"/>
      <c r="I239" s="1"/>
      <c r="J239" s="1"/>
      <c r="K239" s="1"/>
      <c r="L239" s="1"/>
    </row>
    <row r="240" spans="2:12" x14ac:dyDescent="0.2">
      <c r="B240" s="1"/>
      <c r="C240" s="1"/>
      <c r="D240" s="1"/>
      <c r="E240" s="1"/>
      <c r="F240" s="1"/>
      <c r="G240" s="1"/>
      <c r="H240" s="1"/>
      <c r="I240" s="1"/>
      <c r="J240" s="1"/>
      <c r="K240" s="1"/>
      <c r="L240" s="1"/>
    </row>
    <row r="241" spans="2:12" x14ac:dyDescent="0.2">
      <c r="B241" s="1"/>
      <c r="C241" s="1"/>
      <c r="D241" s="1"/>
      <c r="E241" s="1"/>
      <c r="F241" s="1"/>
      <c r="G241" s="1"/>
      <c r="H241" s="1"/>
      <c r="I241" s="1"/>
      <c r="J241" s="1"/>
      <c r="K241" s="1"/>
      <c r="L241" s="1"/>
    </row>
    <row r="242" spans="2:12" x14ac:dyDescent="0.2">
      <c r="B242" s="1"/>
      <c r="C242" s="1"/>
      <c r="D242" s="1"/>
      <c r="E242" s="1"/>
      <c r="F242" s="1"/>
      <c r="G242" s="1"/>
      <c r="H242" s="1"/>
      <c r="I242" s="1"/>
      <c r="J242" s="1"/>
      <c r="K242" s="1"/>
      <c r="L242" s="1"/>
    </row>
    <row r="243" spans="2:12" x14ac:dyDescent="0.2">
      <c r="B243" s="1"/>
      <c r="C243" s="1"/>
      <c r="D243" s="1"/>
      <c r="E243" s="1"/>
      <c r="F243" s="1"/>
      <c r="G243" s="1"/>
      <c r="H243" s="1"/>
      <c r="I243" s="1"/>
      <c r="J243" s="1"/>
      <c r="K243" s="1"/>
      <c r="L243" s="1"/>
    </row>
    <row r="244" spans="2:12" x14ac:dyDescent="0.2">
      <c r="B244" s="1"/>
      <c r="C244" s="1"/>
      <c r="D244" s="1"/>
      <c r="E244" s="1"/>
      <c r="F244" s="1"/>
      <c r="G244" s="1"/>
      <c r="H244" s="1"/>
      <c r="I244" s="1"/>
      <c r="J244" s="1"/>
      <c r="K244" s="1"/>
      <c r="L244" s="1"/>
    </row>
    <row r="245" spans="2:12" x14ac:dyDescent="0.2">
      <c r="B245" s="1"/>
      <c r="C245" s="1"/>
      <c r="D245" s="1"/>
      <c r="E245" s="1"/>
      <c r="F245" s="1"/>
      <c r="G245" s="1"/>
      <c r="H245" s="1"/>
      <c r="I245" s="1"/>
      <c r="J245" s="1"/>
      <c r="K245" s="1"/>
      <c r="L245" s="1"/>
    </row>
    <row r="246" spans="2:12" x14ac:dyDescent="0.2">
      <c r="B246" s="1"/>
      <c r="C246" s="1"/>
      <c r="D246" s="1"/>
      <c r="E246" s="1"/>
      <c r="F246" s="1"/>
      <c r="G246" s="1"/>
      <c r="H246" s="1"/>
      <c r="I246" s="1"/>
      <c r="J246" s="1"/>
      <c r="K246" s="1"/>
      <c r="L246" s="1"/>
    </row>
    <row r="247" spans="2:12" x14ac:dyDescent="0.2">
      <c r="B247" s="1"/>
      <c r="C247" s="1"/>
      <c r="D247" s="1"/>
      <c r="E247" s="1"/>
      <c r="F247" s="1"/>
      <c r="G247" s="1"/>
      <c r="H247" s="1"/>
      <c r="I247" s="1"/>
      <c r="J247" s="1"/>
      <c r="K247" s="1"/>
      <c r="L247" s="1"/>
    </row>
    <row r="248" spans="2:12" x14ac:dyDescent="0.2">
      <c r="B248" s="1"/>
      <c r="C248" s="1"/>
      <c r="D248" s="1"/>
      <c r="E248" s="1"/>
      <c r="F248" s="1"/>
      <c r="G248" s="1"/>
      <c r="H248" s="1"/>
      <c r="I248" s="1"/>
      <c r="J248" s="1"/>
      <c r="K248" s="1"/>
      <c r="L248" s="1"/>
    </row>
    <row r="249" spans="2:12" x14ac:dyDescent="0.2">
      <c r="B249" s="1"/>
      <c r="C249" s="1"/>
      <c r="D249" s="1"/>
      <c r="E249" s="1"/>
      <c r="F249" s="1"/>
      <c r="G249" s="1"/>
      <c r="H249" s="1"/>
      <c r="I249" s="1"/>
      <c r="J249" s="1"/>
      <c r="K249" s="1"/>
      <c r="L249" s="1"/>
    </row>
    <row r="250" spans="2:12" x14ac:dyDescent="0.2">
      <c r="B250" s="1"/>
      <c r="C250" s="1"/>
      <c r="D250" s="1"/>
      <c r="E250" s="1"/>
      <c r="F250" s="1"/>
      <c r="G250" s="1"/>
      <c r="H250" s="1"/>
      <c r="I250" s="1"/>
      <c r="J250" s="1"/>
      <c r="K250" s="1"/>
      <c r="L250" s="1"/>
    </row>
    <row r="251" spans="2:12" x14ac:dyDescent="0.2">
      <c r="B251" s="1"/>
      <c r="C251" s="1"/>
      <c r="D251" s="1"/>
      <c r="E251" s="1"/>
      <c r="F251" s="1"/>
      <c r="G251" s="1"/>
      <c r="H251" s="1"/>
      <c r="I251" s="1"/>
      <c r="J251" s="1"/>
      <c r="K251" s="1"/>
      <c r="L251" s="1"/>
    </row>
    <row r="252" spans="2:12" x14ac:dyDescent="0.2">
      <c r="B252" s="1"/>
      <c r="C252" s="1"/>
      <c r="D252" s="1"/>
      <c r="E252" s="1"/>
      <c r="F252" s="1"/>
      <c r="G252" s="1"/>
      <c r="H252" s="1"/>
      <c r="I252" s="1"/>
      <c r="J252" s="1"/>
      <c r="K252" s="1"/>
      <c r="L252" s="1"/>
    </row>
    <row r="253" spans="2:12" x14ac:dyDescent="0.2">
      <c r="B253" s="1"/>
      <c r="C253" s="1"/>
      <c r="D253" s="1"/>
      <c r="E253" s="1"/>
      <c r="F253" s="1"/>
      <c r="G253" s="1"/>
      <c r="H253" s="1"/>
      <c r="I253" s="1"/>
      <c r="J253" s="1"/>
      <c r="K253" s="1"/>
      <c r="L253" s="1"/>
    </row>
    <row r="254" spans="2:12" x14ac:dyDescent="0.2">
      <c r="B254" s="1"/>
      <c r="C254" s="1"/>
      <c r="D254" s="1"/>
      <c r="E254" s="1"/>
      <c r="F254" s="1"/>
      <c r="G254" s="1"/>
      <c r="H254" s="1"/>
      <c r="I254" s="1"/>
      <c r="J254" s="1"/>
      <c r="K254" s="1"/>
      <c r="L254" s="1"/>
    </row>
    <row r="255" spans="2:12" x14ac:dyDescent="0.2">
      <c r="B255" s="1"/>
      <c r="C255" s="1"/>
      <c r="D255" s="1"/>
      <c r="E255" s="1"/>
      <c r="F255" s="1"/>
      <c r="G255" s="1"/>
      <c r="H255" s="1"/>
      <c r="I255" s="1"/>
      <c r="J255" s="1"/>
      <c r="K255" s="1"/>
      <c r="L255" s="1"/>
    </row>
    <row r="256" spans="2:12" x14ac:dyDescent="0.2">
      <c r="B256" s="1"/>
      <c r="C256" s="1"/>
      <c r="D256" s="1"/>
      <c r="E256" s="1"/>
      <c r="F256" s="1"/>
      <c r="G256" s="1"/>
      <c r="H256" s="1"/>
      <c r="I256" s="1"/>
      <c r="J256" s="1"/>
      <c r="K256" s="1"/>
      <c r="L256" s="1"/>
    </row>
    <row r="257" spans="2:12" x14ac:dyDescent="0.2">
      <c r="B257" s="1"/>
      <c r="C257" s="1"/>
      <c r="D257" s="1"/>
      <c r="E257" s="1"/>
      <c r="F257" s="1"/>
      <c r="G257" s="1"/>
      <c r="H257" s="1"/>
      <c r="I257" s="1"/>
      <c r="J257" s="1"/>
      <c r="K257" s="1"/>
      <c r="L257" s="1"/>
    </row>
    <row r="258" spans="2:12" x14ac:dyDescent="0.2">
      <c r="B258" s="1"/>
      <c r="C258" s="1"/>
      <c r="D258" s="1"/>
      <c r="E258" s="1"/>
      <c r="F258" s="1"/>
      <c r="G258" s="1"/>
      <c r="H258" s="1"/>
      <c r="I258" s="1"/>
      <c r="J258" s="1"/>
      <c r="K258" s="1"/>
      <c r="L258" s="1"/>
    </row>
    <row r="259" spans="2:12" x14ac:dyDescent="0.2">
      <c r="B259" s="1"/>
      <c r="C259" s="1"/>
      <c r="D259" s="1"/>
      <c r="E259" s="1"/>
      <c r="F259" s="1"/>
      <c r="G259" s="1"/>
      <c r="H259" s="1"/>
      <c r="I259" s="1"/>
      <c r="J259" s="1"/>
      <c r="K259" s="1"/>
      <c r="L259" s="1"/>
    </row>
    <row r="260" spans="2:12" x14ac:dyDescent="0.2">
      <c r="B260" s="1"/>
      <c r="C260" s="1"/>
      <c r="D260" s="1"/>
      <c r="E260" s="1"/>
      <c r="F260" s="1"/>
      <c r="G260" s="1"/>
      <c r="H260" s="1"/>
      <c r="I260" s="1"/>
      <c r="J260" s="1"/>
      <c r="K260" s="1"/>
      <c r="L260" s="1"/>
    </row>
    <row r="261" spans="2:12" x14ac:dyDescent="0.2">
      <c r="B261" s="1"/>
      <c r="C261" s="1"/>
      <c r="D261" s="1"/>
      <c r="E261" s="1"/>
      <c r="F261" s="1"/>
      <c r="G261" s="1"/>
      <c r="H261" s="1"/>
      <c r="I261" s="1"/>
      <c r="J261" s="1"/>
      <c r="K261" s="1"/>
      <c r="L261" s="1"/>
    </row>
    <row r="262" spans="2:12" x14ac:dyDescent="0.2">
      <c r="B262" s="1"/>
      <c r="C262" s="1"/>
      <c r="D262" s="1"/>
      <c r="E262" s="1"/>
      <c r="F262" s="1"/>
      <c r="G262" s="1"/>
      <c r="H262" s="1"/>
      <c r="I262" s="1"/>
      <c r="J262" s="1"/>
      <c r="K262" s="1"/>
      <c r="L262" s="1"/>
    </row>
    <row r="263" spans="2:12" x14ac:dyDescent="0.2">
      <c r="B263" s="1"/>
      <c r="C263" s="1"/>
      <c r="D263" s="1"/>
      <c r="E263" s="1"/>
      <c r="F263" s="1"/>
      <c r="G263" s="1"/>
      <c r="H263" s="1"/>
      <c r="I263" s="1"/>
      <c r="J263" s="1"/>
      <c r="K263" s="1"/>
      <c r="L263" s="1"/>
    </row>
    <row r="264" spans="2:12" x14ac:dyDescent="0.2">
      <c r="B264" s="1"/>
      <c r="C264" s="1"/>
      <c r="D264" s="1"/>
      <c r="E264" s="1"/>
      <c r="F264" s="1"/>
      <c r="G264" s="1"/>
      <c r="H264" s="1"/>
      <c r="I264" s="1"/>
      <c r="J264" s="1"/>
      <c r="K264" s="1"/>
      <c r="L264" s="1"/>
    </row>
    <row r="265" spans="2:12" x14ac:dyDescent="0.2">
      <c r="B265" s="1"/>
      <c r="C265" s="1"/>
      <c r="D265" s="1"/>
      <c r="E265" s="1"/>
      <c r="F265" s="1"/>
      <c r="G265" s="1"/>
      <c r="H265" s="1"/>
      <c r="I265" s="1"/>
      <c r="J265" s="1"/>
      <c r="K265" s="1"/>
      <c r="L265" s="1"/>
    </row>
    <row r="266" spans="2:12" x14ac:dyDescent="0.2">
      <c r="B266" s="1"/>
      <c r="C266" s="1"/>
      <c r="D266" s="1"/>
      <c r="E266" s="1"/>
      <c r="F266" s="1"/>
      <c r="G266" s="1"/>
      <c r="H266" s="1"/>
      <c r="I266" s="1"/>
      <c r="J266" s="1"/>
      <c r="K266" s="1"/>
      <c r="L266" s="1"/>
    </row>
    <row r="267" spans="2:12" x14ac:dyDescent="0.2">
      <c r="B267" s="1"/>
      <c r="C267" s="1"/>
      <c r="D267" s="1"/>
      <c r="E267" s="1"/>
      <c r="F267" s="1"/>
      <c r="G267" s="1"/>
      <c r="H267" s="1"/>
      <c r="I267" s="1"/>
      <c r="J267" s="1"/>
      <c r="K267" s="1"/>
      <c r="L267" s="1"/>
    </row>
    <row r="268" spans="2:12" x14ac:dyDescent="0.2">
      <c r="B268" s="1"/>
      <c r="C268" s="1"/>
      <c r="D268" s="1"/>
      <c r="E268" s="1"/>
      <c r="F268" s="1"/>
      <c r="G268" s="1"/>
      <c r="H268" s="1"/>
      <c r="I268" s="1"/>
      <c r="J268" s="1"/>
      <c r="K268" s="1"/>
      <c r="L268" s="1"/>
    </row>
    <row r="269" spans="2:12" x14ac:dyDescent="0.2">
      <c r="B269" s="1"/>
      <c r="C269" s="1"/>
      <c r="D269" s="1"/>
      <c r="E269" s="1"/>
      <c r="F269" s="1"/>
      <c r="G269" s="1"/>
      <c r="H269" s="1"/>
      <c r="I269" s="1"/>
      <c r="J269" s="1"/>
      <c r="K269" s="1"/>
      <c r="L269" s="1"/>
    </row>
    <row r="270" spans="2:12" x14ac:dyDescent="0.2">
      <c r="B270" s="1"/>
      <c r="C270" s="1"/>
      <c r="D270" s="1"/>
      <c r="E270" s="1"/>
      <c r="F270" s="1"/>
      <c r="G270" s="1"/>
      <c r="H270" s="1"/>
      <c r="I270" s="1"/>
      <c r="J270" s="1"/>
      <c r="K270" s="1"/>
      <c r="L270" s="1"/>
    </row>
    <row r="271" spans="2:12" x14ac:dyDescent="0.2">
      <c r="B271" s="1"/>
      <c r="C271" s="1"/>
      <c r="D271" s="1"/>
      <c r="E271" s="1"/>
      <c r="F271" s="1"/>
      <c r="G271" s="1"/>
      <c r="H271" s="1"/>
      <c r="I271" s="1"/>
      <c r="J271" s="1"/>
      <c r="K271" s="1"/>
      <c r="L271" s="1"/>
    </row>
    <row r="272" spans="2:12" x14ac:dyDescent="0.2">
      <c r="B272" s="1"/>
      <c r="C272" s="1"/>
      <c r="D272" s="1"/>
      <c r="E272" s="1"/>
      <c r="F272" s="1"/>
      <c r="G272" s="1"/>
      <c r="H272" s="1"/>
      <c r="I272" s="1"/>
      <c r="J272" s="1"/>
      <c r="K272" s="1"/>
      <c r="L272" s="1"/>
    </row>
    <row r="273" spans="2:12" x14ac:dyDescent="0.2">
      <c r="B273" s="1"/>
      <c r="C273" s="1"/>
      <c r="D273" s="1"/>
      <c r="E273" s="1"/>
      <c r="F273" s="1"/>
      <c r="G273" s="1"/>
      <c r="H273" s="1"/>
      <c r="I273" s="1"/>
      <c r="J273" s="1"/>
      <c r="K273" s="1"/>
      <c r="L273" s="1"/>
    </row>
    <row r="274" spans="2:12" x14ac:dyDescent="0.2">
      <c r="B274" s="1"/>
      <c r="C274" s="1"/>
      <c r="D274" s="1"/>
      <c r="E274" s="1"/>
      <c r="F274" s="1"/>
      <c r="G274" s="1"/>
      <c r="H274" s="1"/>
      <c r="I274" s="1"/>
      <c r="J274" s="1"/>
      <c r="K274" s="1"/>
      <c r="L274" s="1"/>
    </row>
    <row r="275" spans="2:12" x14ac:dyDescent="0.2">
      <c r="B275" s="1"/>
      <c r="C275" s="1"/>
      <c r="D275" s="1"/>
      <c r="E275" s="1"/>
      <c r="F275" s="1"/>
      <c r="G275" s="1"/>
      <c r="H275" s="1"/>
      <c r="I275" s="1"/>
      <c r="J275" s="1"/>
      <c r="K275" s="1"/>
      <c r="L275" s="1"/>
    </row>
    <row r="276" spans="2:12" x14ac:dyDescent="0.2">
      <c r="B276" s="1"/>
      <c r="C276" s="1"/>
      <c r="D276" s="1"/>
      <c r="E276" s="1"/>
      <c r="F276" s="1"/>
      <c r="G276" s="1"/>
      <c r="H276" s="1"/>
      <c r="I276" s="1"/>
      <c r="J276" s="1"/>
      <c r="K276" s="1"/>
      <c r="L276" s="1"/>
    </row>
    <row r="277" spans="2:12" x14ac:dyDescent="0.2">
      <c r="B277" s="1"/>
      <c r="C277" s="1"/>
      <c r="D277" s="1"/>
      <c r="E277" s="1"/>
      <c r="F277" s="1"/>
      <c r="G277" s="1"/>
      <c r="H277" s="1"/>
      <c r="I277" s="1"/>
      <c r="J277" s="1"/>
      <c r="K277" s="1"/>
      <c r="L277" s="1"/>
    </row>
    <row r="278" spans="2:12" x14ac:dyDescent="0.2">
      <c r="B278" s="1"/>
      <c r="C278" s="1"/>
      <c r="D278" s="1"/>
      <c r="E278" s="1"/>
      <c r="F278" s="1"/>
      <c r="G278" s="1"/>
      <c r="H278" s="1"/>
      <c r="I278" s="1"/>
      <c r="J278" s="1"/>
      <c r="K278" s="1"/>
      <c r="L278" s="1"/>
    </row>
    <row r="279" spans="2:12" x14ac:dyDescent="0.2">
      <c r="B279" s="1"/>
      <c r="C279" s="1"/>
      <c r="D279" s="1"/>
      <c r="E279" s="1"/>
      <c r="F279" s="1"/>
      <c r="G279" s="1"/>
      <c r="H279" s="1"/>
      <c r="I279" s="1"/>
      <c r="J279" s="1"/>
      <c r="K279" s="1"/>
      <c r="L279" s="1"/>
    </row>
    <row r="280" spans="2:12" x14ac:dyDescent="0.2">
      <c r="B280" s="1"/>
      <c r="C280" s="1"/>
      <c r="D280" s="1"/>
      <c r="E280" s="1"/>
      <c r="F280" s="1"/>
      <c r="G280" s="1"/>
      <c r="H280" s="1"/>
      <c r="I280" s="1"/>
      <c r="J280" s="1"/>
      <c r="K280" s="1"/>
      <c r="L280" s="1"/>
    </row>
    <row r="281" spans="2:12" x14ac:dyDescent="0.2">
      <c r="B281" s="1"/>
      <c r="C281" s="1"/>
      <c r="D281" s="1"/>
      <c r="E281" s="1"/>
      <c r="F281" s="1"/>
      <c r="G281" s="1"/>
      <c r="H281" s="1"/>
      <c r="I281" s="1"/>
      <c r="J281" s="1"/>
      <c r="K281" s="1"/>
      <c r="L281" s="1"/>
    </row>
    <row r="282" spans="2:12" x14ac:dyDescent="0.2">
      <c r="B282" s="1"/>
      <c r="C282" s="1"/>
      <c r="D282" s="1"/>
      <c r="E282" s="1"/>
      <c r="F282" s="1"/>
      <c r="G282" s="1"/>
      <c r="H282" s="1"/>
      <c r="I282" s="1"/>
      <c r="J282" s="1"/>
      <c r="K282" s="1"/>
      <c r="L282" s="1"/>
    </row>
    <row r="283" spans="2:12" x14ac:dyDescent="0.2">
      <c r="B283" s="1"/>
      <c r="C283" s="1"/>
      <c r="D283" s="1"/>
      <c r="E283" s="1"/>
      <c r="F283" s="1"/>
      <c r="G283" s="1"/>
      <c r="H283" s="1"/>
      <c r="I283" s="1"/>
      <c r="J283" s="1"/>
      <c r="K283" s="1"/>
      <c r="L283" s="1"/>
    </row>
    <row r="284" spans="2:12" x14ac:dyDescent="0.2">
      <c r="B284" s="1"/>
      <c r="C284" s="1"/>
      <c r="D284" s="1"/>
      <c r="E284" s="1"/>
      <c r="F284" s="1"/>
      <c r="G284" s="1"/>
      <c r="H284" s="1"/>
      <c r="I284" s="1"/>
      <c r="J284" s="1"/>
      <c r="K284" s="1"/>
      <c r="L284" s="1"/>
    </row>
    <row r="285" spans="2:12" x14ac:dyDescent="0.2">
      <c r="B285" s="1"/>
      <c r="C285" s="1"/>
      <c r="D285" s="1"/>
      <c r="E285" s="1"/>
      <c r="F285" s="1"/>
      <c r="G285" s="1"/>
      <c r="H285" s="1"/>
      <c r="I285" s="1"/>
      <c r="J285" s="1"/>
      <c r="K285" s="1"/>
      <c r="L285" s="1"/>
    </row>
    <row r="286" spans="2:12" x14ac:dyDescent="0.2">
      <c r="B286" s="1"/>
      <c r="C286" s="1"/>
      <c r="D286" s="1"/>
      <c r="E286" s="1"/>
      <c r="F286" s="1"/>
      <c r="G286" s="1"/>
      <c r="H286" s="1"/>
      <c r="I286" s="1"/>
      <c r="J286" s="1"/>
      <c r="K286" s="1"/>
      <c r="L286" s="1"/>
    </row>
    <row r="287" spans="2:12" x14ac:dyDescent="0.2">
      <c r="B287" s="1"/>
      <c r="C287" s="1"/>
      <c r="D287" s="1"/>
      <c r="E287" s="1"/>
      <c r="F287" s="1"/>
      <c r="G287" s="1"/>
      <c r="H287" s="1"/>
      <c r="I287" s="1"/>
      <c r="J287" s="1"/>
      <c r="K287" s="1"/>
      <c r="L287" s="1"/>
    </row>
    <row r="288" spans="2:12" x14ac:dyDescent="0.2">
      <c r="B288" s="1"/>
      <c r="C288" s="1"/>
      <c r="D288" s="1"/>
      <c r="E288" s="1"/>
      <c r="F288" s="1"/>
      <c r="G288" s="1"/>
      <c r="H288" s="1"/>
      <c r="I288" s="1"/>
      <c r="J288" s="1"/>
      <c r="K288" s="1"/>
      <c r="L288" s="1"/>
    </row>
    <row r="289" spans="2:12" x14ac:dyDescent="0.2">
      <c r="B289" s="1"/>
      <c r="C289" s="1"/>
      <c r="D289" s="1"/>
      <c r="E289" s="1"/>
      <c r="F289" s="1"/>
      <c r="G289" s="1"/>
      <c r="H289" s="1"/>
      <c r="I289" s="1"/>
      <c r="J289" s="1"/>
      <c r="K289" s="1"/>
      <c r="L289" s="1"/>
    </row>
    <row r="290" spans="2:12" x14ac:dyDescent="0.2">
      <c r="B290" s="1"/>
      <c r="C290" s="1"/>
      <c r="D290" s="1"/>
      <c r="E290" s="1"/>
      <c r="F290" s="1"/>
      <c r="G290" s="1"/>
      <c r="H290" s="1"/>
      <c r="I290" s="1"/>
      <c r="J290" s="1"/>
      <c r="K290" s="1"/>
      <c r="L290" s="1"/>
    </row>
    <row r="291" spans="2:12" x14ac:dyDescent="0.2">
      <c r="B291" s="1"/>
      <c r="C291" s="1"/>
      <c r="D291" s="1"/>
      <c r="E291" s="1"/>
      <c r="F291" s="1"/>
      <c r="G291" s="1"/>
      <c r="H291" s="1"/>
      <c r="I291" s="1"/>
      <c r="J291" s="1"/>
      <c r="K291" s="1"/>
      <c r="L291" s="1"/>
    </row>
    <row r="292" spans="2:12" x14ac:dyDescent="0.2">
      <c r="B292" s="1"/>
      <c r="C292" s="1"/>
      <c r="D292" s="1"/>
      <c r="E292" s="1"/>
      <c r="F292" s="1"/>
      <c r="G292" s="1"/>
      <c r="H292" s="1"/>
      <c r="I292" s="1"/>
      <c r="J292" s="1"/>
      <c r="K292" s="1"/>
      <c r="L292" s="1"/>
    </row>
    <row r="293" spans="2:12" x14ac:dyDescent="0.2">
      <c r="B293" s="1"/>
      <c r="C293" s="1"/>
      <c r="D293" s="1"/>
      <c r="E293" s="1"/>
      <c r="F293" s="1"/>
      <c r="G293" s="1"/>
      <c r="H293" s="1"/>
      <c r="I293" s="1"/>
      <c r="J293" s="1"/>
      <c r="K293" s="1"/>
      <c r="L293" s="1"/>
    </row>
    <row r="294" spans="2:12" x14ac:dyDescent="0.2">
      <c r="B294" s="1"/>
      <c r="C294" s="1"/>
      <c r="D294" s="1"/>
      <c r="E294" s="1"/>
      <c r="F294" s="1"/>
      <c r="G294" s="1"/>
      <c r="H294" s="1"/>
      <c r="I294" s="1"/>
      <c r="J294" s="1"/>
      <c r="K294" s="1"/>
      <c r="L294" s="1"/>
    </row>
    <row r="295" spans="2:12" x14ac:dyDescent="0.2">
      <c r="B295" s="1"/>
      <c r="C295" s="1"/>
      <c r="D295" s="1"/>
      <c r="E295" s="1"/>
      <c r="F295" s="1"/>
      <c r="G295" s="1"/>
      <c r="H295" s="1"/>
      <c r="I295" s="1"/>
      <c r="J295" s="1"/>
      <c r="K295" s="1"/>
      <c r="L295" s="1"/>
    </row>
    <row r="296" spans="2:12" x14ac:dyDescent="0.2">
      <c r="B296" s="1"/>
      <c r="C296" s="1"/>
      <c r="D296" s="1"/>
      <c r="E296" s="1"/>
      <c r="F296" s="1"/>
      <c r="G296" s="1"/>
      <c r="H296" s="1"/>
      <c r="I296" s="1"/>
      <c r="J296" s="1"/>
      <c r="K296" s="1"/>
      <c r="L296" s="1"/>
    </row>
    <row r="297" spans="2:12" x14ac:dyDescent="0.2">
      <c r="B297" s="1"/>
      <c r="C297" s="1"/>
      <c r="D297" s="1"/>
      <c r="E297" s="1"/>
      <c r="F297" s="1"/>
      <c r="G297" s="1"/>
      <c r="H297" s="1"/>
      <c r="I297" s="1"/>
      <c r="J297" s="1"/>
      <c r="K297" s="1"/>
      <c r="L297" s="1"/>
    </row>
    <row r="298" spans="2:12" x14ac:dyDescent="0.2">
      <c r="B298" s="1"/>
      <c r="C298" s="1"/>
      <c r="D298" s="1"/>
      <c r="E298" s="1"/>
      <c r="F298" s="1"/>
      <c r="G298" s="1"/>
      <c r="H298" s="1"/>
      <c r="I298" s="1"/>
      <c r="J298" s="1"/>
      <c r="K298" s="1"/>
      <c r="L298" s="1"/>
    </row>
    <row r="299" spans="2:12" x14ac:dyDescent="0.2">
      <c r="B299" s="1"/>
      <c r="C299" s="1"/>
      <c r="D299" s="1"/>
      <c r="E299" s="1"/>
      <c r="F299" s="1"/>
      <c r="G299" s="1"/>
      <c r="H299" s="1"/>
      <c r="I299" s="1"/>
      <c r="J299" s="1"/>
      <c r="K299" s="1"/>
      <c r="L299" s="1"/>
    </row>
    <row r="300" spans="2:12" x14ac:dyDescent="0.2">
      <c r="B300" s="1"/>
      <c r="C300" s="1"/>
      <c r="D300" s="1"/>
      <c r="E300" s="1"/>
      <c r="F300" s="1"/>
      <c r="G300" s="1"/>
      <c r="H300" s="1"/>
      <c r="I300" s="1"/>
      <c r="J300" s="1"/>
      <c r="K300" s="1"/>
      <c r="L300" s="1"/>
    </row>
    <row r="301" spans="2:12" x14ac:dyDescent="0.2">
      <c r="B301" s="1"/>
      <c r="C301" s="1"/>
      <c r="D301" s="1"/>
      <c r="E301" s="1"/>
      <c r="F301" s="1"/>
      <c r="G301" s="1"/>
      <c r="H301" s="1"/>
      <c r="I301" s="1"/>
      <c r="J301" s="1"/>
      <c r="K301" s="1"/>
      <c r="L301" s="1"/>
    </row>
    <row r="302" spans="2:12" x14ac:dyDescent="0.2">
      <c r="B302" s="1"/>
      <c r="C302" s="1"/>
      <c r="D302" s="1"/>
      <c r="E302" s="1"/>
      <c r="F302" s="1"/>
      <c r="G302" s="1"/>
      <c r="H302" s="1"/>
      <c r="I302" s="1"/>
      <c r="J302" s="1"/>
      <c r="K302" s="1"/>
      <c r="L302" s="1"/>
    </row>
    <row r="303" spans="2:12" x14ac:dyDescent="0.2">
      <c r="B303" s="1"/>
      <c r="C303" s="1"/>
      <c r="D303" s="1"/>
      <c r="E303" s="1"/>
      <c r="F303" s="1"/>
      <c r="G303" s="1"/>
      <c r="H303" s="1"/>
      <c r="I303" s="1"/>
      <c r="J303" s="1"/>
      <c r="K303" s="1"/>
      <c r="L303" s="1"/>
    </row>
    <row r="304" spans="2:12" x14ac:dyDescent="0.2">
      <c r="B304" s="1"/>
      <c r="C304" s="1"/>
      <c r="D304" s="1"/>
      <c r="E304" s="1"/>
      <c r="F304" s="1"/>
      <c r="G304" s="1"/>
      <c r="H304" s="1"/>
      <c r="I304" s="1"/>
      <c r="J304" s="1"/>
      <c r="K304" s="1"/>
      <c r="L304" s="1"/>
    </row>
    <row r="305" spans="2:12" x14ac:dyDescent="0.2">
      <c r="B305" s="1"/>
      <c r="C305" s="1"/>
      <c r="D305" s="1"/>
      <c r="E305" s="1"/>
      <c r="F305" s="1"/>
      <c r="G305" s="1"/>
      <c r="H305" s="1"/>
      <c r="I305" s="1"/>
      <c r="J305" s="1"/>
      <c r="K305" s="1"/>
      <c r="L305" s="1"/>
    </row>
    <row r="306" spans="2:12" x14ac:dyDescent="0.2">
      <c r="B306" s="1"/>
      <c r="C306" s="1"/>
      <c r="D306" s="1"/>
      <c r="E306" s="1"/>
      <c r="F306" s="1"/>
      <c r="G306" s="1"/>
      <c r="H306" s="1"/>
      <c r="I306" s="1"/>
      <c r="J306" s="1"/>
      <c r="K306" s="1"/>
      <c r="L306" s="1"/>
    </row>
    <row r="307" spans="2:12" x14ac:dyDescent="0.2">
      <c r="B307" s="1"/>
      <c r="C307" s="1"/>
      <c r="D307" s="1"/>
      <c r="E307" s="1"/>
      <c r="F307" s="1"/>
      <c r="G307" s="1"/>
      <c r="H307" s="1"/>
      <c r="I307" s="1"/>
      <c r="J307" s="1"/>
      <c r="K307" s="1"/>
      <c r="L307" s="1"/>
    </row>
    <row r="308" spans="2:12" x14ac:dyDescent="0.2">
      <c r="B308" s="1"/>
      <c r="C308" s="1"/>
      <c r="D308" s="1"/>
      <c r="E308" s="1"/>
      <c r="F308" s="1"/>
      <c r="G308" s="1"/>
      <c r="H308" s="1"/>
      <c r="I308" s="1"/>
      <c r="J308" s="1"/>
      <c r="K308" s="1"/>
      <c r="L308" s="1"/>
    </row>
    <row r="309" spans="2:12" x14ac:dyDescent="0.2">
      <c r="B309" s="1"/>
      <c r="C309" s="1"/>
      <c r="D309" s="1"/>
      <c r="E309" s="1"/>
      <c r="F309" s="1"/>
      <c r="G309" s="1"/>
      <c r="H309" s="1"/>
      <c r="I309" s="1"/>
      <c r="J309" s="1"/>
      <c r="K309" s="1"/>
      <c r="L309" s="1"/>
    </row>
    <row r="310" spans="2:12" x14ac:dyDescent="0.2">
      <c r="B310" s="1"/>
      <c r="C310" s="1"/>
      <c r="D310" s="1"/>
      <c r="E310" s="1"/>
      <c r="F310" s="1"/>
      <c r="G310" s="1"/>
      <c r="H310" s="1"/>
      <c r="I310" s="1"/>
      <c r="J310" s="1"/>
      <c r="K310" s="1"/>
      <c r="L310" s="1"/>
    </row>
    <row r="311" spans="2:12" x14ac:dyDescent="0.2">
      <c r="B311" s="1"/>
      <c r="C311" s="1"/>
      <c r="D311" s="1"/>
      <c r="E311" s="1"/>
      <c r="F311" s="1"/>
      <c r="G311" s="1"/>
      <c r="H311" s="1"/>
      <c r="I311" s="1"/>
      <c r="J311" s="1"/>
      <c r="K311" s="1"/>
      <c r="L311" s="1"/>
    </row>
    <row r="312" spans="2:12" x14ac:dyDescent="0.2">
      <c r="B312" s="1"/>
      <c r="C312" s="1"/>
      <c r="D312" s="1"/>
      <c r="E312" s="1"/>
      <c r="F312" s="1"/>
      <c r="G312" s="1"/>
      <c r="H312" s="1"/>
      <c r="I312" s="1"/>
      <c r="J312" s="1"/>
      <c r="K312" s="1"/>
      <c r="L312" s="1"/>
    </row>
    <row r="313" spans="2:12" x14ac:dyDescent="0.2">
      <c r="B313" s="1"/>
      <c r="C313" s="1"/>
      <c r="D313" s="1"/>
      <c r="E313" s="1"/>
      <c r="F313" s="1"/>
      <c r="G313" s="1"/>
      <c r="H313" s="1"/>
      <c r="I313" s="1"/>
      <c r="J313" s="1"/>
      <c r="K313" s="1"/>
      <c r="L313" s="1"/>
    </row>
    <row r="314" spans="2:12" x14ac:dyDescent="0.2">
      <c r="B314" s="1"/>
      <c r="C314" s="1"/>
      <c r="D314" s="1"/>
      <c r="E314" s="1"/>
      <c r="F314" s="1"/>
      <c r="G314" s="1"/>
      <c r="H314" s="1"/>
      <c r="I314" s="1"/>
      <c r="J314" s="1"/>
      <c r="K314" s="1"/>
      <c r="L314" s="1"/>
    </row>
    <row r="315" spans="2:12" x14ac:dyDescent="0.2">
      <c r="B315" s="1"/>
      <c r="C315" s="1"/>
      <c r="D315" s="1"/>
      <c r="E315" s="1"/>
      <c r="F315" s="1"/>
      <c r="G315" s="1"/>
      <c r="H315" s="1"/>
      <c r="I315" s="1"/>
      <c r="J315" s="1"/>
      <c r="K315" s="1"/>
      <c r="L315" s="1"/>
    </row>
    <row r="316" spans="2:12" x14ac:dyDescent="0.2">
      <c r="B316" s="1"/>
      <c r="C316" s="1"/>
      <c r="D316" s="1"/>
      <c r="E316" s="1"/>
      <c r="F316" s="1"/>
      <c r="G316" s="1"/>
      <c r="H316" s="1"/>
      <c r="I316" s="1"/>
      <c r="J316" s="1"/>
      <c r="K316" s="1"/>
      <c r="L316" s="1"/>
    </row>
    <row r="317" spans="2:12" x14ac:dyDescent="0.2">
      <c r="B317" s="1"/>
      <c r="C317" s="1"/>
      <c r="D317" s="1"/>
      <c r="E317" s="1"/>
      <c r="F317" s="1"/>
      <c r="G317" s="1"/>
      <c r="H317" s="1"/>
      <c r="I317" s="1"/>
      <c r="J317" s="1"/>
      <c r="K317" s="1"/>
      <c r="L317" s="1"/>
    </row>
    <row r="318" spans="2:12" x14ac:dyDescent="0.2">
      <c r="B318" s="1"/>
      <c r="C318" s="1"/>
      <c r="D318" s="1"/>
      <c r="E318" s="1"/>
      <c r="F318" s="1"/>
      <c r="G318" s="1"/>
      <c r="H318" s="1"/>
      <c r="I318" s="1"/>
      <c r="J318" s="1"/>
      <c r="K318" s="1"/>
      <c r="L318" s="1"/>
    </row>
    <row r="319" spans="2:12" x14ac:dyDescent="0.2">
      <c r="B319" s="1"/>
      <c r="C319" s="1"/>
      <c r="D319" s="1"/>
      <c r="E319" s="1"/>
      <c r="F319" s="1"/>
      <c r="G319" s="1"/>
      <c r="H319" s="1"/>
      <c r="I319" s="1"/>
      <c r="J319" s="1"/>
      <c r="K319" s="1"/>
      <c r="L319" s="1"/>
    </row>
    <row r="320" spans="2:12" x14ac:dyDescent="0.2">
      <c r="B320" s="1"/>
      <c r="C320" s="1"/>
      <c r="D320" s="1"/>
      <c r="E320" s="1"/>
      <c r="F320" s="1"/>
      <c r="G320" s="1"/>
      <c r="H320" s="1"/>
      <c r="I320" s="1"/>
      <c r="J320" s="1"/>
      <c r="K320" s="1"/>
      <c r="L320" s="1"/>
    </row>
    <row r="321" spans="2:12" x14ac:dyDescent="0.2">
      <c r="B321" s="1"/>
      <c r="C321" s="1"/>
      <c r="D321" s="1"/>
      <c r="E321" s="1"/>
      <c r="F321" s="1"/>
      <c r="G321" s="1"/>
      <c r="H321" s="1"/>
      <c r="I321" s="1"/>
      <c r="J321" s="1"/>
      <c r="K321" s="1"/>
      <c r="L321" s="1"/>
    </row>
    <row r="322" spans="2:12" x14ac:dyDescent="0.2">
      <c r="B322" s="1"/>
      <c r="C322" s="1"/>
      <c r="D322" s="1"/>
      <c r="E322" s="1"/>
      <c r="F322" s="1"/>
      <c r="G322" s="1"/>
      <c r="H322" s="1"/>
      <c r="I322" s="1"/>
      <c r="J322" s="1"/>
      <c r="K322" s="1"/>
      <c r="L322" s="1"/>
    </row>
    <row r="323" spans="2:12" x14ac:dyDescent="0.2">
      <c r="B323" s="1"/>
      <c r="C323" s="1"/>
      <c r="D323" s="1"/>
      <c r="E323" s="1"/>
      <c r="F323" s="1"/>
      <c r="G323" s="1"/>
      <c r="H323" s="1"/>
      <c r="I323" s="1"/>
      <c r="J323" s="1"/>
      <c r="K323" s="1"/>
      <c r="L323" s="1"/>
    </row>
    <row r="324" spans="2:12" x14ac:dyDescent="0.2">
      <c r="B324" s="1"/>
      <c r="C324" s="1"/>
      <c r="D324" s="1"/>
      <c r="E324" s="1"/>
      <c r="F324" s="1"/>
      <c r="G324" s="1"/>
      <c r="H324" s="1"/>
      <c r="I324" s="1"/>
      <c r="J324" s="1"/>
      <c r="K324" s="1"/>
      <c r="L324" s="1"/>
    </row>
    <row r="325" spans="2:12" x14ac:dyDescent="0.2">
      <c r="B325" s="1"/>
      <c r="C325" s="1"/>
      <c r="D325" s="1"/>
      <c r="E325" s="1"/>
      <c r="F325" s="1"/>
      <c r="G325" s="1"/>
      <c r="H325" s="1"/>
      <c r="I325" s="1"/>
      <c r="J325" s="1"/>
      <c r="K325" s="1"/>
      <c r="L325" s="1"/>
    </row>
    <row r="326" spans="2:12" x14ac:dyDescent="0.2">
      <c r="B326" s="1"/>
      <c r="C326" s="1"/>
      <c r="D326" s="1"/>
      <c r="E326" s="1"/>
      <c r="F326" s="1"/>
      <c r="G326" s="1"/>
      <c r="H326" s="1"/>
      <c r="I326" s="1"/>
      <c r="J326" s="1"/>
      <c r="K326" s="1"/>
      <c r="L326" s="1"/>
    </row>
    <row r="327" spans="2:12" x14ac:dyDescent="0.2">
      <c r="B327" s="1"/>
      <c r="C327" s="1"/>
      <c r="D327" s="1"/>
      <c r="E327" s="1"/>
      <c r="F327" s="1"/>
      <c r="G327" s="1"/>
      <c r="H327" s="1"/>
      <c r="I327" s="1"/>
      <c r="J327" s="1"/>
      <c r="K327" s="1"/>
      <c r="L327" s="1"/>
    </row>
    <row r="328" spans="2:12" x14ac:dyDescent="0.2">
      <c r="B328" s="1"/>
      <c r="C328" s="1"/>
      <c r="D328" s="1"/>
      <c r="E328" s="1"/>
      <c r="F328" s="1"/>
      <c r="G328" s="1"/>
      <c r="H328" s="1"/>
      <c r="I328" s="1"/>
      <c r="J328" s="1"/>
      <c r="K328" s="1"/>
      <c r="L328" s="1"/>
    </row>
    <row r="329" spans="2:12" x14ac:dyDescent="0.2">
      <c r="B329" s="1"/>
      <c r="C329" s="1"/>
      <c r="D329" s="1"/>
      <c r="E329" s="1"/>
      <c r="F329" s="1"/>
      <c r="G329" s="1"/>
      <c r="H329" s="1"/>
      <c r="I329" s="1"/>
      <c r="J329" s="1"/>
      <c r="K329" s="1"/>
      <c r="L329" s="1"/>
    </row>
    <row r="330" spans="2:12" x14ac:dyDescent="0.2">
      <c r="B330" s="1"/>
      <c r="C330" s="1"/>
      <c r="D330" s="1"/>
      <c r="E330" s="1"/>
      <c r="F330" s="1"/>
      <c r="G330" s="1"/>
      <c r="H330" s="1"/>
      <c r="I330" s="1"/>
      <c r="J330" s="1"/>
      <c r="K330" s="1"/>
      <c r="L330" s="1"/>
    </row>
    <row r="331" spans="2:12" x14ac:dyDescent="0.2">
      <c r="B331" s="1"/>
      <c r="C331" s="1"/>
      <c r="D331" s="1"/>
      <c r="E331" s="1"/>
      <c r="F331" s="1"/>
      <c r="G331" s="1"/>
      <c r="H331" s="1"/>
      <c r="I331" s="1"/>
      <c r="J331" s="1"/>
      <c r="K331" s="1"/>
      <c r="L331" s="1"/>
    </row>
    <row r="332" spans="2:12" x14ac:dyDescent="0.2">
      <c r="B332" s="1"/>
      <c r="C332" s="1"/>
      <c r="D332" s="1"/>
      <c r="E332" s="1"/>
      <c r="F332" s="1"/>
      <c r="G332" s="1"/>
      <c r="H332" s="1"/>
      <c r="I332" s="1"/>
      <c r="J332" s="1"/>
      <c r="K332" s="1"/>
      <c r="L332" s="1"/>
    </row>
    <row r="333" spans="2:12" x14ac:dyDescent="0.2">
      <c r="B333" s="1"/>
      <c r="C333" s="1"/>
      <c r="D333" s="1"/>
      <c r="E333" s="1"/>
      <c r="F333" s="1"/>
      <c r="G333" s="1"/>
      <c r="H333" s="1"/>
      <c r="I333" s="1"/>
      <c r="J333" s="1"/>
      <c r="K333" s="1"/>
      <c r="L333" s="1"/>
    </row>
    <row r="334" spans="2:12" x14ac:dyDescent="0.2">
      <c r="B334" s="1"/>
      <c r="C334" s="1"/>
      <c r="D334" s="1"/>
      <c r="E334" s="1"/>
      <c r="F334" s="1"/>
      <c r="G334" s="1"/>
      <c r="H334" s="1"/>
      <c r="I334" s="1"/>
      <c r="J334" s="1"/>
      <c r="K334" s="1"/>
      <c r="L334" s="1"/>
    </row>
    <row r="335" spans="2:12" x14ac:dyDescent="0.2">
      <c r="B335" s="1"/>
      <c r="C335" s="1"/>
      <c r="D335" s="1"/>
      <c r="E335" s="1"/>
      <c r="F335" s="1"/>
      <c r="G335" s="1"/>
      <c r="H335" s="1"/>
      <c r="I335" s="1"/>
      <c r="J335" s="1"/>
      <c r="K335" s="1"/>
      <c r="L335" s="1"/>
    </row>
    <row r="336" spans="2:12" x14ac:dyDescent="0.2">
      <c r="B336" s="1"/>
      <c r="C336" s="1"/>
      <c r="D336" s="1"/>
      <c r="E336" s="1"/>
      <c r="F336" s="1"/>
      <c r="G336" s="1"/>
      <c r="H336" s="1"/>
      <c r="I336" s="1"/>
      <c r="J336" s="1"/>
      <c r="K336" s="1"/>
      <c r="L336" s="1"/>
    </row>
    <row r="337" spans="2:12" x14ac:dyDescent="0.2">
      <c r="B337" s="1"/>
      <c r="C337" s="1"/>
      <c r="D337" s="1"/>
      <c r="E337" s="1"/>
      <c r="F337" s="1"/>
      <c r="G337" s="1"/>
      <c r="H337" s="1"/>
      <c r="I337" s="1"/>
      <c r="J337" s="1"/>
      <c r="K337" s="1"/>
      <c r="L337" s="1"/>
    </row>
    <row r="338" spans="2:12" x14ac:dyDescent="0.2">
      <c r="B338" s="1"/>
      <c r="C338" s="1"/>
      <c r="D338" s="1"/>
      <c r="E338" s="1"/>
      <c r="F338" s="1"/>
      <c r="G338" s="1"/>
      <c r="H338" s="1"/>
      <c r="I338" s="1"/>
      <c r="J338" s="1"/>
      <c r="K338" s="1"/>
      <c r="L338" s="1"/>
    </row>
    <row r="339" spans="2:12" x14ac:dyDescent="0.2">
      <c r="B339" s="1"/>
      <c r="C339" s="1"/>
      <c r="D339" s="1"/>
      <c r="E339" s="1"/>
      <c r="F339" s="1"/>
      <c r="G339" s="1"/>
      <c r="H339" s="1"/>
      <c r="I339" s="1"/>
      <c r="J339" s="1"/>
      <c r="K339" s="1"/>
      <c r="L339" s="1"/>
    </row>
    <row r="340" spans="2:12" x14ac:dyDescent="0.2">
      <c r="B340" s="1"/>
      <c r="C340" s="1"/>
      <c r="D340" s="1"/>
      <c r="E340" s="1"/>
      <c r="F340" s="1"/>
      <c r="G340" s="1"/>
      <c r="H340" s="1"/>
      <c r="I340" s="1"/>
      <c r="J340" s="1"/>
      <c r="K340" s="1"/>
      <c r="L340" s="1"/>
    </row>
    <row r="341" spans="2:12" x14ac:dyDescent="0.2">
      <c r="B341" s="1"/>
      <c r="C341" s="1"/>
      <c r="D341" s="1"/>
      <c r="E341" s="1"/>
      <c r="F341" s="1"/>
      <c r="G341" s="1"/>
      <c r="H341" s="1"/>
      <c r="I341" s="1"/>
      <c r="J341" s="1"/>
      <c r="K341" s="1"/>
      <c r="L341" s="1"/>
    </row>
    <row r="342" spans="2:12" x14ac:dyDescent="0.2">
      <c r="B342" s="1"/>
      <c r="C342" s="1"/>
      <c r="D342" s="1"/>
      <c r="E342" s="1"/>
      <c r="F342" s="1"/>
      <c r="G342" s="1"/>
      <c r="H342" s="1"/>
      <c r="I342" s="1"/>
      <c r="J342" s="1"/>
      <c r="K342" s="1"/>
      <c r="L342" s="1"/>
    </row>
    <row r="343" spans="2:12" x14ac:dyDescent="0.2">
      <c r="B343" s="1"/>
      <c r="C343" s="1"/>
      <c r="D343" s="1"/>
      <c r="E343" s="1"/>
      <c r="F343" s="1"/>
      <c r="G343" s="1"/>
      <c r="H343" s="1"/>
      <c r="I343" s="1"/>
      <c r="J343" s="1"/>
      <c r="K343" s="1"/>
      <c r="L343" s="1"/>
    </row>
    <row r="344" spans="2:12" x14ac:dyDescent="0.2">
      <c r="B344" s="1"/>
      <c r="C344" s="1"/>
      <c r="D344" s="1"/>
      <c r="E344" s="1"/>
      <c r="F344" s="1"/>
      <c r="G344" s="1"/>
      <c r="H344" s="1"/>
      <c r="I344" s="1"/>
      <c r="J344" s="1"/>
      <c r="K344" s="1"/>
      <c r="L344" s="1"/>
    </row>
    <row r="345" spans="2:12" x14ac:dyDescent="0.2">
      <c r="B345" s="1"/>
      <c r="C345" s="1"/>
      <c r="D345" s="1"/>
      <c r="E345" s="1"/>
      <c r="F345" s="1"/>
      <c r="G345" s="1"/>
      <c r="H345" s="1"/>
      <c r="I345" s="1"/>
      <c r="J345" s="1"/>
      <c r="K345" s="1"/>
      <c r="L345" s="1"/>
    </row>
    <row r="346" spans="2:12" x14ac:dyDescent="0.2">
      <c r="B346" s="1"/>
      <c r="C346" s="1"/>
      <c r="D346" s="1"/>
      <c r="E346" s="1"/>
      <c r="F346" s="1"/>
      <c r="G346" s="1"/>
      <c r="H346" s="1"/>
      <c r="I346" s="1"/>
      <c r="J346" s="1"/>
      <c r="K346" s="1"/>
      <c r="L346" s="1"/>
    </row>
    <row r="347" spans="2:12" x14ac:dyDescent="0.2">
      <c r="B347" s="1"/>
      <c r="C347" s="1"/>
      <c r="D347" s="1"/>
      <c r="E347" s="1"/>
      <c r="F347" s="1"/>
      <c r="G347" s="1"/>
      <c r="H347" s="1"/>
      <c r="I347" s="1"/>
      <c r="J347" s="1"/>
      <c r="K347" s="1"/>
      <c r="L347" s="1"/>
    </row>
    <row r="348" spans="2:12" x14ac:dyDescent="0.2">
      <c r="B348" s="1"/>
      <c r="C348" s="1"/>
      <c r="D348" s="1"/>
      <c r="E348" s="1"/>
      <c r="F348" s="1"/>
      <c r="G348" s="1"/>
      <c r="H348" s="1"/>
      <c r="I348" s="1"/>
      <c r="J348" s="1"/>
      <c r="K348" s="1"/>
      <c r="L348" s="1"/>
    </row>
    <row r="349" spans="2:12" x14ac:dyDescent="0.2">
      <c r="B349" s="1"/>
      <c r="C349" s="1"/>
      <c r="D349" s="1"/>
      <c r="E349" s="1"/>
      <c r="F349" s="1"/>
      <c r="G349" s="1"/>
      <c r="H349" s="1"/>
      <c r="I349" s="1"/>
      <c r="J349" s="1"/>
      <c r="K349" s="1"/>
      <c r="L349" s="1"/>
    </row>
    <row r="350" spans="2:12" x14ac:dyDescent="0.2">
      <c r="B350" s="1"/>
      <c r="C350" s="1"/>
      <c r="D350" s="1"/>
      <c r="E350" s="1"/>
      <c r="F350" s="1"/>
      <c r="G350" s="1"/>
      <c r="H350" s="1"/>
      <c r="I350" s="1"/>
      <c r="J350" s="1"/>
      <c r="K350" s="1"/>
      <c r="L350" s="1"/>
    </row>
    <row r="351" spans="2:12" x14ac:dyDescent="0.2">
      <c r="B351" s="1"/>
      <c r="C351" s="1"/>
      <c r="D351" s="1"/>
      <c r="E351" s="1"/>
      <c r="F351" s="1"/>
      <c r="G351" s="1"/>
      <c r="H351" s="1"/>
      <c r="I351" s="1"/>
      <c r="J351" s="1"/>
      <c r="K351" s="1"/>
      <c r="L351" s="1"/>
    </row>
    <row r="352" spans="2:12" x14ac:dyDescent="0.2">
      <c r="B352" s="1"/>
      <c r="C352" s="1"/>
      <c r="D352" s="1"/>
      <c r="E352" s="1"/>
      <c r="F352" s="1"/>
      <c r="G352" s="1"/>
      <c r="H352" s="1"/>
      <c r="I352" s="1"/>
      <c r="J352" s="1"/>
      <c r="K352" s="1"/>
      <c r="L352" s="1"/>
    </row>
    <row r="353" spans="2:12" x14ac:dyDescent="0.2">
      <c r="B353" s="1"/>
      <c r="C353" s="1"/>
      <c r="D353" s="1"/>
      <c r="E353" s="1"/>
      <c r="F353" s="1"/>
      <c r="G353" s="1"/>
      <c r="H353" s="1"/>
      <c r="I353" s="1"/>
      <c r="J353" s="1"/>
      <c r="K353" s="1"/>
      <c r="L353" s="1"/>
    </row>
    <row r="354" spans="2:12" x14ac:dyDescent="0.2">
      <c r="B354" s="1"/>
      <c r="C354" s="1"/>
      <c r="D354" s="1"/>
      <c r="E354" s="1"/>
      <c r="F354" s="1"/>
      <c r="G354" s="1"/>
      <c r="H354" s="1"/>
      <c r="I354" s="1"/>
      <c r="J354" s="1"/>
      <c r="K354" s="1"/>
      <c r="L354" s="1"/>
    </row>
    <row r="355" spans="2:12" x14ac:dyDescent="0.2">
      <c r="B355" s="1"/>
      <c r="C355" s="1"/>
      <c r="D355" s="1"/>
      <c r="E355" s="1"/>
      <c r="F355" s="1"/>
      <c r="G355" s="1"/>
      <c r="H355" s="1"/>
      <c r="I355" s="1"/>
      <c r="J355" s="1"/>
      <c r="K355" s="1"/>
      <c r="L355" s="1"/>
    </row>
    <row r="356" spans="2:12" x14ac:dyDescent="0.2">
      <c r="B356" s="1"/>
      <c r="C356" s="1"/>
      <c r="D356" s="1"/>
      <c r="E356" s="1"/>
      <c r="F356" s="1"/>
      <c r="G356" s="1"/>
      <c r="H356" s="1"/>
      <c r="I356" s="1"/>
      <c r="J356" s="1"/>
      <c r="K356" s="1"/>
      <c r="L356" s="1"/>
    </row>
    <row r="357" spans="2:12" x14ac:dyDescent="0.2">
      <c r="B357" s="1"/>
      <c r="C357" s="1"/>
      <c r="D357" s="1"/>
      <c r="E357" s="1"/>
      <c r="F357" s="1"/>
      <c r="G357" s="1"/>
      <c r="H357" s="1"/>
      <c r="I357" s="1"/>
      <c r="J357" s="1"/>
      <c r="K357" s="1"/>
      <c r="L357" s="1"/>
    </row>
    <row r="358" spans="2:12" x14ac:dyDescent="0.2">
      <c r="B358" s="1"/>
      <c r="C358" s="1"/>
      <c r="D358" s="1"/>
      <c r="E358" s="1"/>
      <c r="F358" s="1"/>
      <c r="G358" s="1"/>
      <c r="H358" s="1"/>
      <c r="I358" s="1"/>
      <c r="J358" s="1"/>
      <c r="K358" s="1"/>
      <c r="L358" s="1"/>
    </row>
    <row r="359" spans="2:12" x14ac:dyDescent="0.2">
      <c r="B359" s="1"/>
      <c r="C359" s="1"/>
      <c r="D359" s="1"/>
      <c r="E359" s="1"/>
      <c r="F359" s="1"/>
      <c r="G359" s="1"/>
      <c r="H359" s="1"/>
      <c r="I359" s="1"/>
      <c r="J359" s="1"/>
      <c r="K359" s="1"/>
      <c r="L359" s="1"/>
    </row>
    <row r="360" spans="2:12" x14ac:dyDescent="0.2">
      <c r="B360" s="1"/>
      <c r="C360" s="1"/>
      <c r="D360" s="1"/>
      <c r="E360" s="1"/>
      <c r="F360" s="1"/>
      <c r="G360" s="1"/>
      <c r="H360" s="1"/>
      <c r="I360" s="1"/>
      <c r="J360" s="1"/>
      <c r="K360" s="1"/>
      <c r="L360" s="1"/>
    </row>
    <row r="361" spans="2:12" x14ac:dyDescent="0.2">
      <c r="B361" s="1"/>
      <c r="C361" s="1"/>
      <c r="D361" s="1"/>
      <c r="E361" s="1"/>
      <c r="F361" s="1"/>
      <c r="G361" s="1"/>
      <c r="H361" s="1"/>
      <c r="I361" s="1"/>
      <c r="J361" s="1"/>
      <c r="K361" s="1"/>
      <c r="L361" s="1"/>
    </row>
    <row r="362" spans="2:12" x14ac:dyDescent="0.2">
      <c r="B362" s="1"/>
      <c r="C362" s="1"/>
      <c r="D362" s="1"/>
      <c r="E362" s="1"/>
      <c r="F362" s="1"/>
      <c r="G362" s="1"/>
      <c r="H362" s="1"/>
      <c r="I362" s="1"/>
      <c r="J362" s="1"/>
      <c r="K362" s="1"/>
      <c r="L362" s="1"/>
    </row>
    <row r="363" spans="2:12" x14ac:dyDescent="0.2">
      <c r="B363" s="1"/>
      <c r="C363" s="1"/>
      <c r="D363" s="1"/>
      <c r="E363" s="1"/>
      <c r="F363" s="1"/>
      <c r="G363" s="1"/>
      <c r="H363" s="1"/>
      <c r="I363" s="1"/>
      <c r="J363" s="1"/>
      <c r="K363" s="1"/>
      <c r="L363" s="1"/>
    </row>
    <row r="364" spans="2:12" x14ac:dyDescent="0.2">
      <c r="B364" s="1"/>
      <c r="C364" s="1"/>
      <c r="D364" s="1"/>
      <c r="E364" s="1"/>
      <c r="F364" s="1"/>
      <c r="G364" s="1"/>
      <c r="H364" s="1"/>
      <c r="I364" s="1"/>
      <c r="J364" s="1"/>
      <c r="K364" s="1"/>
      <c r="L364" s="1"/>
    </row>
    <row r="365" spans="2:12" x14ac:dyDescent="0.2">
      <c r="B365" s="1"/>
      <c r="C365" s="1"/>
      <c r="D365" s="1"/>
      <c r="E365" s="1"/>
      <c r="F365" s="1"/>
      <c r="G365" s="1"/>
      <c r="H365" s="1"/>
      <c r="I365" s="1"/>
      <c r="J365" s="1"/>
      <c r="K365" s="1"/>
      <c r="L365" s="1"/>
    </row>
    <row r="366" spans="2:12" x14ac:dyDescent="0.2">
      <c r="B366" s="1"/>
      <c r="C366" s="1"/>
      <c r="D366" s="1"/>
      <c r="E366" s="1"/>
      <c r="F366" s="1"/>
      <c r="G366" s="1"/>
      <c r="H366" s="1"/>
      <c r="I366" s="1"/>
      <c r="J366" s="1"/>
      <c r="K366" s="1"/>
      <c r="L366" s="1"/>
    </row>
    <row r="367" spans="2:12" x14ac:dyDescent="0.2">
      <c r="B367" s="1"/>
      <c r="C367" s="1"/>
      <c r="D367" s="1"/>
      <c r="E367" s="1"/>
      <c r="F367" s="1"/>
      <c r="G367" s="1"/>
      <c r="H367" s="1"/>
      <c r="I367" s="1"/>
      <c r="J367" s="1"/>
      <c r="K367" s="1"/>
      <c r="L367" s="1"/>
    </row>
    <row r="368" spans="2:12" x14ac:dyDescent="0.2">
      <c r="B368" s="1"/>
      <c r="C368" s="1"/>
      <c r="D368" s="1"/>
      <c r="E368" s="1"/>
      <c r="F368" s="1"/>
      <c r="G368" s="1"/>
      <c r="H368" s="1"/>
      <c r="I368" s="1"/>
      <c r="J368" s="1"/>
      <c r="K368" s="1"/>
      <c r="L368" s="1"/>
    </row>
    <row r="369" spans="2:12" x14ac:dyDescent="0.2">
      <c r="B369" s="1"/>
      <c r="C369" s="1"/>
      <c r="D369" s="1"/>
      <c r="E369" s="1"/>
      <c r="F369" s="1"/>
      <c r="G369" s="1"/>
      <c r="H369" s="1"/>
      <c r="I369" s="1"/>
      <c r="J369" s="1"/>
      <c r="K369" s="1"/>
      <c r="L369" s="1"/>
    </row>
    <row r="370" spans="2:12" x14ac:dyDescent="0.2">
      <c r="B370" s="1"/>
      <c r="C370" s="1"/>
      <c r="D370" s="1"/>
      <c r="E370" s="1"/>
      <c r="F370" s="1"/>
      <c r="G370" s="1"/>
      <c r="H370" s="1"/>
      <c r="I370" s="1"/>
      <c r="J370" s="1"/>
      <c r="K370" s="1"/>
      <c r="L370" s="1"/>
    </row>
    <row r="371" spans="2:12" x14ac:dyDescent="0.2">
      <c r="B371" s="1"/>
      <c r="C371" s="1"/>
      <c r="D371" s="1"/>
      <c r="E371" s="1"/>
      <c r="F371" s="1"/>
      <c r="G371" s="1"/>
      <c r="H371" s="1"/>
      <c r="I371" s="1"/>
      <c r="J371" s="1"/>
      <c r="K371" s="1"/>
      <c r="L371" s="1"/>
    </row>
    <row r="372" spans="2:12" x14ac:dyDescent="0.2">
      <c r="B372" s="1"/>
      <c r="C372" s="1"/>
      <c r="D372" s="1"/>
      <c r="E372" s="1"/>
      <c r="F372" s="1"/>
      <c r="G372" s="1"/>
      <c r="H372" s="1"/>
      <c r="I372" s="1"/>
      <c r="J372" s="1"/>
      <c r="K372" s="1"/>
      <c r="L372" s="1"/>
    </row>
    <row r="373" spans="2:12" x14ac:dyDescent="0.2">
      <c r="B373" s="1"/>
      <c r="C373" s="1"/>
      <c r="D373" s="1"/>
      <c r="E373" s="1"/>
      <c r="F373" s="1"/>
      <c r="G373" s="1"/>
      <c r="H373" s="1"/>
      <c r="I373" s="1"/>
      <c r="J373" s="1"/>
      <c r="K373" s="1"/>
      <c r="L373" s="1"/>
    </row>
    <row r="374" spans="2:12" x14ac:dyDescent="0.2">
      <c r="B374" s="1"/>
      <c r="C374" s="1"/>
      <c r="D374" s="1"/>
      <c r="E374" s="1"/>
      <c r="F374" s="1"/>
      <c r="G374" s="1"/>
      <c r="H374" s="1"/>
      <c r="I374" s="1"/>
      <c r="J374" s="1"/>
      <c r="K374" s="1"/>
      <c r="L374" s="1"/>
    </row>
    <row r="375" spans="2:12" x14ac:dyDescent="0.2">
      <c r="B375" s="1"/>
      <c r="C375" s="1"/>
      <c r="D375" s="1"/>
      <c r="E375" s="1"/>
      <c r="F375" s="1"/>
      <c r="G375" s="1"/>
      <c r="H375" s="1"/>
      <c r="I375" s="1"/>
      <c r="J375" s="1"/>
      <c r="K375" s="1"/>
      <c r="L375" s="1"/>
    </row>
    <row r="376" spans="2:12" x14ac:dyDescent="0.2">
      <c r="B376" s="1"/>
      <c r="C376" s="1"/>
      <c r="D376" s="1"/>
      <c r="E376" s="1"/>
      <c r="F376" s="1"/>
      <c r="G376" s="1"/>
      <c r="H376" s="1"/>
      <c r="I376" s="1"/>
      <c r="J376" s="1"/>
      <c r="K376" s="1"/>
      <c r="L376" s="1"/>
    </row>
    <row r="377" spans="2:12" x14ac:dyDescent="0.2">
      <c r="B377" s="1"/>
      <c r="C377" s="1"/>
      <c r="D377" s="1"/>
      <c r="E377" s="1"/>
      <c r="F377" s="1"/>
      <c r="G377" s="1"/>
      <c r="H377" s="1"/>
      <c r="I377" s="1"/>
      <c r="J377" s="1"/>
      <c r="K377" s="1"/>
      <c r="L377" s="1"/>
    </row>
    <row r="378" spans="2:12" x14ac:dyDescent="0.2">
      <c r="B378" s="1"/>
      <c r="C378" s="1"/>
      <c r="D378" s="1"/>
      <c r="E378" s="1"/>
      <c r="F378" s="1"/>
      <c r="G378" s="1"/>
      <c r="H378" s="1"/>
      <c r="I378" s="1"/>
      <c r="J378" s="1"/>
      <c r="K378" s="1"/>
      <c r="L378" s="1"/>
    </row>
    <row r="379" spans="2:12" x14ac:dyDescent="0.2">
      <c r="B379" s="1"/>
      <c r="C379" s="1"/>
      <c r="D379" s="1"/>
      <c r="E379" s="1"/>
      <c r="F379" s="1"/>
      <c r="G379" s="1"/>
      <c r="H379" s="1"/>
      <c r="I379" s="1"/>
      <c r="J379" s="1"/>
      <c r="K379" s="1"/>
      <c r="L379" s="1"/>
    </row>
    <row r="380" spans="2:12" x14ac:dyDescent="0.2">
      <c r="B380" s="1"/>
      <c r="C380" s="1"/>
      <c r="D380" s="1"/>
      <c r="E380" s="1"/>
      <c r="F380" s="1"/>
      <c r="G380" s="1"/>
      <c r="H380" s="1"/>
      <c r="I380" s="1"/>
      <c r="J380" s="1"/>
      <c r="K380" s="1"/>
      <c r="L380" s="1"/>
    </row>
    <row r="381" spans="2:12" x14ac:dyDescent="0.2">
      <c r="B381" s="1"/>
      <c r="C381" s="1"/>
      <c r="D381" s="1"/>
      <c r="E381" s="1"/>
      <c r="F381" s="1"/>
      <c r="G381" s="1"/>
      <c r="H381" s="1"/>
      <c r="I381" s="1"/>
      <c r="J381" s="1"/>
      <c r="K381" s="1"/>
      <c r="L381" s="1"/>
    </row>
    <row r="382" spans="2:12" x14ac:dyDescent="0.2">
      <c r="B382" s="1"/>
      <c r="C382" s="1"/>
      <c r="D382" s="1"/>
      <c r="E382" s="1"/>
      <c r="F382" s="1"/>
      <c r="G382" s="1"/>
      <c r="H382" s="1"/>
      <c r="I382" s="1"/>
      <c r="J382" s="1"/>
      <c r="K382" s="1"/>
      <c r="L382" s="1"/>
    </row>
    <row r="383" spans="2:12" x14ac:dyDescent="0.2">
      <c r="B383" s="1"/>
      <c r="C383" s="1"/>
      <c r="D383" s="1"/>
      <c r="E383" s="1"/>
      <c r="F383" s="1"/>
      <c r="G383" s="1"/>
      <c r="H383" s="1"/>
      <c r="I383" s="1"/>
      <c r="J383" s="1"/>
      <c r="K383" s="1"/>
      <c r="L383" s="1"/>
    </row>
    <row r="384" spans="2:12" x14ac:dyDescent="0.2">
      <c r="B384" s="1"/>
      <c r="C384" s="1"/>
      <c r="D384" s="1"/>
      <c r="E384" s="1"/>
      <c r="F384" s="1"/>
      <c r="G384" s="1"/>
      <c r="H384" s="1"/>
      <c r="I384" s="1"/>
      <c r="J384" s="1"/>
      <c r="K384" s="1"/>
      <c r="L384" s="1"/>
    </row>
    <row r="385" spans="2:12" x14ac:dyDescent="0.2">
      <c r="B385" s="1"/>
      <c r="C385" s="1"/>
      <c r="D385" s="1"/>
      <c r="E385" s="1"/>
      <c r="F385" s="1"/>
      <c r="G385" s="1"/>
      <c r="H385" s="1"/>
      <c r="I385" s="1"/>
      <c r="J385" s="1"/>
      <c r="K385" s="1"/>
      <c r="L385" s="1"/>
    </row>
    <row r="386" spans="2:12" x14ac:dyDescent="0.2">
      <c r="B386" s="1"/>
      <c r="C386" s="1"/>
      <c r="D386" s="1"/>
      <c r="E386" s="1"/>
      <c r="F386" s="1"/>
      <c r="G386" s="1"/>
      <c r="H386" s="1"/>
      <c r="I386" s="1"/>
      <c r="J386" s="1"/>
      <c r="K386" s="1"/>
      <c r="L386" s="1"/>
    </row>
    <row r="387" spans="2:12" x14ac:dyDescent="0.2">
      <c r="B387" s="1"/>
      <c r="C387" s="1"/>
      <c r="D387" s="1"/>
      <c r="E387" s="1"/>
      <c r="F387" s="1"/>
      <c r="G387" s="1"/>
      <c r="H387" s="1"/>
      <c r="I387" s="1"/>
      <c r="J387" s="1"/>
      <c r="K387" s="1"/>
      <c r="L387" s="1"/>
    </row>
    <row r="388" spans="2:12" x14ac:dyDescent="0.2">
      <c r="B388" s="1"/>
      <c r="C388" s="1"/>
      <c r="D388" s="1"/>
      <c r="E388" s="1"/>
      <c r="F388" s="1"/>
      <c r="G388" s="1"/>
      <c r="H388" s="1"/>
      <c r="I388" s="1"/>
      <c r="J388" s="1"/>
      <c r="K388" s="1"/>
      <c r="L388" s="1"/>
    </row>
    <row r="389" spans="2:12" x14ac:dyDescent="0.2">
      <c r="B389" s="1"/>
      <c r="C389" s="1"/>
      <c r="D389" s="1"/>
      <c r="E389" s="1"/>
      <c r="F389" s="1"/>
      <c r="G389" s="1"/>
      <c r="H389" s="1"/>
      <c r="I389" s="1"/>
      <c r="J389" s="1"/>
      <c r="K389" s="1"/>
      <c r="L389" s="1"/>
    </row>
    <row r="390" spans="2:12" x14ac:dyDescent="0.2">
      <c r="B390" s="1"/>
      <c r="C390" s="1"/>
      <c r="D390" s="1"/>
      <c r="E390" s="1"/>
      <c r="F390" s="1"/>
      <c r="G390" s="1"/>
      <c r="H390" s="1"/>
      <c r="I390" s="1"/>
      <c r="J390" s="1"/>
      <c r="K390" s="1"/>
      <c r="L390" s="1"/>
    </row>
    <row r="391" spans="2:12" x14ac:dyDescent="0.2">
      <c r="B391" s="1"/>
      <c r="C391" s="1"/>
      <c r="D391" s="1"/>
      <c r="E391" s="1"/>
      <c r="F391" s="1"/>
      <c r="G391" s="1"/>
      <c r="H391" s="1"/>
      <c r="I391" s="1"/>
      <c r="J391" s="1"/>
      <c r="K391" s="1"/>
      <c r="L391" s="1"/>
    </row>
    <row r="392" spans="2:12" x14ac:dyDescent="0.2">
      <c r="B392" s="1"/>
      <c r="C392" s="1"/>
      <c r="D392" s="1"/>
      <c r="E392" s="1"/>
      <c r="F392" s="1"/>
      <c r="G392" s="1"/>
      <c r="H392" s="1"/>
      <c r="I392" s="1"/>
      <c r="J392" s="1"/>
      <c r="K392" s="1"/>
      <c r="L392" s="1"/>
    </row>
    <row r="393" spans="2:12" x14ac:dyDescent="0.2">
      <c r="B393" s="1"/>
      <c r="C393" s="1"/>
      <c r="D393" s="1"/>
      <c r="E393" s="1"/>
      <c r="F393" s="1"/>
      <c r="G393" s="1"/>
      <c r="H393" s="1"/>
      <c r="I393" s="1"/>
      <c r="J393" s="1"/>
      <c r="K393" s="1"/>
      <c r="L393" s="1"/>
    </row>
    <row r="394" spans="2:12" x14ac:dyDescent="0.2">
      <c r="B394" s="1"/>
      <c r="C394" s="1"/>
      <c r="D394" s="1"/>
      <c r="E394" s="1"/>
      <c r="F394" s="1"/>
      <c r="G394" s="1"/>
      <c r="H394" s="1"/>
      <c r="I394" s="1"/>
      <c r="J394" s="1"/>
      <c r="K394" s="1"/>
      <c r="L394" s="1"/>
    </row>
    <row r="395" spans="2:12" x14ac:dyDescent="0.2">
      <c r="B395" s="1"/>
      <c r="C395" s="1"/>
      <c r="D395" s="1"/>
      <c r="E395" s="1"/>
      <c r="F395" s="1"/>
      <c r="G395" s="1"/>
      <c r="H395" s="1"/>
      <c r="I395" s="1"/>
      <c r="J395" s="1"/>
      <c r="K395" s="1"/>
      <c r="L395" s="1"/>
    </row>
    <row r="396" spans="2:12" x14ac:dyDescent="0.2">
      <c r="B396" s="1"/>
      <c r="C396" s="1"/>
      <c r="D396" s="1"/>
      <c r="E396" s="1"/>
      <c r="F396" s="1"/>
      <c r="G396" s="1"/>
      <c r="H396" s="1"/>
      <c r="I396" s="1"/>
      <c r="J396" s="1"/>
      <c r="K396" s="1"/>
      <c r="L396" s="1"/>
    </row>
    <row r="397" spans="2:12" x14ac:dyDescent="0.2">
      <c r="B397" s="1"/>
      <c r="C397" s="1"/>
      <c r="D397" s="1"/>
      <c r="E397" s="1"/>
      <c r="F397" s="1"/>
      <c r="G397" s="1"/>
      <c r="H397" s="1"/>
      <c r="I397" s="1"/>
      <c r="J397" s="1"/>
      <c r="K397" s="1"/>
      <c r="L397" s="1"/>
    </row>
    <row r="398" spans="2:12" x14ac:dyDescent="0.2">
      <c r="B398" s="1"/>
      <c r="C398" s="1"/>
      <c r="D398" s="1"/>
      <c r="E398" s="1"/>
      <c r="F398" s="1"/>
      <c r="G398" s="1"/>
      <c r="H398" s="1"/>
      <c r="I398" s="1"/>
      <c r="J398" s="1"/>
      <c r="K398" s="1"/>
      <c r="L398" s="1"/>
    </row>
    <row r="399" spans="2:12" x14ac:dyDescent="0.2">
      <c r="B399" s="1"/>
      <c r="C399" s="1"/>
      <c r="D399" s="1"/>
      <c r="E399" s="1"/>
      <c r="F399" s="1"/>
      <c r="G399" s="1"/>
      <c r="H399" s="1"/>
      <c r="I399" s="1"/>
      <c r="J399" s="1"/>
      <c r="K399" s="1"/>
      <c r="L399" s="1"/>
    </row>
    <row r="400" spans="2:12" x14ac:dyDescent="0.2">
      <c r="B400" s="1"/>
      <c r="C400" s="1"/>
      <c r="D400" s="1"/>
      <c r="E400" s="1"/>
      <c r="F400" s="1"/>
      <c r="G400" s="1"/>
      <c r="H400" s="1"/>
      <c r="I400" s="1"/>
      <c r="J400" s="1"/>
      <c r="K400" s="1"/>
      <c r="L400" s="1"/>
    </row>
    <row r="401" spans="2:12" x14ac:dyDescent="0.2">
      <c r="B401" s="1"/>
      <c r="C401" s="1"/>
      <c r="D401" s="1"/>
      <c r="E401" s="1"/>
      <c r="F401" s="1"/>
      <c r="G401" s="1"/>
      <c r="H401" s="1"/>
      <c r="I401" s="1"/>
      <c r="J401" s="1"/>
      <c r="K401" s="1"/>
      <c r="L401" s="1"/>
    </row>
    <row r="402" spans="2:12" x14ac:dyDescent="0.2">
      <c r="B402" s="1"/>
      <c r="C402" s="1"/>
      <c r="D402" s="1"/>
      <c r="E402" s="1"/>
      <c r="F402" s="1"/>
      <c r="G402" s="1"/>
      <c r="H402" s="1"/>
      <c r="I402" s="1"/>
      <c r="J402" s="1"/>
      <c r="K402" s="1"/>
      <c r="L402" s="1"/>
    </row>
    <row r="403" spans="2:12" x14ac:dyDescent="0.2">
      <c r="B403" s="1"/>
      <c r="C403" s="1"/>
      <c r="D403" s="1"/>
      <c r="E403" s="1"/>
      <c r="F403" s="1"/>
      <c r="G403" s="1"/>
      <c r="H403" s="1"/>
      <c r="I403" s="1"/>
      <c r="J403" s="1"/>
      <c r="K403" s="1"/>
      <c r="L403" s="1"/>
    </row>
    <row r="404" spans="2:12" x14ac:dyDescent="0.2">
      <c r="B404" s="1"/>
      <c r="C404" s="1"/>
      <c r="D404" s="1"/>
      <c r="E404" s="1"/>
      <c r="F404" s="1"/>
      <c r="G404" s="1"/>
      <c r="H404" s="1"/>
      <c r="I404" s="1"/>
      <c r="J404" s="1"/>
      <c r="K404" s="1"/>
      <c r="L404" s="1"/>
    </row>
    <row r="405" spans="2:12" x14ac:dyDescent="0.2">
      <c r="B405" s="1"/>
      <c r="C405" s="1"/>
      <c r="D405" s="1"/>
      <c r="E405" s="1"/>
      <c r="F405" s="1"/>
      <c r="G405" s="1"/>
      <c r="H405" s="1"/>
      <c r="I405" s="1"/>
      <c r="J405" s="1"/>
      <c r="K405" s="1"/>
      <c r="L405" s="1"/>
    </row>
    <row r="406" spans="2:12" x14ac:dyDescent="0.2">
      <c r="B406" s="1"/>
      <c r="C406" s="1"/>
      <c r="D406" s="1"/>
      <c r="E406" s="1"/>
      <c r="F406" s="1"/>
      <c r="G406" s="1"/>
      <c r="H406" s="1"/>
      <c r="I406" s="1"/>
      <c r="J406" s="1"/>
      <c r="K406" s="1"/>
      <c r="L406" s="1"/>
    </row>
    <row r="407" spans="2:12" x14ac:dyDescent="0.2">
      <c r="B407" s="1"/>
      <c r="C407" s="1"/>
      <c r="D407" s="1"/>
      <c r="E407" s="1"/>
      <c r="F407" s="1"/>
      <c r="G407" s="1"/>
      <c r="H407" s="1"/>
      <c r="I407" s="1"/>
      <c r="J407" s="1"/>
      <c r="K407" s="1"/>
      <c r="L407" s="1"/>
    </row>
    <row r="408" spans="2:12" x14ac:dyDescent="0.2">
      <c r="B408" s="1"/>
      <c r="C408" s="1"/>
      <c r="D408" s="1"/>
      <c r="E408" s="1"/>
      <c r="F408" s="1"/>
      <c r="G408" s="1"/>
      <c r="H408" s="1"/>
      <c r="I408" s="1"/>
      <c r="J408" s="1"/>
      <c r="K408" s="1"/>
      <c r="L408" s="1"/>
    </row>
    <row r="409" spans="2:12" x14ac:dyDescent="0.2">
      <c r="B409" s="1"/>
      <c r="C409" s="1"/>
      <c r="D409" s="1"/>
      <c r="E409" s="1"/>
      <c r="F409" s="1"/>
      <c r="G409" s="1"/>
      <c r="H409" s="1"/>
      <c r="I409" s="1"/>
      <c r="J409" s="1"/>
      <c r="K409" s="1"/>
      <c r="L409" s="1"/>
    </row>
    <row r="410" spans="2:12" x14ac:dyDescent="0.2">
      <c r="B410" s="1"/>
      <c r="C410" s="1"/>
      <c r="D410" s="1"/>
      <c r="E410" s="1"/>
      <c r="F410" s="1"/>
      <c r="G410" s="1"/>
      <c r="H410" s="1"/>
      <c r="I410" s="1"/>
      <c r="J410" s="1"/>
      <c r="K410" s="1"/>
      <c r="L410" s="1"/>
    </row>
    <row r="411" spans="2:12" x14ac:dyDescent="0.2">
      <c r="B411" s="1"/>
      <c r="C411" s="1"/>
      <c r="D411" s="1"/>
      <c r="E411" s="1"/>
      <c r="F411" s="1"/>
      <c r="G411" s="1"/>
      <c r="H411" s="1"/>
      <c r="I411" s="1"/>
      <c r="J411" s="1"/>
      <c r="K411" s="1"/>
      <c r="L411" s="1"/>
    </row>
    <row r="412" spans="2:12" x14ac:dyDescent="0.2">
      <c r="B412" s="1"/>
      <c r="C412" s="1"/>
      <c r="D412" s="1"/>
      <c r="E412" s="1"/>
      <c r="F412" s="1"/>
      <c r="G412" s="1"/>
      <c r="H412" s="1"/>
      <c r="I412" s="1"/>
      <c r="J412" s="1"/>
      <c r="K412" s="1"/>
      <c r="L412" s="1"/>
    </row>
    <row r="413" spans="2:12" x14ac:dyDescent="0.2">
      <c r="B413" s="1"/>
      <c r="C413" s="1"/>
      <c r="D413" s="1"/>
      <c r="E413" s="1"/>
      <c r="F413" s="1"/>
      <c r="G413" s="1"/>
      <c r="H413" s="1"/>
      <c r="I413" s="1"/>
      <c r="J413" s="1"/>
      <c r="K413" s="1"/>
      <c r="L413" s="1"/>
    </row>
    <row r="414" spans="2:12" x14ac:dyDescent="0.2">
      <c r="B414" s="1"/>
      <c r="C414" s="1"/>
      <c r="D414" s="1"/>
      <c r="E414" s="1"/>
      <c r="F414" s="1"/>
      <c r="G414" s="1"/>
      <c r="H414" s="1"/>
      <c r="I414" s="1"/>
      <c r="J414" s="1"/>
      <c r="K414" s="1"/>
      <c r="L414" s="1"/>
    </row>
    <row r="415" spans="2:12" x14ac:dyDescent="0.2">
      <c r="B415" s="1"/>
      <c r="C415" s="1"/>
      <c r="D415" s="1"/>
      <c r="E415" s="1"/>
      <c r="F415" s="1"/>
      <c r="G415" s="1"/>
      <c r="H415" s="1"/>
      <c r="I415" s="1"/>
      <c r="J415" s="1"/>
      <c r="K415" s="1"/>
      <c r="L415" s="1"/>
    </row>
    <row r="416" spans="2:12" x14ac:dyDescent="0.2">
      <c r="B416" s="1"/>
      <c r="C416" s="1"/>
      <c r="D416" s="1"/>
      <c r="E416" s="1"/>
      <c r="F416" s="1"/>
      <c r="G416" s="1"/>
      <c r="H416" s="1"/>
      <c r="I416" s="1"/>
      <c r="J416" s="1"/>
      <c r="K416" s="1"/>
      <c r="L416" s="1"/>
    </row>
    <row r="417" spans="2:12" x14ac:dyDescent="0.2">
      <c r="B417" s="1"/>
      <c r="C417" s="1"/>
      <c r="D417" s="1"/>
      <c r="E417" s="1"/>
      <c r="F417" s="1"/>
      <c r="G417" s="1"/>
      <c r="H417" s="1"/>
      <c r="I417" s="1"/>
      <c r="J417" s="1"/>
      <c r="K417" s="1"/>
      <c r="L417" s="1"/>
    </row>
    <row r="418" spans="2:12" x14ac:dyDescent="0.2">
      <c r="B418" s="1"/>
      <c r="C418" s="1"/>
      <c r="D418" s="1"/>
      <c r="E418" s="1"/>
      <c r="F418" s="1"/>
      <c r="G418" s="1"/>
      <c r="H418" s="1"/>
      <c r="I418" s="1"/>
      <c r="J418" s="1"/>
      <c r="K418" s="1"/>
      <c r="L418" s="1"/>
    </row>
    <row r="419" spans="2:12" x14ac:dyDescent="0.2">
      <c r="B419" s="1"/>
      <c r="C419" s="1"/>
      <c r="D419" s="1"/>
      <c r="E419" s="1"/>
      <c r="F419" s="1"/>
      <c r="G419" s="1"/>
      <c r="H419" s="1"/>
      <c r="I419" s="1"/>
      <c r="J419" s="1"/>
      <c r="K419" s="1"/>
      <c r="L419" s="1"/>
    </row>
    <row r="420" spans="2:12" x14ac:dyDescent="0.2">
      <c r="B420" s="1"/>
      <c r="C420" s="1"/>
      <c r="D420" s="1"/>
      <c r="E420" s="1"/>
      <c r="F420" s="1"/>
      <c r="G420" s="1"/>
      <c r="H420" s="1"/>
      <c r="I420" s="1"/>
      <c r="J420" s="1"/>
      <c r="K420" s="1"/>
      <c r="L420" s="1"/>
    </row>
    <row r="421" spans="2:12" x14ac:dyDescent="0.2">
      <c r="B421" s="1"/>
      <c r="C421" s="1"/>
      <c r="D421" s="1"/>
      <c r="E421" s="1"/>
      <c r="F421" s="1"/>
      <c r="G421" s="1"/>
      <c r="H421" s="1"/>
      <c r="I421" s="1"/>
      <c r="J421" s="1"/>
      <c r="K421" s="1"/>
      <c r="L421" s="1"/>
    </row>
    <row r="422" spans="2:12" x14ac:dyDescent="0.2">
      <c r="B422" s="1"/>
      <c r="C422" s="1"/>
      <c r="D422" s="1"/>
      <c r="E422" s="1"/>
      <c r="F422" s="1"/>
      <c r="G422" s="1"/>
      <c r="H422" s="1"/>
      <c r="I422" s="1"/>
      <c r="J422" s="1"/>
      <c r="K422" s="1"/>
      <c r="L422" s="1"/>
    </row>
    <row r="423" spans="2:12" x14ac:dyDescent="0.2">
      <c r="B423" s="1"/>
      <c r="C423" s="1"/>
      <c r="D423" s="1"/>
      <c r="E423" s="1"/>
      <c r="F423" s="1"/>
      <c r="G423" s="1"/>
      <c r="H423" s="1"/>
      <c r="I423" s="1"/>
      <c r="J423" s="1"/>
      <c r="K423" s="1"/>
      <c r="L423" s="1"/>
    </row>
    <row r="424" spans="2:12" x14ac:dyDescent="0.2">
      <c r="B424" s="1"/>
      <c r="C424" s="1"/>
      <c r="D424" s="1"/>
      <c r="E424" s="1"/>
      <c r="F424" s="1"/>
      <c r="G424" s="1"/>
      <c r="H424" s="1"/>
      <c r="I424" s="1"/>
      <c r="J424" s="1"/>
      <c r="K424" s="1"/>
      <c r="L424" s="1"/>
    </row>
    <row r="425" spans="2:12" x14ac:dyDescent="0.2">
      <c r="B425" s="1"/>
      <c r="C425" s="1"/>
      <c r="D425" s="1"/>
      <c r="E425" s="1"/>
      <c r="F425" s="1"/>
      <c r="G425" s="1"/>
      <c r="H425" s="1"/>
      <c r="I425" s="1"/>
      <c r="J425" s="1"/>
      <c r="K425" s="1"/>
      <c r="L425" s="1"/>
    </row>
    <row r="426" spans="2:12" x14ac:dyDescent="0.2">
      <c r="B426" s="1"/>
      <c r="C426" s="1"/>
      <c r="D426" s="1"/>
      <c r="E426" s="1"/>
      <c r="F426" s="1"/>
      <c r="G426" s="1"/>
      <c r="H426" s="1"/>
      <c r="I426" s="1"/>
      <c r="J426" s="1"/>
      <c r="K426" s="1"/>
      <c r="L426" s="1"/>
    </row>
    <row r="427" spans="2:12" x14ac:dyDescent="0.2">
      <c r="B427" s="1"/>
      <c r="C427" s="1"/>
      <c r="D427" s="1"/>
      <c r="E427" s="1"/>
      <c r="F427" s="1"/>
      <c r="G427" s="1"/>
      <c r="H427" s="1"/>
      <c r="I427" s="1"/>
      <c r="J427" s="1"/>
      <c r="K427" s="1"/>
      <c r="L427" s="1"/>
    </row>
    <row r="428" spans="2:12" x14ac:dyDescent="0.2">
      <c r="B428" s="1"/>
      <c r="C428" s="1"/>
      <c r="D428" s="1"/>
      <c r="E428" s="1"/>
      <c r="F428" s="1"/>
      <c r="G428" s="1"/>
      <c r="H428" s="1"/>
      <c r="I428" s="1"/>
      <c r="J428" s="1"/>
      <c r="K428" s="1"/>
      <c r="L428" s="1"/>
    </row>
    <row r="429" spans="2:12" x14ac:dyDescent="0.2">
      <c r="B429" s="1"/>
      <c r="C429" s="1"/>
      <c r="D429" s="1"/>
      <c r="E429" s="1"/>
      <c r="F429" s="1"/>
      <c r="G429" s="1"/>
      <c r="H429" s="1"/>
      <c r="I429" s="1"/>
      <c r="J429" s="1"/>
      <c r="K429" s="1"/>
      <c r="L429" s="1"/>
    </row>
    <row r="430" spans="2:12" x14ac:dyDescent="0.2">
      <c r="B430" s="1"/>
      <c r="C430" s="1"/>
      <c r="D430" s="1"/>
      <c r="E430" s="1"/>
      <c r="F430" s="1"/>
      <c r="G430" s="1"/>
      <c r="H430" s="1"/>
      <c r="I430" s="1"/>
      <c r="J430" s="1"/>
      <c r="K430" s="1"/>
      <c r="L430" s="1"/>
    </row>
    <row r="431" spans="2:12" x14ac:dyDescent="0.2">
      <c r="B431" s="1"/>
      <c r="C431" s="1"/>
      <c r="D431" s="1"/>
      <c r="E431" s="1"/>
      <c r="F431" s="1"/>
      <c r="G431" s="1"/>
      <c r="H431" s="1"/>
      <c r="I431" s="1"/>
      <c r="J431" s="1"/>
      <c r="K431" s="1"/>
      <c r="L431" s="1"/>
    </row>
    <row r="432" spans="2:12" x14ac:dyDescent="0.2">
      <c r="B432" s="1"/>
      <c r="C432" s="1"/>
      <c r="D432" s="1"/>
      <c r="E432" s="1"/>
      <c r="F432" s="1"/>
      <c r="G432" s="1"/>
      <c r="H432" s="1"/>
      <c r="I432" s="1"/>
      <c r="J432" s="1"/>
      <c r="K432" s="1"/>
      <c r="L432" s="1"/>
    </row>
    <row r="433" spans="2:12" x14ac:dyDescent="0.2">
      <c r="B433" s="1"/>
      <c r="C433" s="1"/>
      <c r="D433" s="1"/>
      <c r="E433" s="1"/>
      <c r="F433" s="1"/>
      <c r="G433" s="1"/>
      <c r="H433" s="1"/>
      <c r="I433" s="1"/>
      <c r="J433" s="1"/>
      <c r="K433" s="1"/>
      <c r="L433" s="1"/>
    </row>
    <row r="434" spans="2:12" x14ac:dyDescent="0.2">
      <c r="B434" s="1"/>
      <c r="C434" s="1"/>
      <c r="D434" s="1"/>
      <c r="E434" s="1"/>
      <c r="F434" s="1"/>
      <c r="G434" s="1"/>
      <c r="H434" s="1"/>
      <c r="I434" s="1"/>
      <c r="J434" s="1"/>
      <c r="K434" s="1"/>
      <c r="L434" s="1"/>
    </row>
    <row r="435" spans="2:12" x14ac:dyDescent="0.2">
      <c r="B435" s="1"/>
      <c r="C435" s="1"/>
      <c r="D435" s="1"/>
      <c r="E435" s="1"/>
      <c r="F435" s="1"/>
      <c r="G435" s="1"/>
      <c r="H435" s="1"/>
      <c r="I435" s="1"/>
      <c r="J435" s="1"/>
      <c r="K435" s="1"/>
      <c r="L435" s="1"/>
    </row>
    <row r="436" spans="2:12" x14ac:dyDescent="0.2">
      <c r="B436" s="1"/>
      <c r="C436" s="1"/>
      <c r="D436" s="1"/>
      <c r="E436" s="1"/>
      <c r="F436" s="1"/>
      <c r="G436" s="1"/>
      <c r="H436" s="1"/>
      <c r="I436" s="1"/>
      <c r="J436" s="1"/>
      <c r="K436" s="1"/>
      <c r="L436" s="1"/>
    </row>
    <row r="437" spans="2:12" x14ac:dyDescent="0.2">
      <c r="B437" s="1"/>
      <c r="C437" s="1"/>
      <c r="D437" s="1"/>
      <c r="E437" s="1"/>
      <c r="F437" s="1"/>
      <c r="G437" s="1"/>
      <c r="H437" s="1"/>
      <c r="I437" s="1"/>
      <c r="J437" s="1"/>
      <c r="K437" s="1"/>
      <c r="L437" s="1"/>
    </row>
    <row r="438" spans="2:12" x14ac:dyDescent="0.2">
      <c r="B438" s="1"/>
      <c r="C438" s="1"/>
      <c r="D438" s="1"/>
      <c r="E438" s="1"/>
      <c r="F438" s="1"/>
      <c r="G438" s="1"/>
      <c r="H438" s="1"/>
      <c r="I438" s="1"/>
      <c r="J438" s="1"/>
      <c r="K438" s="1"/>
      <c r="L438" s="1"/>
    </row>
    <row r="439" spans="2:12" x14ac:dyDescent="0.2">
      <c r="B439" s="1"/>
      <c r="C439" s="1"/>
      <c r="D439" s="1"/>
      <c r="E439" s="1"/>
      <c r="F439" s="1"/>
      <c r="G439" s="1"/>
      <c r="H439" s="1"/>
      <c r="I439" s="1"/>
      <c r="J439" s="1"/>
      <c r="K439" s="1"/>
      <c r="L439" s="1"/>
    </row>
    <row r="440" spans="2:12" x14ac:dyDescent="0.2">
      <c r="B440" s="1"/>
      <c r="C440" s="1"/>
      <c r="D440" s="1"/>
      <c r="E440" s="1"/>
      <c r="F440" s="1"/>
      <c r="G440" s="1"/>
      <c r="H440" s="1"/>
      <c r="I440" s="1"/>
      <c r="J440" s="1"/>
      <c r="K440" s="1"/>
      <c r="L440" s="1"/>
    </row>
    <row r="441" spans="2:12" x14ac:dyDescent="0.2">
      <c r="B441" s="1"/>
      <c r="C441" s="1"/>
      <c r="D441" s="1"/>
      <c r="E441" s="1"/>
      <c r="F441" s="1"/>
      <c r="G441" s="1"/>
      <c r="H441" s="1"/>
      <c r="I441" s="1"/>
      <c r="J441" s="1"/>
      <c r="K441" s="1"/>
      <c r="L441" s="1"/>
    </row>
    <row r="442" spans="2:12" x14ac:dyDescent="0.2">
      <c r="B442" s="1"/>
      <c r="C442" s="1"/>
      <c r="D442" s="1"/>
      <c r="E442" s="1"/>
      <c r="F442" s="1"/>
      <c r="G442" s="1"/>
      <c r="H442" s="1"/>
      <c r="I442" s="1"/>
      <c r="J442" s="1"/>
      <c r="K442" s="1"/>
      <c r="L442" s="1"/>
    </row>
    <row r="443" spans="2:12" x14ac:dyDescent="0.2">
      <c r="B443" s="1"/>
      <c r="C443" s="1"/>
      <c r="D443" s="1"/>
      <c r="E443" s="1"/>
      <c r="F443" s="1"/>
      <c r="G443" s="1"/>
      <c r="H443" s="1"/>
      <c r="I443" s="1"/>
      <c r="J443" s="1"/>
      <c r="K443" s="1"/>
      <c r="L443" s="1"/>
    </row>
    <row r="444" spans="2:12" x14ac:dyDescent="0.2">
      <c r="B444" s="1"/>
      <c r="C444" s="1"/>
      <c r="D444" s="1"/>
      <c r="E444" s="1"/>
      <c r="F444" s="1"/>
      <c r="G444" s="1"/>
      <c r="H444" s="1"/>
      <c r="I444" s="1"/>
      <c r="J444" s="1"/>
      <c r="K444" s="1"/>
      <c r="L444" s="1"/>
    </row>
    <row r="445" spans="2:12" x14ac:dyDescent="0.2">
      <c r="B445" s="1"/>
      <c r="C445" s="1"/>
      <c r="D445" s="1"/>
      <c r="E445" s="1"/>
      <c r="F445" s="1"/>
      <c r="G445" s="1"/>
      <c r="H445" s="1"/>
      <c r="I445" s="1"/>
      <c r="J445" s="1"/>
      <c r="K445" s="1"/>
      <c r="L445" s="1"/>
    </row>
    <row r="446" spans="2:12" x14ac:dyDescent="0.2">
      <c r="B446" s="1"/>
      <c r="C446" s="1"/>
      <c r="D446" s="1"/>
      <c r="E446" s="1"/>
      <c r="F446" s="1"/>
      <c r="G446" s="1"/>
      <c r="H446" s="1"/>
      <c r="I446" s="1"/>
      <c r="J446" s="1"/>
      <c r="K446" s="1"/>
      <c r="L446" s="1"/>
    </row>
    <row r="447" spans="2:12" x14ac:dyDescent="0.2">
      <c r="B447" s="1"/>
      <c r="C447" s="1"/>
      <c r="D447" s="1"/>
      <c r="E447" s="1"/>
      <c r="F447" s="1"/>
      <c r="G447" s="1"/>
      <c r="H447" s="1"/>
      <c r="I447" s="1"/>
      <c r="J447" s="1"/>
      <c r="K447" s="1"/>
      <c r="L447" s="1"/>
    </row>
    <row r="448" spans="2:12" x14ac:dyDescent="0.2">
      <c r="B448" s="1"/>
      <c r="C448" s="1"/>
      <c r="D448" s="1"/>
      <c r="E448" s="1"/>
      <c r="F448" s="1"/>
      <c r="G448" s="1"/>
      <c r="H448" s="1"/>
      <c r="I448" s="1"/>
      <c r="J448" s="1"/>
      <c r="K448" s="1"/>
      <c r="L448" s="1"/>
    </row>
    <row r="449" spans="2:12" x14ac:dyDescent="0.2">
      <c r="B449" s="1"/>
      <c r="C449" s="1"/>
      <c r="D449" s="1"/>
      <c r="E449" s="1"/>
      <c r="F449" s="1"/>
      <c r="G449" s="1"/>
      <c r="H449" s="1"/>
      <c r="I449" s="1"/>
      <c r="J449" s="1"/>
      <c r="K449" s="1"/>
      <c r="L449" s="1"/>
    </row>
    <row r="450" spans="2:12" x14ac:dyDescent="0.2">
      <c r="B450" s="1"/>
      <c r="C450" s="1"/>
      <c r="D450" s="1"/>
      <c r="E450" s="1"/>
      <c r="F450" s="1"/>
      <c r="G450" s="1"/>
      <c r="H450" s="1"/>
      <c r="I450" s="1"/>
      <c r="J450" s="1"/>
      <c r="K450" s="1"/>
      <c r="L450" s="1"/>
    </row>
    <row r="451" spans="2:12" x14ac:dyDescent="0.2">
      <c r="B451" s="1"/>
      <c r="C451" s="1"/>
      <c r="D451" s="1"/>
      <c r="E451" s="1"/>
      <c r="F451" s="1"/>
      <c r="G451" s="1"/>
      <c r="H451" s="1"/>
      <c r="I451" s="1"/>
      <c r="J451" s="1"/>
      <c r="K451" s="1"/>
      <c r="L451" s="1"/>
    </row>
    <row r="452" spans="2:12" x14ac:dyDescent="0.2">
      <c r="B452" s="1"/>
      <c r="C452" s="1"/>
      <c r="D452" s="1"/>
      <c r="E452" s="1"/>
      <c r="F452" s="1"/>
      <c r="G452" s="1"/>
      <c r="H452" s="1"/>
      <c r="I452" s="1"/>
      <c r="J452" s="1"/>
      <c r="K452" s="1"/>
      <c r="L452" s="1"/>
    </row>
    <row r="453" spans="2:12" x14ac:dyDescent="0.2">
      <c r="B453" s="1"/>
      <c r="C453" s="1"/>
      <c r="D453" s="1"/>
      <c r="E453" s="1"/>
      <c r="F453" s="1"/>
      <c r="G453" s="1"/>
      <c r="H453" s="1"/>
      <c r="I453" s="1"/>
      <c r="J453" s="1"/>
      <c r="K453" s="1"/>
      <c r="L453" s="1"/>
    </row>
    <row r="454" spans="2:12" x14ac:dyDescent="0.2">
      <c r="B454" s="1"/>
      <c r="C454" s="1"/>
      <c r="D454" s="1"/>
      <c r="E454" s="1"/>
      <c r="F454" s="1"/>
      <c r="G454" s="1"/>
      <c r="H454" s="1"/>
      <c r="I454" s="1"/>
      <c r="J454" s="1"/>
      <c r="K454" s="1"/>
      <c r="L454" s="1"/>
    </row>
    <row r="455" spans="2:12" x14ac:dyDescent="0.2">
      <c r="B455" s="1"/>
      <c r="C455" s="1"/>
      <c r="D455" s="1"/>
      <c r="E455" s="1"/>
      <c r="F455" s="1"/>
      <c r="G455" s="1"/>
      <c r="H455" s="1"/>
      <c r="I455" s="1"/>
      <c r="J455" s="1"/>
      <c r="K455" s="1"/>
      <c r="L455" s="1"/>
    </row>
    <row r="456" spans="2:12" x14ac:dyDescent="0.2">
      <c r="B456" s="1"/>
      <c r="C456" s="1"/>
      <c r="D456" s="1"/>
      <c r="E456" s="1"/>
      <c r="F456" s="1"/>
      <c r="G456" s="1"/>
      <c r="H456" s="1"/>
      <c r="I456" s="1"/>
      <c r="J456" s="1"/>
      <c r="K456" s="1"/>
      <c r="L456" s="1"/>
    </row>
    <row r="457" spans="2:12" x14ac:dyDescent="0.2">
      <c r="B457" s="1"/>
      <c r="C457" s="1"/>
      <c r="D457" s="1"/>
      <c r="E457" s="1"/>
      <c r="F457" s="1"/>
      <c r="G457" s="1"/>
      <c r="H457" s="1"/>
      <c r="I457" s="1"/>
      <c r="J457" s="1"/>
      <c r="K457" s="1"/>
      <c r="L457" s="1"/>
    </row>
    <row r="458" spans="2:12" x14ac:dyDescent="0.2">
      <c r="B458" s="1"/>
      <c r="C458" s="1"/>
      <c r="D458" s="1"/>
      <c r="E458" s="1"/>
      <c r="F458" s="1"/>
      <c r="G458" s="1"/>
      <c r="H458" s="1"/>
      <c r="I458" s="1"/>
      <c r="J458" s="1"/>
      <c r="K458" s="1"/>
      <c r="L458" s="1"/>
    </row>
    <row r="459" spans="2:12" x14ac:dyDescent="0.2">
      <c r="B459" s="1"/>
      <c r="C459" s="1"/>
      <c r="D459" s="1"/>
      <c r="E459" s="1"/>
      <c r="F459" s="1"/>
      <c r="G459" s="1"/>
      <c r="H459" s="1"/>
      <c r="I459" s="1"/>
      <c r="J459" s="1"/>
      <c r="K459" s="1"/>
      <c r="L459" s="1"/>
    </row>
    <row r="460" spans="2:12" x14ac:dyDescent="0.2">
      <c r="B460" s="1"/>
      <c r="C460" s="1"/>
      <c r="D460" s="1"/>
      <c r="E460" s="1"/>
      <c r="F460" s="1"/>
      <c r="G460" s="1"/>
      <c r="H460" s="1"/>
      <c r="I460" s="1"/>
      <c r="J460" s="1"/>
      <c r="K460" s="1"/>
      <c r="L460" s="1"/>
    </row>
    <row r="461" spans="2:12" x14ac:dyDescent="0.2">
      <c r="B461" s="1"/>
      <c r="C461" s="1"/>
      <c r="D461" s="1"/>
      <c r="E461" s="1"/>
      <c r="F461" s="1"/>
      <c r="G461" s="1"/>
      <c r="H461" s="1"/>
      <c r="I461" s="1"/>
      <c r="J461" s="1"/>
      <c r="K461" s="1"/>
      <c r="L461" s="1"/>
    </row>
    <row r="462" spans="2:12" x14ac:dyDescent="0.2">
      <c r="B462" s="1"/>
      <c r="C462" s="1"/>
      <c r="D462" s="1"/>
      <c r="E462" s="1"/>
      <c r="F462" s="1"/>
      <c r="G462" s="1"/>
      <c r="H462" s="1"/>
      <c r="I462" s="1"/>
      <c r="J462" s="1"/>
      <c r="K462" s="1"/>
      <c r="L462" s="1"/>
    </row>
    <row r="463" spans="2:12" x14ac:dyDescent="0.2">
      <c r="B463" s="1"/>
      <c r="C463" s="1"/>
      <c r="D463" s="1"/>
      <c r="E463" s="1"/>
      <c r="F463" s="1"/>
      <c r="G463" s="1"/>
      <c r="H463" s="1"/>
      <c r="I463" s="1"/>
      <c r="J463" s="1"/>
      <c r="K463" s="1"/>
      <c r="L463" s="1"/>
    </row>
    <row r="464" spans="2:12" x14ac:dyDescent="0.2">
      <c r="B464" s="1"/>
      <c r="C464" s="1"/>
      <c r="D464" s="1"/>
      <c r="E464" s="1"/>
      <c r="F464" s="1"/>
      <c r="G464" s="1"/>
      <c r="H464" s="1"/>
      <c r="I464" s="1"/>
      <c r="J464" s="1"/>
      <c r="K464" s="1"/>
      <c r="L464" s="1"/>
    </row>
    <row r="465" spans="2:12" x14ac:dyDescent="0.2">
      <c r="B465" s="1"/>
      <c r="C465" s="1"/>
      <c r="D465" s="1"/>
      <c r="E465" s="1"/>
      <c r="F465" s="1"/>
      <c r="G465" s="1"/>
      <c r="H465" s="1"/>
      <c r="I465" s="1"/>
      <c r="J465" s="1"/>
      <c r="K465" s="1"/>
      <c r="L465" s="1"/>
    </row>
    <row r="466" spans="2:12" x14ac:dyDescent="0.2">
      <c r="B466" s="1"/>
      <c r="C466" s="1"/>
      <c r="D466" s="1"/>
      <c r="E466" s="1"/>
      <c r="F466" s="1"/>
      <c r="G466" s="1"/>
      <c r="H466" s="1"/>
      <c r="I466" s="1"/>
      <c r="J466" s="1"/>
      <c r="K466" s="1"/>
      <c r="L466" s="1"/>
    </row>
    <row r="467" spans="2:12" x14ac:dyDescent="0.2">
      <c r="B467" s="1"/>
      <c r="C467" s="1"/>
      <c r="D467" s="1"/>
      <c r="E467" s="1"/>
      <c r="F467" s="1"/>
      <c r="G467" s="1"/>
      <c r="H467" s="1"/>
      <c r="I467" s="1"/>
      <c r="J467" s="1"/>
      <c r="K467" s="1"/>
      <c r="L467" s="1"/>
    </row>
    <row r="468" spans="2:12" x14ac:dyDescent="0.2">
      <c r="B468" s="1"/>
      <c r="C468" s="1"/>
      <c r="D468" s="1"/>
      <c r="E468" s="1"/>
      <c r="F468" s="1"/>
      <c r="G468" s="1"/>
      <c r="H468" s="1"/>
      <c r="I468" s="1"/>
      <c r="J468" s="1"/>
      <c r="K468" s="1"/>
      <c r="L468" s="1"/>
    </row>
    <row r="469" spans="2:12" x14ac:dyDescent="0.2">
      <c r="B469" s="1"/>
      <c r="C469" s="1"/>
      <c r="D469" s="1"/>
      <c r="E469" s="1"/>
      <c r="F469" s="1"/>
      <c r="G469" s="1"/>
      <c r="H469" s="1"/>
      <c r="I469" s="1"/>
      <c r="J469" s="1"/>
      <c r="K469" s="1"/>
      <c r="L469" s="1"/>
    </row>
    <row r="470" spans="2:12" x14ac:dyDescent="0.2">
      <c r="B470" s="1"/>
      <c r="C470" s="1"/>
      <c r="D470" s="1"/>
      <c r="E470" s="1"/>
      <c r="F470" s="1"/>
      <c r="G470" s="1"/>
      <c r="H470" s="1"/>
      <c r="I470" s="1"/>
      <c r="J470" s="1"/>
      <c r="K470" s="1"/>
      <c r="L470" s="1"/>
    </row>
    <row r="471" spans="2:12" x14ac:dyDescent="0.2">
      <c r="B471" s="1"/>
      <c r="C471" s="1"/>
      <c r="D471" s="1"/>
      <c r="E471" s="1"/>
      <c r="F471" s="1"/>
      <c r="G471" s="1"/>
      <c r="H471" s="1"/>
      <c r="I471" s="1"/>
      <c r="J471" s="1"/>
      <c r="K471" s="1"/>
      <c r="L471" s="1"/>
    </row>
    <row r="472" spans="2:12" x14ac:dyDescent="0.2">
      <c r="B472" s="1"/>
      <c r="C472" s="1"/>
      <c r="D472" s="1"/>
      <c r="E472" s="1"/>
      <c r="F472" s="1"/>
      <c r="G472" s="1"/>
      <c r="H472" s="1"/>
      <c r="I472" s="1"/>
      <c r="J472" s="1"/>
      <c r="K472" s="1"/>
      <c r="L472" s="1"/>
    </row>
    <row r="473" spans="2:12" x14ac:dyDescent="0.2">
      <c r="B473" s="1"/>
      <c r="C473" s="1"/>
      <c r="D473" s="1"/>
      <c r="E473" s="1"/>
      <c r="F473" s="1"/>
      <c r="G473" s="1"/>
      <c r="H473" s="1"/>
      <c r="I473" s="1"/>
      <c r="J473" s="1"/>
      <c r="K473" s="1"/>
      <c r="L473" s="1"/>
    </row>
    <row r="474" spans="2:12" x14ac:dyDescent="0.2">
      <c r="B474" s="1"/>
      <c r="C474" s="1"/>
      <c r="D474" s="1"/>
      <c r="E474" s="1"/>
      <c r="F474" s="1"/>
      <c r="G474" s="1"/>
      <c r="H474" s="1"/>
      <c r="I474" s="1"/>
      <c r="J474" s="1"/>
      <c r="K474" s="1"/>
      <c r="L474" s="1"/>
    </row>
    <row r="475" spans="2:12" x14ac:dyDescent="0.2">
      <c r="B475" s="1"/>
      <c r="C475" s="1"/>
      <c r="D475" s="1"/>
      <c r="E475" s="1"/>
      <c r="F475" s="1"/>
      <c r="G475" s="1"/>
      <c r="H475" s="1"/>
      <c r="I475" s="1"/>
      <c r="J475" s="1"/>
      <c r="K475" s="1"/>
      <c r="L475" s="1"/>
    </row>
    <row r="476" spans="2:12" x14ac:dyDescent="0.2">
      <c r="B476" s="1"/>
      <c r="C476" s="1"/>
      <c r="D476" s="1"/>
      <c r="E476" s="1"/>
      <c r="F476" s="1"/>
      <c r="G476" s="1"/>
      <c r="H476" s="1"/>
      <c r="I476" s="1"/>
      <c r="J476" s="1"/>
      <c r="K476" s="1"/>
      <c r="L476" s="1"/>
    </row>
    <row r="477" spans="2:12" x14ac:dyDescent="0.2">
      <c r="B477" s="1"/>
      <c r="C477" s="1"/>
      <c r="D477" s="1"/>
      <c r="E477" s="1"/>
      <c r="F477" s="1"/>
      <c r="G477" s="1"/>
      <c r="H477" s="1"/>
      <c r="I477" s="1"/>
      <c r="J477" s="1"/>
      <c r="K477" s="1"/>
      <c r="L477" s="1"/>
    </row>
    <row r="478" spans="2:12" x14ac:dyDescent="0.2">
      <c r="B478" s="1"/>
      <c r="C478" s="1"/>
      <c r="D478" s="1"/>
      <c r="E478" s="1"/>
      <c r="F478" s="1"/>
      <c r="G478" s="1"/>
      <c r="H478" s="1"/>
      <c r="I478" s="1"/>
      <c r="J478" s="1"/>
      <c r="K478" s="1"/>
      <c r="L478" s="1"/>
    </row>
    <row r="479" spans="2:12" x14ac:dyDescent="0.2">
      <c r="B479" s="1"/>
      <c r="C479" s="1"/>
      <c r="D479" s="1"/>
      <c r="E479" s="1"/>
      <c r="F479" s="1"/>
      <c r="G479" s="1"/>
      <c r="H479" s="1"/>
      <c r="I479" s="1"/>
      <c r="J479" s="1"/>
      <c r="K479" s="1"/>
      <c r="L479" s="1"/>
    </row>
    <row r="480" spans="2:12" x14ac:dyDescent="0.2">
      <c r="B480" s="1"/>
      <c r="C480" s="1"/>
      <c r="D480" s="1"/>
      <c r="E480" s="1"/>
      <c r="F480" s="1"/>
      <c r="G480" s="1"/>
      <c r="H480" s="1"/>
      <c r="I480" s="1"/>
      <c r="J480" s="1"/>
      <c r="K480" s="1"/>
      <c r="L480" s="1"/>
    </row>
    <row r="481" spans="2:12" x14ac:dyDescent="0.2">
      <c r="B481" s="1"/>
      <c r="C481" s="1"/>
      <c r="D481" s="1"/>
      <c r="E481" s="1"/>
      <c r="F481" s="1"/>
      <c r="G481" s="1"/>
      <c r="H481" s="1"/>
      <c r="I481" s="1"/>
      <c r="J481" s="1"/>
      <c r="K481" s="1"/>
      <c r="L481" s="1"/>
    </row>
    <row r="482" spans="2:12" x14ac:dyDescent="0.2">
      <c r="B482" s="1"/>
      <c r="C482" s="1"/>
      <c r="D482" s="1"/>
      <c r="E482" s="1"/>
      <c r="F482" s="1"/>
      <c r="G482" s="1"/>
      <c r="H482" s="1"/>
      <c r="I482" s="1"/>
      <c r="J482" s="1"/>
      <c r="K482" s="1"/>
      <c r="L482" s="1"/>
    </row>
    <row r="483" spans="2:12" x14ac:dyDescent="0.2">
      <c r="B483" s="1"/>
      <c r="C483" s="1"/>
      <c r="D483" s="1"/>
      <c r="E483" s="1"/>
      <c r="F483" s="1"/>
      <c r="G483" s="1"/>
      <c r="H483" s="1"/>
      <c r="I483" s="1"/>
      <c r="J483" s="1"/>
      <c r="K483" s="1"/>
      <c r="L483" s="1"/>
    </row>
    <row r="484" spans="2:12" x14ac:dyDescent="0.2">
      <c r="B484" s="1"/>
      <c r="C484" s="1"/>
      <c r="D484" s="1"/>
      <c r="E484" s="1"/>
      <c r="F484" s="1"/>
      <c r="G484" s="1"/>
      <c r="H484" s="1"/>
      <c r="I484" s="1"/>
      <c r="J484" s="1"/>
      <c r="K484" s="1"/>
      <c r="L484" s="1"/>
    </row>
    <row r="485" spans="2:12" x14ac:dyDescent="0.2">
      <c r="B485" s="1"/>
      <c r="C485" s="1"/>
      <c r="D485" s="1"/>
      <c r="E485" s="1"/>
      <c r="F485" s="1"/>
      <c r="G485" s="1"/>
      <c r="H485" s="1"/>
      <c r="I485" s="1"/>
      <c r="J485" s="1"/>
      <c r="K485" s="1"/>
      <c r="L485" s="1"/>
    </row>
    <row r="486" spans="2:12" x14ac:dyDescent="0.2">
      <c r="B486" s="1"/>
      <c r="C486" s="1"/>
      <c r="D486" s="1"/>
      <c r="E486" s="1"/>
      <c r="F486" s="1"/>
      <c r="G486" s="1"/>
      <c r="H486" s="1"/>
      <c r="I486" s="1"/>
      <c r="J486" s="1"/>
      <c r="K486" s="1"/>
      <c r="L486" s="1"/>
    </row>
    <row r="487" spans="2:12" x14ac:dyDescent="0.2">
      <c r="B487" s="1"/>
      <c r="C487" s="1"/>
      <c r="D487" s="1"/>
      <c r="E487" s="1"/>
      <c r="F487" s="1"/>
      <c r="G487" s="1"/>
      <c r="H487" s="1"/>
      <c r="I487" s="1"/>
      <c r="J487" s="1"/>
      <c r="K487" s="1"/>
      <c r="L487" s="1"/>
    </row>
    <row r="488" spans="2:12" x14ac:dyDescent="0.2">
      <c r="B488" s="1"/>
      <c r="C488" s="1"/>
      <c r="D488" s="1"/>
      <c r="E488" s="1"/>
      <c r="F488" s="1"/>
      <c r="G488" s="1"/>
      <c r="H488" s="1"/>
      <c r="I488" s="1"/>
      <c r="J488" s="1"/>
      <c r="K488" s="1"/>
      <c r="L488" s="1"/>
    </row>
    <row r="489" spans="2:12" x14ac:dyDescent="0.2">
      <c r="B489" s="1"/>
      <c r="C489" s="1"/>
      <c r="D489" s="1"/>
      <c r="E489" s="1"/>
      <c r="F489" s="1"/>
      <c r="G489" s="1"/>
      <c r="H489" s="1"/>
      <c r="I489" s="1"/>
      <c r="J489" s="1"/>
      <c r="K489" s="1"/>
      <c r="L489" s="1"/>
    </row>
    <row r="490" spans="2:12" x14ac:dyDescent="0.2">
      <c r="B490" s="1"/>
      <c r="C490" s="1"/>
      <c r="D490" s="1"/>
      <c r="E490" s="1"/>
      <c r="F490" s="1"/>
      <c r="G490" s="1"/>
      <c r="H490" s="1"/>
      <c r="I490" s="1"/>
      <c r="J490" s="1"/>
      <c r="K490" s="1"/>
      <c r="L490" s="1"/>
    </row>
    <row r="491" spans="2:12" x14ac:dyDescent="0.2">
      <c r="B491" s="1"/>
      <c r="C491" s="1"/>
      <c r="D491" s="1"/>
      <c r="E491" s="1"/>
      <c r="F491" s="1"/>
      <c r="G491" s="1"/>
      <c r="H491" s="1"/>
      <c r="I491" s="1"/>
      <c r="J491" s="1"/>
      <c r="K491" s="1"/>
      <c r="L491" s="1"/>
    </row>
    <row r="492" spans="2:12" x14ac:dyDescent="0.2">
      <c r="B492" s="1"/>
      <c r="C492" s="1"/>
      <c r="D492" s="1"/>
      <c r="E492" s="1"/>
      <c r="F492" s="1"/>
      <c r="G492" s="1"/>
      <c r="H492" s="1"/>
      <c r="I492" s="1"/>
      <c r="J492" s="1"/>
      <c r="K492" s="1"/>
      <c r="L492" s="1"/>
    </row>
    <row r="493" spans="2:12" x14ac:dyDescent="0.2">
      <c r="B493" s="1"/>
      <c r="C493" s="1"/>
      <c r="D493" s="1"/>
      <c r="E493" s="1"/>
      <c r="F493" s="1"/>
      <c r="G493" s="1"/>
      <c r="H493" s="1"/>
      <c r="I493" s="1"/>
      <c r="J493" s="1"/>
      <c r="K493" s="1"/>
      <c r="L493" s="1"/>
    </row>
    <row r="494" spans="2:12" x14ac:dyDescent="0.2">
      <c r="B494" s="1"/>
      <c r="C494" s="1"/>
      <c r="D494" s="1"/>
      <c r="E494" s="1"/>
      <c r="F494" s="1"/>
      <c r="G494" s="1"/>
      <c r="H494" s="1"/>
      <c r="I494" s="1"/>
      <c r="J494" s="1"/>
      <c r="K494" s="1"/>
      <c r="L494" s="1"/>
    </row>
    <row r="495" spans="2:12" x14ac:dyDescent="0.2">
      <c r="B495" s="1"/>
      <c r="C495" s="1"/>
      <c r="D495" s="1"/>
      <c r="E495" s="1"/>
      <c r="F495" s="1"/>
      <c r="G495" s="1"/>
      <c r="H495" s="1"/>
      <c r="I495" s="1"/>
      <c r="J495" s="1"/>
      <c r="K495" s="1"/>
      <c r="L495" s="1"/>
    </row>
    <row r="496" spans="2:12" x14ac:dyDescent="0.2">
      <c r="B496" s="1"/>
      <c r="C496" s="1"/>
      <c r="D496" s="1"/>
      <c r="E496" s="1"/>
      <c r="F496" s="1"/>
      <c r="G496" s="1"/>
      <c r="H496" s="1"/>
      <c r="I496" s="1"/>
      <c r="J496" s="1"/>
      <c r="K496" s="1"/>
      <c r="L496" s="1"/>
    </row>
    <row r="497" spans="2:12" x14ac:dyDescent="0.2">
      <c r="B497" s="1"/>
      <c r="C497" s="1"/>
      <c r="D497" s="1"/>
      <c r="E497" s="1"/>
      <c r="F497" s="1"/>
      <c r="G497" s="1"/>
      <c r="H497" s="1"/>
      <c r="I497" s="1"/>
      <c r="J497" s="1"/>
      <c r="K497" s="1"/>
      <c r="L497" s="1"/>
    </row>
    <row r="498" spans="2:12" x14ac:dyDescent="0.2">
      <c r="B498" s="1"/>
      <c r="C498" s="1"/>
      <c r="D498" s="1"/>
      <c r="E498" s="1"/>
      <c r="F498" s="1"/>
      <c r="G498" s="1"/>
      <c r="H498" s="1"/>
      <c r="I498" s="1"/>
      <c r="J498" s="1"/>
      <c r="K498" s="1"/>
      <c r="L498" s="1"/>
    </row>
    <row r="499" spans="2:12" x14ac:dyDescent="0.2">
      <c r="B499" s="1"/>
      <c r="C499" s="1"/>
      <c r="D499" s="1"/>
      <c r="E499" s="1"/>
      <c r="F499" s="1"/>
      <c r="G499" s="1"/>
      <c r="H499" s="1"/>
      <c r="I499" s="1"/>
      <c r="J499" s="1"/>
      <c r="K499" s="1"/>
      <c r="L499" s="1"/>
    </row>
    <row r="500" spans="2:12" x14ac:dyDescent="0.2">
      <c r="B500" s="1"/>
      <c r="C500" s="1"/>
      <c r="D500" s="1"/>
      <c r="E500" s="1"/>
      <c r="F500" s="1"/>
      <c r="G500" s="1"/>
      <c r="H500" s="1"/>
      <c r="I500" s="1"/>
      <c r="J500" s="1"/>
      <c r="K500" s="1"/>
      <c r="L500" s="1"/>
    </row>
    <row r="501" spans="2:12" x14ac:dyDescent="0.2">
      <c r="B501" s="1"/>
      <c r="C501" s="1"/>
      <c r="D501" s="1"/>
      <c r="E501" s="1"/>
      <c r="F501" s="1"/>
      <c r="G501" s="1"/>
      <c r="H501" s="1"/>
      <c r="I501" s="1"/>
      <c r="J501" s="1"/>
      <c r="K501" s="1"/>
      <c r="L501" s="1"/>
    </row>
    <row r="502" spans="2:12" x14ac:dyDescent="0.2">
      <c r="B502" s="1"/>
      <c r="C502" s="1"/>
      <c r="D502" s="1"/>
      <c r="E502" s="1"/>
      <c r="F502" s="1"/>
      <c r="G502" s="1"/>
      <c r="H502" s="1"/>
      <c r="I502" s="1"/>
      <c r="J502" s="1"/>
      <c r="K502" s="1"/>
      <c r="L502" s="1"/>
    </row>
    <row r="503" spans="2:12" x14ac:dyDescent="0.2">
      <c r="B503" s="1"/>
      <c r="C503" s="1"/>
      <c r="D503" s="1"/>
      <c r="E503" s="1"/>
      <c r="F503" s="1"/>
      <c r="G503" s="1"/>
      <c r="H503" s="1"/>
      <c r="I503" s="1"/>
      <c r="J503" s="1"/>
      <c r="K503" s="1"/>
      <c r="L503" s="1"/>
    </row>
    <row r="504" spans="2:12" x14ac:dyDescent="0.2">
      <c r="B504" s="1"/>
      <c r="C504" s="1"/>
      <c r="D504" s="1"/>
      <c r="E504" s="1"/>
      <c r="F504" s="1"/>
      <c r="G504" s="1"/>
      <c r="H504" s="1"/>
      <c r="I504" s="1"/>
      <c r="J504" s="1"/>
      <c r="K504" s="1"/>
      <c r="L504" s="1"/>
    </row>
    <row r="505" spans="2:12" x14ac:dyDescent="0.2">
      <c r="B505" s="1"/>
      <c r="C505" s="1"/>
      <c r="D505" s="1"/>
      <c r="E505" s="1"/>
      <c r="F505" s="1"/>
      <c r="G505" s="1"/>
      <c r="H505" s="1"/>
      <c r="I505" s="1"/>
      <c r="J505" s="1"/>
      <c r="K505" s="1"/>
      <c r="L505" s="1"/>
    </row>
    <row r="506" spans="2:12" x14ac:dyDescent="0.2">
      <c r="B506" s="1"/>
      <c r="C506" s="1"/>
      <c r="D506" s="1"/>
      <c r="E506" s="1"/>
      <c r="F506" s="1"/>
      <c r="G506" s="1"/>
      <c r="H506" s="1"/>
      <c r="I506" s="1"/>
      <c r="J506" s="1"/>
      <c r="K506" s="1"/>
      <c r="L506" s="1"/>
    </row>
    <row r="507" spans="2:12" x14ac:dyDescent="0.2">
      <c r="B507" s="1"/>
      <c r="C507" s="1"/>
      <c r="D507" s="1"/>
      <c r="E507" s="1"/>
      <c r="F507" s="1"/>
      <c r="G507" s="1"/>
      <c r="H507" s="1"/>
      <c r="I507" s="1"/>
      <c r="J507" s="1"/>
      <c r="K507" s="1"/>
      <c r="L507" s="1"/>
    </row>
    <row r="508" spans="2:12" x14ac:dyDescent="0.2">
      <c r="B508" s="1"/>
      <c r="C508" s="1"/>
      <c r="D508" s="1"/>
      <c r="E508" s="1"/>
      <c r="F508" s="1"/>
      <c r="G508" s="1"/>
      <c r="H508" s="1"/>
      <c r="I508" s="1"/>
      <c r="J508" s="1"/>
      <c r="K508" s="1"/>
      <c r="L508" s="1"/>
    </row>
    <row r="509" spans="2:12" x14ac:dyDescent="0.2">
      <c r="B509" s="1"/>
      <c r="C509" s="1"/>
      <c r="D509" s="1"/>
      <c r="E509" s="1"/>
      <c r="F509" s="1"/>
      <c r="G509" s="1"/>
      <c r="H509" s="1"/>
      <c r="I509" s="1"/>
      <c r="J509" s="1"/>
      <c r="K509" s="1"/>
      <c r="L509" s="1"/>
    </row>
    <row r="510" spans="2:12" x14ac:dyDescent="0.2">
      <c r="B510" s="1"/>
      <c r="C510" s="1"/>
      <c r="D510" s="1"/>
      <c r="E510" s="1"/>
      <c r="F510" s="1"/>
      <c r="G510" s="1"/>
      <c r="H510" s="1"/>
      <c r="I510" s="1"/>
      <c r="J510" s="1"/>
      <c r="K510" s="1"/>
      <c r="L510" s="1"/>
    </row>
    <row r="511" spans="2:12" x14ac:dyDescent="0.2">
      <c r="B511" s="1"/>
      <c r="C511" s="1"/>
      <c r="D511" s="1"/>
      <c r="E511" s="1"/>
      <c r="F511" s="1"/>
      <c r="G511" s="1"/>
      <c r="H511" s="1"/>
      <c r="I511" s="1"/>
      <c r="J511" s="1"/>
      <c r="K511" s="1"/>
      <c r="L511" s="1"/>
    </row>
    <row r="512" spans="2:12" x14ac:dyDescent="0.2">
      <c r="B512" s="1"/>
      <c r="C512" s="1"/>
      <c r="D512" s="1"/>
      <c r="E512" s="1"/>
      <c r="F512" s="1"/>
      <c r="G512" s="1"/>
      <c r="H512" s="1"/>
      <c r="I512" s="1"/>
      <c r="J512" s="1"/>
      <c r="K512" s="1"/>
      <c r="L512" s="1"/>
    </row>
    <row r="513" spans="2:12" x14ac:dyDescent="0.2">
      <c r="B513" s="1"/>
      <c r="C513" s="1"/>
      <c r="D513" s="1"/>
      <c r="E513" s="1"/>
      <c r="F513" s="1"/>
      <c r="G513" s="1"/>
      <c r="H513" s="1"/>
      <c r="I513" s="1"/>
      <c r="J513" s="1"/>
      <c r="K513" s="1"/>
      <c r="L513" s="1"/>
    </row>
    <row r="514" spans="2:12" x14ac:dyDescent="0.2">
      <c r="B514" s="1"/>
      <c r="C514" s="1"/>
      <c r="D514" s="1"/>
      <c r="E514" s="1"/>
      <c r="F514" s="1"/>
      <c r="G514" s="1"/>
      <c r="H514" s="1"/>
      <c r="I514" s="1"/>
      <c r="J514" s="1"/>
      <c r="K514" s="1"/>
      <c r="L514" s="1"/>
    </row>
    <row r="515" spans="2:12" x14ac:dyDescent="0.2">
      <c r="B515" s="1"/>
      <c r="C515" s="1"/>
      <c r="D515" s="1"/>
      <c r="E515" s="1"/>
      <c r="F515" s="1"/>
      <c r="G515" s="1"/>
      <c r="H515" s="1"/>
      <c r="I515" s="1"/>
      <c r="J515" s="1"/>
      <c r="K515" s="1"/>
      <c r="L515" s="1"/>
    </row>
    <row r="516" spans="2:12" x14ac:dyDescent="0.2">
      <c r="B516" s="1"/>
      <c r="C516" s="1"/>
      <c r="D516" s="1"/>
      <c r="E516" s="1"/>
      <c r="F516" s="1"/>
      <c r="G516" s="1"/>
      <c r="H516" s="1"/>
      <c r="I516" s="1"/>
      <c r="J516" s="1"/>
      <c r="K516" s="1"/>
      <c r="L516" s="1"/>
    </row>
    <row r="517" spans="2:12" x14ac:dyDescent="0.2">
      <c r="B517" s="1"/>
      <c r="C517" s="1"/>
      <c r="D517" s="1"/>
      <c r="E517" s="1"/>
      <c r="F517" s="1"/>
      <c r="G517" s="1"/>
      <c r="H517" s="1"/>
      <c r="I517" s="1"/>
      <c r="J517" s="1"/>
      <c r="K517" s="1"/>
      <c r="L517" s="1"/>
    </row>
    <row r="518" spans="2:12" x14ac:dyDescent="0.2">
      <c r="B518" s="1"/>
      <c r="C518" s="1"/>
      <c r="D518" s="1"/>
      <c r="E518" s="1"/>
      <c r="F518" s="1"/>
      <c r="G518" s="1"/>
      <c r="H518" s="1"/>
      <c r="I518" s="1"/>
      <c r="J518" s="1"/>
      <c r="K518" s="1"/>
      <c r="L518" s="1"/>
    </row>
    <row r="519" spans="2:12" x14ac:dyDescent="0.2">
      <c r="B519" s="1"/>
      <c r="C519" s="1"/>
      <c r="D519" s="1"/>
      <c r="E519" s="1"/>
      <c r="F519" s="1"/>
      <c r="G519" s="1"/>
      <c r="H519" s="1"/>
      <c r="I519" s="1"/>
      <c r="J519" s="1"/>
      <c r="K519" s="1"/>
      <c r="L519" s="1"/>
    </row>
    <row r="520" spans="2:12" x14ac:dyDescent="0.2">
      <c r="B520" s="1"/>
      <c r="C520" s="1"/>
      <c r="D520" s="1"/>
      <c r="E520" s="1"/>
      <c r="F520" s="1"/>
      <c r="G520" s="1"/>
      <c r="H520" s="1"/>
      <c r="I520" s="1"/>
      <c r="J520" s="1"/>
      <c r="K520" s="1"/>
      <c r="L520" s="1"/>
    </row>
    <row r="521" spans="2:12" x14ac:dyDescent="0.2">
      <c r="B521" s="1"/>
      <c r="C521" s="1"/>
      <c r="D521" s="1"/>
      <c r="E521" s="1"/>
      <c r="F521" s="1"/>
      <c r="G521" s="1"/>
      <c r="H521" s="1"/>
      <c r="I521" s="1"/>
      <c r="J521" s="1"/>
      <c r="K521" s="1"/>
      <c r="L521" s="1"/>
    </row>
    <row r="522" spans="2:12" x14ac:dyDescent="0.2">
      <c r="B522" s="1"/>
      <c r="C522" s="1"/>
      <c r="D522" s="1"/>
      <c r="E522" s="1"/>
      <c r="F522" s="1"/>
      <c r="G522" s="1"/>
      <c r="H522" s="1"/>
      <c r="I522" s="1"/>
      <c r="J522" s="1"/>
      <c r="K522" s="1"/>
      <c r="L522" s="1"/>
    </row>
    <row r="523" spans="2:12" x14ac:dyDescent="0.2">
      <c r="B523" s="1"/>
      <c r="C523" s="1"/>
      <c r="D523" s="1"/>
      <c r="E523" s="1"/>
      <c r="F523" s="1"/>
      <c r="G523" s="1"/>
      <c r="H523" s="1"/>
      <c r="I523" s="1"/>
      <c r="J523" s="1"/>
      <c r="K523" s="1"/>
      <c r="L523" s="1"/>
    </row>
    <row r="524" spans="2:12" x14ac:dyDescent="0.2">
      <c r="B524" s="1"/>
      <c r="C524" s="1"/>
      <c r="D524" s="1"/>
      <c r="E524" s="1"/>
      <c r="F524" s="1"/>
      <c r="G524" s="1"/>
      <c r="H524" s="1"/>
      <c r="I524" s="1"/>
      <c r="J524" s="1"/>
      <c r="K524" s="1"/>
      <c r="L524" s="1"/>
    </row>
    <row r="525" spans="2:12" x14ac:dyDescent="0.2">
      <c r="B525" s="1"/>
      <c r="C525" s="1"/>
      <c r="D525" s="1"/>
      <c r="E525" s="1"/>
      <c r="F525" s="1"/>
      <c r="G525" s="1"/>
      <c r="H525" s="1"/>
      <c r="I525" s="1"/>
      <c r="J525" s="1"/>
      <c r="K525" s="1"/>
      <c r="L525" s="1"/>
    </row>
    <row r="526" spans="2:12" x14ac:dyDescent="0.2">
      <c r="B526" s="1"/>
      <c r="C526" s="1"/>
      <c r="D526" s="1"/>
      <c r="E526" s="1"/>
      <c r="F526" s="1"/>
      <c r="G526" s="1"/>
      <c r="H526" s="1"/>
      <c r="I526" s="1"/>
      <c r="J526" s="1"/>
      <c r="K526" s="1"/>
      <c r="L526" s="1"/>
    </row>
    <row r="527" spans="2:12" x14ac:dyDescent="0.2">
      <c r="B527" s="1"/>
      <c r="C527" s="1"/>
      <c r="D527" s="1"/>
      <c r="E527" s="1"/>
      <c r="F527" s="1"/>
      <c r="G527" s="1"/>
      <c r="H527" s="1"/>
      <c r="I527" s="1"/>
      <c r="J527" s="1"/>
      <c r="K527" s="1"/>
      <c r="L527" s="1"/>
    </row>
    <row r="528" spans="2:12" x14ac:dyDescent="0.2">
      <c r="B528" s="1"/>
      <c r="C528" s="1"/>
      <c r="D528" s="1"/>
      <c r="E528" s="1"/>
      <c r="F528" s="1"/>
      <c r="G528" s="1"/>
      <c r="H528" s="1"/>
      <c r="I528" s="1"/>
      <c r="J528" s="1"/>
      <c r="K528" s="1"/>
      <c r="L528" s="1"/>
    </row>
    <row r="529" spans="2:12" x14ac:dyDescent="0.2">
      <c r="B529" s="1"/>
      <c r="C529" s="1"/>
      <c r="D529" s="1"/>
      <c r="E529" s="1"/>
      <c r="F529" s="1"/>
      <c r="G529" s="1"/>
      <c r="H529" s="1"/>
      <c r="I529" s="1"/>
      <c r="J529" s="1"/>
      <c r="K529" s="1"/>
      <c r="L529" s="1"/>
    </row>
    <row r="530" spans="2:12" x14ac:dyDescent="0.2">
      <c r="B530" s="1"/>
      <c r="C530" s="1"/>
      <c r="D530" s="1"/>
      <c r="E530" s="1"/>
      <c r="F530" s="1"/>
      <c r="G530" s="1"/>
      <c r="H530" s="1"/>
      <c r="I530" s="1"/>
      <c r="J530" s="1"/>
      <c r="K530" s="1"/>
      <c r="L530" s="1"/>
    </row>
    <row r="531" spans="2:12" x14ac:dyDescent="0.2">
      <c r="B531" s="1"/>
      <c r="C531" s="1"/>
      <c r="D531" s="1"/>
      <c r="E531" s="1"/>
      <c r="F531" s="1"/>
      <c r="G531" s="1"/>
      <c r="H531" s="1"/>
      <c r="I531" s="1"/>
      <c r="J531" s="1"/>
      <c r="K531" s="1"/>
      <c r="L531" s="1"/>
    </row>
    <row r="532" spans="2:12" x14ac:dyDescent="0.2">
      <c r="B532" s="1"/>
      <c r="C532" s="1"/>
      <c r="D532" s="1"/>
      <c r="E532" s="1"/>
      <c r="F532" s="1"/>
      <c r="G532" s="1"/>
      <c r="H532" s="1"/>
      <c r="I532" s="1"/>
      <c r="J532" s="1"/>
      <c r="K532" s="1"/>
      <c r="L532" s="1"/>
    </row>
    <row r="533" spans="2:12" x14ac:dyDescent="0.2">
      <c r="B533" s="1"/>
      <c r="C533" s="1"/>
      <c r="D533" s="1"/>
      <c r="E533" s="1"/>
      <c r="F533" s="1"/>
      <c r="G533" s="1"/>
      <c r="H533" s="1"/>
      <c r="I533" s="1"/>
      <c r="J533" s="1"/>
      <c r="K533" s="1"/>
      <c r="L533" s="1"/>
    </row>
    <row r="534" spans="2:12" x14ac:dyDescent="0.2">
      <c r="B534" s="1"/>
      <c r="C534" s="1"/>
      <c r="D534" s="1"/>
      <c r="E534" s="1"/>
      <c r="F534" s="1"/>
      <c r="G534" s="1"/>
      <c r="H534" s="1"/>
      <c r="I534" s="1"/>
      <c r="J534" s="1"/>
      <c r="K534" s="1"/>
      <c r="L534" s="1"/>
    </row>
    <row r="535" spans="2:12" x14ac:dyDescent="0.2">
      <c r="B535" s="1"/>
      <c r="C535" s="1"/>
      <c r="D535" s="1"/>
      <c r="E535" s="1"/>
      <c r="F535" s="1"/>
      <c r="G535" s="1"/>
      <c r="H535" s="1"/>
      <c r="I535" s="1"/>
      <c r="J535" s="1"/>
      <c r="K535" s="1"/>
      <c r="L535" s="1"/>
    </row>
    <row r="536" spans="2:12" x14ac:dyDescent="0.2">
      <c r="B536" s="1"/>
      <c r="C536" s="1"/>
      <c r="D536" s="1"/>
      <c r="E536" s="1"/>
      <c r="F536" s="1"/>
      <c r="G536" s="1"/>
      <c r="H536" s="1"/>
      <c r="I536" s="1"/>
      <c r="J536" s="1"/>
      <c r="K536" s="1"/>
      <c r="L536" s="1"/>
    </row>
    <row r="537" spans="2:12" x14ac:dyDescent="0.2">
      <c r="B537" s="1"/>
      <c r="C537" s="1"/>
      <c r="D537" s="1"/>
      <c r="E537" s="1"/>
      <c r="F537" s="1"/>
      <c r="G537" s="1"/>
      <c r="H537" s="1"/>
      <c r="I537" s="1"/>
      <c r="J537" s="1"/>
      <c r="K537" s="1"/>
      <c r="L537" s="1"/>
    </row>
    <row r="538" spans="2:12" x14ac:dyDescent="0.2">
      <c r="B538" s="1"/>
      <c r="C538" s="1"/>
      <c r="D538" s="1"/>
      <c r="E538" s="1"/>
      <c r="F538" s="1"/>
      <c r="G538" s="1"/>
      <c r="H538" s="1"/>
      <c r="I538" s="1"/>
      <c r="J538" s="1"/>
      <c r="K538" s="1"/>
      <c r="L538" s="1"/>
    </row>
    <row r="539" spans="2:12" x14ac:dyDescent="0.2">
      <c r="B539" s="1"/>
      <c r="C539" s="1"/>
      <c r="D539" s="1"/>
      <c r="E539" s="1"/>
      <c r="F539" s="1"/>
      <c r="G539" s="1"/>
      <c r="H539" s="1"/>
      <c r="I539" s="1"/>
      <c r="J539" s="1"/>
      <c r="K539" s="1"/>
      <c r="L539" s="1"/>
    </row>
    <row r="540" spans="2:12" x14ac:dyDescent="0.2">
      <c r="B540" s="1"/>
      <c r="C540" s="1"/>
      <c r="D540" s="1"/>
      <c r="E540" s="1"/>
      <c r="F540" s="1"/>
      <c r="G540" s="1"/>
      <c r="H540" s="1"/>
      <c r="I540" s="1"/>
      <c r="J540" s="1"/>
      <c r="K540" s="1"/>
      <c r="L540" s="1"/>
    </row>
    <row r="541" spans="2:12" x14ac:dyDescent="0.2">
      <c r="B541" s="1"/>
      <c r="C541" s="1"/>
      <c r="D541" s="1"/>
      <c r="E541" s="1"/>
      <c r="F541" s="1"/>
      <c r="G541" s="1"/>
      <c r="H541" s="1"/>
      <c r="I541" s="1"/>
      <c r="J541" s="1"/>
      <c r="K541" s="1"/>
      <c r="L541" s="1"/>
    </row>
    <row r="542" spans="2:12" x14ac:dyDescent="0.2">
      <c r="B542" s="1"/>
      <c r="C542" s="1"/>
      <c r="D542" s="1"/>
      <c r="E542" s="1"/>
      <c r="F542" s="1"/>
      <c r="G542" s="1"/>
      <c r="H542" s="1"/>
      <c r="I542" s="1"/>
      <c r="J542" s="1"/>
      <c r="K542" s="1"/>
      <c r="L542" s="1"/>
    </row>
    <row r="543" spans="2:12" x14ac:dyDescent="0.2">
      <c r="B543" s="1"/>
      <c r="C543" s="1"/>
      <c r="D543" s="1"/>
      <c r="E543" s="1"/>
      <c r="F543" s="1"/>
      <c r="G543" s="1"/>
      <c r="H543" s="1"/>
      <c r="I543" s="1"/>
      <c r="J543" s="1"/>
      <c r="K543" s="1"/>
      <c r="L543" s="1"/>
    </row>
    <row r="544" spans="2:12" x14ac:dyDescent="0.2">
      <c r="B544" s="1"/>
      <c r="C544" s="1"/>
      <c r="D544" s="1"/>
      <c r="E544" s="1"/>
      <c r="F544" s="1"/>
      <c r="G544" s="1"/>
      <c r="H544" s="1"/>
      <c r="I544" s="1"/>
      <c r="J544" s="1"/>
      <c r="K544" s="1"/>
      <c r="L544" s="1"/>
    </row>
    <row r="545" spans="2:12" x14ac:dyDescent="0.2">
      <c r="B545" s="1"/>
      <c r="C545" s="1"/>
      <c r="D545" s="1"/>
      <c r="E545" s="1"/>
      <c r="F545" s="1"/>
      <c r="G545" s="1"/>
      <c r="H545" s="1"/>
      <c r="I545" s="1"/>
      <c r="J545" s="1"/>
      <c r="K545" s="1"/>
      <c r="L545" s="1"/>
    </row>
    <row r="546" spans="2:12" x14ac:dyDescent="0.2">
      <c r="B546" s="1"/>
      <c r="C546" s="1"/>
      <c r="D546" s="1"/>
      <c r="E546" s="1"/>
      <c r="F546" s="1"/>
      <c r="G546" s="1"/>
      <c r="H546" s="1"/>
      <c r="I546" s="1"/>
      <c r="J546" s="1"/>
      <c r="K546" s="1"/>
      <c r="L546" s="1"/>
    </row>
    <row r="547" spans="2:12" x14ac:dyDescent="0.2">
      <c r="B547" s="1"/>
      <c r="C547" s="1"/>
      <c r="D547" s="1"/>
      <c r="E547" s="1"/>
      <c r="F547" s="1"/>
      <c r="G547" s="1"/>
      <c r="H547" s="1"/>
      <c r="I547" s="1"/>
      <c r="J547" s="1"/>
      <c r="K547" s="1"/>
      <c r="L547" s="1"/>
    </row>
    <row r="548" spans="2:12" x14ac:dyDescent="0.2">
      <c r="B548" s="1"/>
      <c r="C548" s="1"/>
      <c r="D548" s="1"/>
      <c r="E548" s="1"/>
      <c r="F548" s="1"/>
      <c r="G548" s="1"/>
      <c r="H548" s="1"/>
      <c r="I548" s="1"/>
      <c r="J548" s="1"/>
      <c r="K548" s="1"/>
      <c r="L548" s="1"/>
    </row>
    <row r="549" spans="2:12" x14ac:dyDescent="0.2">
      <c r="B549" s="1"/>
      <c r="C549" s="1"/>
      <c r="D549" s="1"/>
      <c r="E549" s="1"/>
      <c r="F549" s="1"/>
      <c r="G549" s="1"/>
      <c r="H549" s="1"/>
      <c r="I549" s="1"/>
      <c r="J549" s="1"/>
      <c r="K549" s="1"/>
      <c r="L549" s="1"/>
    </row>
    <row r="550" spans="2:12" x14ac:dyDescent="0.2">
      <c r="B550" s="1"/>
      <c r="C550" s="1"/>
      <c r="D550" s="1"/>
      <c r="E550" s="1"/>
      <c r="F550" s="1"/>
      <c r="G550" s="1"/>
      <c r="H550" s="1"/>
      <c r="I550" s="1"/>
      <c r="J550" s="1"/>
      <c r="K550" s="1"/>
      <c r="L550" s="1"/>
    </row>
    <row r="551" spans="2:12" x14ac:dyDescent="0.2">
      <c r="B551" s="1"/>
      <c r="C551" s="1"/>
      <c r="D551" s="1"/>
      <c r="E551" s="1"/>
      <c r="F551" s="1"/>
      <c r="G551" s="1"/>
      <c r="H551" s="1"/>
      <c r="I551" s="1"/>
      <c r="J551" s="1"/>
      <c r="K551" s="1"/>
      <c r="L551" s="1"/>
    </row>
    <row r="552" spans="2:12" x14ac:dyDescent="0.2">
      <c r="B552" s="1"/>
      <c r="C552" s="1"/>
      <c r="D552" s="1"/>
      <c r="E552" s="1"/>
      <c r="F552" s="1"/>
      <c r="G552" s="1"/>
      <c r="H552" s="1"/>
      <c r="I552" s="1"/>
      <c r="J552" s="1"/>
      <c r="K552" s="1"/>
      <c r="L552" s="1"/>
    </row>
    <row r="553" spans="2:12" x14ac:dyDescent="0.2">
      <c r="B553" s="1"/>
      <c r="C553" s="1"/>
      <c r="D553" s="1"/>
      <c r="E553" s="1"/>
      <c r="F553" s="1"/>
      <c r="G553" s="1"/>
      <c r="H553" s="1"/>
      <c r="I553" s="1"/>
      <c r="J553" s="1"/>
      <c r="K553" s="1"/>
      <c r="L553" s="1"/>
    </row>
    <row r="554" spans="2:12" x14ac:dyDescent="0.2">
      <c r="B554" s="1"/>
      <c r="C554" s="1"/>
      <c r="D554" s="1"/>
      <c r="E554" s="1"/>
      <c r="F554" s="1"/>
      <c r="G554" s="1"/>
      <c r="H554" s="1"/>
      <c r="I554" s="1"/>
      <c r="J554" s="1"/>
      <c r="K554" s="1"/>
      <c r="L554" s="1"/>
    </row>
    <row r="555" spans="2:12" x14ac:dyDescent="0.2">
      <c r="B555" s="1"/>
      <c r="C555" s="1"/>
      <c r="D555" s="1"/>
      <c r="E555" s="1"/>
      <c r="F555" s="1"/>
      <c r="G555" s="1"/>
      <c r="H555" s="1"/>
      <c r="I555" s="1"/>
      <c r="J555" s="1"/>
      <c r="K555" s="1"/>
      <c r="L555" s="1"/>
    </row>
    <row r="556" spans="2:12" x14ac:dyDescent="0.2">
      <c r="B556" s="1"/>
      <c r="C556" s="1"/>
      <c r="D556" s="1"/>
      <c r="E556" s="1"/>
      <c r="F556" s="1"/>
      <c r="G556" s="1"/>
      <c r="H556" s="1"/>
      <c r="I556" s="1"/>
      <c r="J556" s="1"/>
      <c r="K556" s="1"/>
      <c r="L556" s="1"/>
    </row>
    <row r="557" spans="2:12" x14ac:dyDescent="0.2">
      <c r="B557" s="1"/>
      <c r="C557" s="1"/>
      <c r="D557" s="1"/>
      <c r="E557" s="1"/>
      <c r="F557" s="1"/>
      <c r="G557" s="1"/>
      <c r="H557" s="1"/>
      <c r="I557" s="1"/>
      <c r="J557" s="1"/>
      <c r="K557" s="1"/>
      <c r="L557" s="1"/>
    </row>
    <row r="558" spans="2:12" x14ac:dyDescent="0.2">
      <c r="B558" s="1"/>
      <c r="C558" s="1"/>
      <c r="D558" s="1"/>
      <c r="E558" s="1"/>
      <c r="F558" s="1"/>
      <c r="G558" s="1"/>
      <c r="H558" s="1"/>
      <c r="I558" s="1"/>
      <c r="J558" s="1"/>
      <c r="K558" s="1"/>
      <c r="L558" s="1"/>
    </row>
    <row r="559" spans="2:12" x14ac:dyDescent="0.2">
      <c r="B559" s="1"/>
      <c r="C559" s="1"/>
      <c r="D559" s="1"/>
      <c r="E559" s="1"/>
      <c r="F559" s="1"/>
      <c r="G559" s="1"/>
      <c r="H559" s="1"/>
      <c r="I559" s="1"/>
      <c r="J559" s="1"/>
      <c r="K559" s="1"/>
      <c r="L559" s="1"/>
    </row>
    <row r="560" spans="2:12" x14ac:dyDescent="0.2">
      <c r="B560" s="1"/>
      <c r="C560" s="1"/>
      <c r="D560" s="1"/>
      <c r="E560" s="1"/>
      <c r="F560" s="1"/>
      <c r="G560" s="1"/>
      <c r="H560" s="1"/>
      <c r="I560" s="1"/>
      <c r="J560" s="1"/>
      <c r="K560" s="1"/>
      <c r="L560" s="1"/>
    </row>
    <row r="561" spans="2:14" x14ac:dyDescent="0.2">
      <c r="B561" s="1"/>
      <c r="C561" s="1"/>
      <c r="D561" s="1"/>
      <c r="E561" s="1"/>
      <c r="F561" s="1"/>
      <c r="G561" s="1"/>
      <c r="H561" s="1"/>
      <c r="I561" s="1"/>
      <c r="J561" s="1"/>
      <c r="K561" s="1"/>
      <c r="L561" s="1"/>
    </row>
    <row r="562" spans="2:14" x14ac:dyDescent="0.2">
      <c r="B562" s="1"/>
      <c r="C562" s="1"/>
      <c r="D562" s="1"/>
      <c r="E562" s="1"/>
      <c r="F562" s="1"/>
      <c r="G562" s="1"/>
      <c r="H562" s="1"/>
      <c r="I562" s="1"/>
      <c r="J562" s="1"/>
      <c r="K562" s="1"/>
      <c r="L562" s="1"/>
    </row>
    <row r="563" spans="2:14" x14ac:dyDescent="0.2">
      <c r="B563" s="1"/>
      <c r="C563" s="1"/>
      <c r="D563" s="1"/>
      <c r="E563" s="1"/>
      <c r="F563" s="1"/>
      <c r="G563" s="1"/>
      <c r="H563" s="1"/>
      <c r="I563" s="1"/>
      <c r="J563" s="1"/>
      <c r="K563" s="1"/>
      <c r="L563" s="1"/>
    </row>
    <row r="564" spans="2:14" x14ac:dyDescent="0.2">
      <c r="B564" s="1"/>
      <c r="C564" s="1"/>
      <c r="D564" s="1"/>
      <c r="E564" s="1"/>
      <c r="F564" s="1"/>
      <c r="G564" s="1"/>
      <c r="H564" s="1"/>
      <c r="I564" s="1"/>
      <c r="J564" s="1"/>
      <c r="K564" s="1"/>
      <c r="L564" s="1"/>
    </row>
    <row r="565" spans="2:14" x14ac:dyDescent="0.2">
      <c r="B565" s="1"/>
      <c r="C565" s="1"/>
      <c r="D565" s="1"/>
      <c r="E565" s="1"/>
      <c r="F565" s="1"/>
      <c r="G565" s="1"/>
      <c r="H565" s="1"/>
      <c r="I565" s="1"/>
      <c r="J565" s="1"/>
      <c r="K565" s="1"/>
      <c r="L565" s="1"/>
    </row>
    <row r="566" spans="2:14" x14ac:dyDescent="0.2">
      <c r="B566" s="1"/>
      <c r="C566" s="1"/>
      <c r="D566" s="1"/>
      <c r="E566" s="1"/>
      <c r="F566" s="1"/>
      <c r="G566" s="1"/>
      <c r="H566" s="1"/>
      <c r="I566" s="1"/>
      <c r="J566" s="1"/>
      <c r="K566" s="1"/>
      <c r="L566" s="1"/>
    </row>
    <row r="567" spans="2:14" x14ac:dyDescent="0.2">
      <c r="B567" s="1"/>
      <c r="C567" s="1"/>
      <c r="D567" s="1"/>
      <c r="E567" s="1"/>
      <c r="F567" s="1"/>
      <c r="G567" s="1"/>
      <c r="H567" s="1"/>
      <c r="I567" s="1"/>
      <c r="J567" s="1"/>
      <c r="K567" s="1"/>
      <c r="L567" s="1"/>
    </row>
    <row r="568" spans="2:14" x14ac:dyDescent="0.2">
      <c r="B568" s="1"/>
      <c r="C568" s="1"/>
      <c r="D568" s="1"/>
      <c r="E568" s="1"/>
      <c r="F568" s="1"/>
      <c r="G568" s="1"/>
      <c r="H568" s="1"/>
      <c r="I568" s="1"/>
      <c r="J568" s="1"/>
      <c r="K568" s="1"/>
      <c r="L568" s="1"/>
      <c r="N568" s="7" t="s">
        <v>2</v>
      </c>
    </row>
    <row r="569" spans="2:14" x14ac:dyDescent="0.2">
      <c r="B569" s="1"/>
      <c r="C569" s="1"/>
      <c r="D569" s="1"/>
      <c r="E569" s="1"/>
      <c r="F569" s="1"/>
      <c r="G569" s="1"/>
      <c r="H569" s="1"/>
      <c r="I569" s="1"/>
      <c r="J569" s="1"/>
      <c r="K569" s="1"/>
      <c r="L569" s="1"/>
      <c r="N569" s="7" t="s">
        <v>3</v>
      </c>
    </row>
    <row r="570" spans="2:14" x14ac:dyDescent="0.2">
      <c r="B570" s="1"/>
      <c r="C570" s="1"/>
      <c r="D570" s="1"/>
      <c r="E570" s="1"/>
      <c r="F570" s="1"/>
      <c r="G570" s="1"/>
      <c r="H570" s="1"/>
      <c r="I570" s="1"/>
      <c r="J570" s="1"/>
      <c r="K570" s="1"/>
      <c r="L570" s="1"/>
    </row>
    <row r="571" spans="2:14" x14ac:dyDescent="0.2">
      <c r="B571" s="1"/>
      <c r="C571" s="1"/>
      <c r="D571" s="1"/>
      <c r="E571" s="1"/>
      <c r="F571" s="1"/>
      <c r="G571" s="1"/>
      <c r="H571" s="1"/>
      <c r="I571" s="1"/>
      <c r="J571" s="1"/>
      <c r="K571" s="1"/>
      <c r="L571" s="1"/>
    </row>
    <row r="572" spans="2:14" x14ac:dyDescent="0.2">
      <c r="B572" s="22"/>
      <c r="L572" s="22"/>
    </row>
    <row r="573" spans="2:14" x14ac:dyDescent="0.2">
      <c r="B573" s="22"/>
      <c r="L573" s="22"/>
    </row>
    <row r="574" spans="2:14" x14ac:dyDescent="0.2">
      <c r="B574" s="22"/>
      <c r="L574" s="22"/>
    </row>
    <row r="575" spans="2:14" x14ac:dyDescent="0.2">
      <c r="B575" s="22"/>
      <c r="L575" s="22"/>
    </row>
    <row r="576" spans="2:14" x14ac:dyDescent="0.2">
      <c r="B576" s="22"/>
      <c r="L576" s="22"/>
    </row>
    <row r="577" spans="2:12" x14ac:dyDescent="0.2">
      <c r="B577" s="22"/>
      <c r="L577" s="22"/>
    </row>
    <row r="578" spans="2:12" x14ac:dyDescent="0.2">
      <c r="B578" s="22"/>
      <c r="L578" s="22"/>
    </row>
    <row r="579" spans="2:12" x14ac:dyDescent="0.2">
      <c r="B579" s="22"/>
      <c r="L579" s="22"/>
    </row>
    <row r="580" spans="2:12" x14ac:dyDescent="0.2">
      <c r="B580" s="22"/>
      <c r="L580" s="22"/>
    </row>
    <row r="581" spans="2:12" x14ac:dyDescent="0.2">
      <c r="B581" s="22"/>
      <c r="L581" s="22"/>
    </row>
    <row r="582" spans="2:12" x14ac:dyDescent="0.2">
      <c r="B582" s="22"/>
      <c r="L582" s="22"/>
    </row>
    <row r="583" spans="2:12" x14ac:dyDescent="0.2">
      <c r="B583" s="22"/>
      <c r="L583" s="22"/>
    </row>
    <row r="584" spans="2:12" x14ac:dyDescent="0.2">
      <c r="B584" s="22"/>
      <c r="L584" s="22"/>
    </row>
    <row r="585" spans="2:12" x14ac:dyDescent="0.2">
      <c r="B585" s="22"/>
      <c r="L585" s="22"/>
    </row>
    <row r="586" spans="2:12" x14ac:dyDescent="0.2">
      <c r="B586" s="22"/>
      <c r="L586" s="22"/>
    </row>
    <row r="587" spans="2:12" x14ac:dyDescent="0.2">
      <c r="B587" s="22"/>
      <c r="L587" s="22"/>
    </row>
    <row r="588" spans="2:12" x14ac:dyDescent="0.2">
      <c r="B588" s="22"/>
      <c r="L588" s="22"/>
    </row>
    <row r="589" spans="2:12" x14ac:dyDescent="0.2">
      <c r="B589" s="22"/>
      <c r="L589" s="22"/>
    </row>
    <row r="590" spans="2:12" x14ac:dyDescent="0.2">
      <c r="B590" s="22"/>
      <c r="L590" s="22"/>
    </row>
    <row r="591" spans="2:12" x14ac:dyDescent="0.2">
      <c r="B591" s="22"/>
      <c r="L591" s="22"/>
    </row>
    <row r="592" spans="2:12" x14ac:dyDescent="0.2">
      <c r="B592" s="22"/>
      <c r="L592" s="22"/>
    </row>
    <row r="593" spans="2:12" x14ac:dyDescent="0.2">
      <c r="B593" s="22"/>
      <c r="L593" s="22"/>
    </row>
    <row r="594" spans="2:12" x14ac:dyDescent="0.2">
      <c r="B594" s="22"/>
      <c r="L594" s="22"/>
    </row>
    <row r="595" spans="2:12" x14ac:dyDescent="0.2">
      <c r="B595" s="22"/>
      <c r="L595" s="22"/>
    </row>
    <row r="596" spans="2:12" x14ac:dyDescent="0.2">
      <c r="B596" s="22"/>
      <c r="L596" s="22"/>
    </row>
    <row r="597" spans="2:12" x14ac:dyDescent="0.2">
      <c r="B597" s="22"/>
      <c r="L597" s="22"/>
    </row>
    <row r="598" spans="2:12" x14ac:dyDescent="0.2">
      <c r="B598" s="22"/>
      <c r="L598" s="22"/>
    </row>
    <row r="599" spans="2:12" x14ac:dyDescent="0.2">
      <c r="B599" s="22"/>
      <c r="L599" s="22"/>
    </row>
    <row r="600" spans="2:12" x14ac:dyDescent="0.2">
      <c r="B600" s="22"/>
      <c r="L600" s="22"/>
    </row>
    <row r="601" spans="2:12" x14ac:dyDescent="0.2">
      <c r="B601" s="22"/>
      <c r="L601" s="22"/>
    </row>
    <row r="602" spans="2:12" x14ac:dyDescent="0.2">
      <c r="B602" s="22"/>
      <c r="L602" s="22"/>
    </row>
    <row r="603" spans="2:12" x14ac:dyDescent="0.2">
      <c r="B603" s="22"/>
      <c r="L603" s="22"/>
    </row>
    <row r="604" spans="2:12" x14ac:dyDescent="0.2">
      <c r="B604" s="22"/>
      <c r="L604" s="22"/>
    </row>
    <row r="605" spans="2:12" x14ac:dyDescent="0.2">
      <c r="B605" s="22"/>
      <c r="L605" s="22"/>
    </row>
    <row r="606" spans="2:12" x14ac:dyDescent="0.2">
      <c r="B606" s="22"/>
      <c r="L606" s="22"/>
    </row>
    <row r="607" spans="2:12" x14ac:dyDescent="0.2">
      <c r="B607" s="22"/>
      <c r="L607" s="22"/>
    </row>
    <row r="608" spans="2:12" x14ac:dyDescent="0.2">
      <c r="B608" s="22"/>
      <c r="L608" s="22"/>
    </row>
    <row r="609" spans="2:12" x14ac:dyDescent="0.2">
      <c r="B609" s="22"/>
      <c r="L609" s="22"/>
    </row>
    <row r="610" spans="2:12" x14ac:dyDescent="0.2">
      <c r="B610" s="22"/>
      <c r="L610" s="22"/>
    </row>
    <row r="611" spans="2:12" x14ac:dyDescent="0.2">
      <c r="B611" s="22"/>
      <c r="L611" s="22"/>
    </row>
    <row r="612" spans="2:12" x14ac:dyDescent="0.2">
      <c r="B612" s="22"/>
      <c r="L612" s="22"/>
    </row>
    <row r="613" spans="2:12" x14ac:dyDescent="0.2">
      <c r="B613" s="22"/>
      <c r="L613" s="22"/>
    </row>
    <row r="614" spans="2:12" x14ac:dyDescent="0.2">
      <c r="B614" s="22"/>
      <c r="L614" s="22"/>
    </row>
    <row r="615" spans="2:12" x14ac:dyDescent="0.2">
      <c r="B615" s="22"/>
      <c r="L615" s="22"/>
    </row>
    <row r="616" spans="2:12" x14ac:dyDescent="0.2">
      <c r="B616" s="22"/>
      <c r="L616" s="22"/>
    </row>
    <row r="617" spans="2:12" x14ac:dyDescent="0.2">
      <c r="B617" s="22"/>
      <c r="L617" s="22"/>
    </row>
    <row r="618" spans="2:12" x14ac:dyDescent="0.2">
      <c r="B618" s="22"/>
      <c r="L618" s="22"/>
    </row>
    <row r="619" spans="2:12" x14ac:dyDescent="0.2">
      <c r="B619" s="22"/>
      <c r="L619" s="22"/>
    </row>
    <row r="620" spans="2:12" x14ac:dyDescent="0.2">
      <c r="B620" s="22"/>
      <c r="L620" s="22"/>
    </row>
    <row r="621" spans="2:12" x14ac:dyDescent="0.2">
      <c r="B621" s="22"/>
      <c r="L621" s="22"/>
    </row>
    <row r="622" spans="2:12" x14ac:dyDescent="0.2">
      <c r="B622" s="22"/>
      <c r="L622" s="22"/>
    </row>
    <row r="623" spans="2:12" x14ac:dyDescent="0.2">
      <c r="B623" s="22"/>
      <c r="L623" s="22"/>
    </row>
    <row r="624" spans="2:12" x14ac:dyDescent="0.2">
      <c r="B624" s="22"/>
      <c r="L624" s="22"/>
    </row>
    <row r="625" spans="2:12" x14ac:dyDescent="0.2">
      <c r="B625" s="22"/>
      <c r="L625" s="22"/>
    </row>
    <row r="626" spans="2:12" x14ac:dyDescent="0.2">
      <c r="B626" s="22"/>
      <c r="L626" s="22"/>
    </row>
    <row r="627" spans="2:12" x14ac:dyDescent="0.2">
      <c r="B627" s="22"/>
      <c r="L627" s="22"/>
    </row>
    <row r="628" spans="2:12" x14ac:dyDescent="0.2">
      <c r="B628" s="22"/>
      <c r="L628" s="22"/>
    </row>
    <row r="629" spans="2:12" x14ac:dyDescent="0.2">
      <c r="B629" s="22"/>
      <c r="L629" s="22"/>
    </row>
    <row r="630" spans="2:12" x14ac:dyDescent="0.2">
      <c r="B630" s="22"/>
      <c r="L630" s="22"/>
    </row>
    <row r="631" spans="2:12" x14ac:dyDescent="0.2">
      <c r="B631" s="22"/>
      <c r="L631" s="22"/>
    </row>
    <row r="632" spans="2:12" x14ac:dyDescent="0.2">
      <c r="B632" s="22"/>
      <c r="L632" s="22"/>
    </row>
    <row r="633" spans="2:12" x14ac:dyDescent="0.2">
      <c r="B633" s="22"/>
      <c r="L633" s="22"/>
    </row>
    <row r="634" spans="2:12" x14ac:dyDescent="0.2">
      <c r="B634" s="22"/>
      <c r="L634" s="22"/>
    </row>
    <row r="635" spans="2:12" x14ac:dyDescent="0.2">
      <c r="B635" s="22"/>
      <c r="L635" s="22"/>
    </row>
    <row r="636" spans="2:12" x14ac:dyDescent="0.2">
      <c r="B636" s="22"/>
      <c r="L636" s="22"/>
    </row>
    <row r="637" spans="2:12" x14ac:dyDescent="0.2">
      <c r="B637" s="22"/>
      <c r="L637" s="22"/>
    </row>
    <row r="638" spans="2:12" x14ac:dyDescent="0.2">
      <c r="B638" s="22"/>
      <c r="L638" s="22"/>
    </row>
    <row r="639" spans="2:12" x14ac:dyDescent="0.2">
      <c r="B639" s="22"/>
      <c r="L639" s="22"/>
    </row>
    <row r="640" spans="2:12" x14ac:dyDescent="0.2">
      <c r="B640" s="22"/>
      <c r="L640" s="22"/>
    </row>
    <row r="641" spans="2:12" x14ac:dyDescent="0.2">
      <c r="B641" s="22"/>
      <c r="L641" s="22"/>
    </row>
    <row r="642" spans="2:12" x14ac:dyDescent="0.2">
      <c r="B642" s="22"/>
      <c r="L642" s="22"/>
    </row>
    <row r="643" spans="2:12" x14ac:dyDescent="0.2">
      <c r="B643" s="22"/>
      <c r="L643" s="22"/>
    </row>
    <row r="644" spans="2:12" x14ac:dyDescent="0.2">
      <c r="B644" s="22"/>
      <c r="L644" s="22"/>
    </row>
    <row r="645" spans="2:12" x14ac:dyDescent="0.2">
      <c r="B645" s="22"/>
      <c r="L645" s="22"/>
    </row>
    <row r="646" spans="2:12" x14ac:dyDescent="0.2">
      <c r="B646" s="22"/>
      <c r="L646" s="22"/>
    </row>
    <row r="647" spans="2:12" x14ac:dyDescent="0.2">
      <c r="B647" s="22"/>
      <c r="L647" s="22"/>
    </row>
    <row r="648" spans="2:12" x14ac:dyDescent="0.2">
      <c r="B648" s="22"/>
      <c r="L648" s="22"/>
    </row>
    <row r="649" spans="2:12" x14ac:dyDescent="0.2">
      <c r="B649" s="22"/>
      <c r="L649" s="22"/>
    </row>
    <row r="650" spans="2:12" x14ac:dyDescent="0.2">
      <c r="B650" s="22"/>
      <c r="L650" s="22"/>
    </row>
    <row r="651" spans="2:12" x14ac:dyDescent="0.2">
      <c r="B651" s="22"/>
      <c r="L651" s="22"/>
    </row>
    <row r="652" spans="2:12" x14ac:dyDescent="0.2">
      <c r="B652" s="22"/>
      <c r="L652" s="22"/>
    </row>
    <row r="653" spans="2:12" x14ac:dyDescent="0.2">
      <c r="B653" s="22"/>
      <c r="L653" s="22"/>
    </row>
    <row r="654" spans="2:12" x14ac:dyDescent="0.2">
      <c r="B654" s="22"/>
      <c r="L654" s="22"/>
    </row>
    <row r="655" spans="2:12" x14ac:dyDescent="0.2">
      <c r="B655" s="22"/>
      <c r="L655" s="22"/>
    </row>
    <row r="656" spans="2:12" x14ac:dyDescent="0.2">
      <c r="B656" s="22"/>
      <c r="L656" s="22"/>
    </row>
    <row r="657" spans="2:12" x14ac:dyDescent="0.2">
      <c r="B657" s="22"/>
      <c r="L657" s="22"/>
    </row>
    <row r="658" spans="2:12" x14ac:dyDescent="0.2">
      <c r="B658" s="22"/>
      <c r="L658" s="22"/>
    </row>
    <row r="659" spans="2:12" x14ac:dyDescent="0.2">
      <c r="B659" s="22"/>
      <c r="L659" s="22"/>
    </row>
    <row r="660" spans="2:12" x14ac:dyDescent="0.2">
      <c r="B660" s="22"/>
      <c r="L660" s="22"/>
    </row>
    <row r="661" spans="2:12" x14ac:dyDescent="0.2">
      <c r="B661" s="22"/>
      <c r="L661" s="22"/>
    </row>
    <row r="662" spans="2:12" x14ac:dyDescent="0.2">
      <c r="B662" s="22"/>
      <c r="L662" s="22"/>
    </row>
    <row r="663" spans="2:12" x14ac:dyDescent="0.2">
      <c r="B663" s="22"/>
      <c r="L663" s="22"/>
    </row>
    <row r="664" spans="2:12" x14ac:dyDescent="0.2">
      <c r="B664" s="22"/>
      <c r="L664" s="22"/>
    </row>
    <row r="665" spans="2:12" x14ac:dyDescent="0.2">
      <c r="B665" s="22"/>
      <c r="L665" s="22"/>
    </row>
    <row r="666" spans="2:12" x14ac:dyDescent="0.2">
      <c r="B666" s="22"/>
      <c r="L666" s="22"/>
    </row>
    <row r="667" spans="2:12" x14ac:dyDescent="0.2">
      <c r="B667" s="22"/>
      <c r="L667" s="22"/>
    </row>
    <row r="668" spans="2:12" x14ac:dyDescent="0.2">
      <c r="B668" s="22"/>
      <c r="L668" s="22"/>
    </row>
    <row r="669" spans="2:12" x14ac:dyDescent="0.2">
      <c r="B669" s="22"/>
      <c r="L669" s="22"/>
    </row>
    <row r="670" spans="2:12" x14ac:dyDescent="0.2">
      <c r="B670" s="22"/>
      <c r="L670" s="22"/>
    </row>
    <row r="671" spans="2:12" x14ac:dyDescent="0.2">
      <c r="B671" s="22"/>
      <c r="L671" s="22"/>
    </row>
    <row r="672" spans="2:12" x14ac:dyDescent="0.2">
      <c r="B672" s="22"/>
      <c r="L672" s="22"/>
    </row>
    <row r="673" spans="2:12" x14ac:dyDescent="0.2">
      <c r="B673" s="22"/>
      <c r="L673" s="22"/>
    </row>
    <row r="674" spans="2:12" x14ac:dyDescent="0.2">
      <c r="B674" s="22"/>
      <c r="L674" s="22"/>
    </row>
    <row r="675" spans="2:12" x14ac:dyDescent="0.2">
      <c r="B675" s="22"/>
      <c r="L675" s="22"/>
    </row>
    <row r="676" spans="2:12" x14ac:dyDescent="0.2">
      <c r="B676" s="22"/>
      <c r="L676" s="22"/>
    </row>
    <row r="677" spans="2:12" x14ac:dyDescent="0.2">
      <c r="B677" s="22"/>
      <c r="L677" s="22"/>
    </row>
    <row r="678" spans="2:12" x14ac:dyDescent="0.2">
      <c r="B678" s="22"/>
      <c r="L678" s="22"/>
    </row>
    <row r="679" spans="2:12" x14ac:dyDescent="0.2">
      <c r="B679" s="22"/>
      <c r="L679" s="22"/>
    </row>
    <row r="680" spans="2:12" x14ac:dyDescent="0.2">
      <c r="B680" s="22"/>
      <c r="L680" s="22"/>
    </row>
    <row r="681" spans="2:12" x14ac:dyDescent="0.2">
      <c r="B681" s="22"/>
      <c r="L681" s="22"/>
    </row>
    <row r="682" spans="2:12" x14ac:dyDescent="0.2">
      <c r="B682" s="22"/>
      <c r="L682" s="22"/>
    </row>
    <row r="683" spans="2:12" x14ac:dyDescent="0.2">
      <c r="B683" s="22"/>
      <c r="L683" s="22"/>
    </row>
    <row r="684" spans="2:12" x14ac:dyDescent="0.2">
      <c r="B684" s="22"/>
      <c r="L684" s="22"/>
    </row>
    <row r="685" spans="2:12" x14ac:dyDescent="0.2">
      <c r="B685" s="22"/>
      <c r="L685" s="22"/>
    </row>
    <row r="686" spans="2:12" x14ac:dyDescent="0.2">
      <c r="B686" s="22"/>
      <c r="L686" s="22"/>
    </row>
    <row r="687" spans="2:12" x14ac:dyDescent="0.2">
      <c r="B687" s="22"/>
      <c r="L687" s="22"/>
    </row>
    <row r="688" spans="2:12" x14ac:dyDescent="0.2">
      <c r="B688" s="22"/>
      <c r="L688" s="22"/>
    </row>
    <row r="689" spans="2:12" x14ac:dyDescent="0.2">
      <c r="B689" s="22"/>
      <c r="L689" s="22"/>
    </row>
    <row r="690" spans="2:12" x14ac:dyDescent="0.2">
      <c r="B690" s="22"/>
      <c r="L690" s="22"/>
    </row>
    <row r="691" spans="2:12" x14ac:dyDescent="0.2">
      <c r="B691" s="22"/>
      <c r="L691" s="22"/>
    </row>
    <row r="692" spans="2:12" x14ac:dyDescent="0.2">
      <c r="B692" s="22"/>
      <c r="L692" s="22"/>
    </row>
    <row r="693" spans="2:12" x14ac:dyDescent="0.2">
      <c r="B693" s="22"/>
      <c r="L693" s="22"/>
    </row>
    <row r="694" spans="2:12" x14ac:dyDescent="0.2">
      <c r="B694" s="22"/>
      <c r="L694" s="22"/>
    </row>
    <row r="695" spans="2:12" x14ac:dyDescent="0.2">
      <c r="B695" s="22"/>
      <c r="L695" s="22"/>
    </row>
    <row r="696" spans="2:12" x14ac:dyDescent="0.2">
      <c r="B696" s="22"/>
      <c r="L696" s="22"/>
    </row>
    <row r="697" spans="2:12" x14ac:dyDescent="0.2">
      <c r="B697" s="22"/>
      <c r="L697" s="22"/>
    </row>
    <row r="698" spans="2:12" x14ac:dyDescent="0.2">
      <c r="B698" s="22"/>
      <c r="L698" s="22"/>
    </row>
    <row r="699" spans="2:12" x14ac:dyDescent="0.2">
      <c r="B699" s="22"/>
      <c r="L699" s="22"/>
    </row>
    <row r="700" spans="2:12" x14ac:dyDescent="0.2">
      <c r="B700" s="22"/>
      <c r="L700" s="22"/>
    </row>
    <row r="701" spans="2:12" x14ac:dyDescent="0.2">
      <c r="B701" s="22"/>
      <c r="L701" s="22"/>
    </row>
    <row r="702" spans="2:12" x14ac:dyDescent="0.2">
      <c r="B702" s="22"/>
      <c r="L702" s="22"/>
    </row>
    <row r="703" spans="2:12" x14ac:dyDescent="0.2">
      <c r="B703" s="22"/>
      <c r="L703" s="22"/>
    </row>
    <row r="704" spans="2:12" x14ac:dyDescent="0.2">
      <c r="B704" s="22"/>
      <c r="L704" s="22"/>
    </row>
    <row r="705" spans="2:12" x14ac:dyDescent="0.2">
      <c r="B705" s="22"/>
      <c r="L705" s="22"/>
    </row>
    <row r="706" spans="2:12" x14ac:dyDescent="0.2">
      <c r="B706" s="22"/>
      <c r="L706" s="22"/>
    </row>
    <row r="707" spans="2:12" x14ac:dyDescent="0.2">
      <c r="B707" s="22"/>
      <c r="L707" s="22"/>
    </row>
    <row r="708" spans="2:12" x14ac:dyDescent="0.2">
      <c r="B708" s="22"/>
      <c r="L708" s="22"/>
    </row>
    <row r="709" spans="2:12" x14ac:dyDescent="0.2">
      <c r="B709" s="22"/>
      <c r="L709" s="22"/>
    </row>
    <row r="710" spans="2:12" x14ac:dyDescent="0.2">
      <c r="B710" s="22"/>
      <c r="L710" s="22"/>
    </row>
    <row r="711" spans="2:12" x14ac:dyDescent="0.2">
      <c r="B711" s="22"/>
      <c r="L711" s="22"/>
    </row>
    <row r="712" spans="2:12" x14ac:dyDescent="0.2">
      <c r="B712" s="22"/>
      <c r="L712" s="22"/>
    </row>
    <row r="713" spans="2:12" x14ac:dyDescent="0.2">
      <c r="B713" s="22"/>
      <c r="L713" s="22"/>
    </row>
    <row r="714" spans="2:12" x14ac:dyDescent="0.2">
      <c r="B714" s="22"/>
      <c r="L714" s="22"/>
    </row>
  </sheetData>
  <sheetProtection algorithmName="SHA-512" hashValue="V0vo4Os8VYuyPeE8SqJG4w95xZ33zedNbNBtyqGg69hc94CLsmSuEuFEwdu/gTD9BbtixMSibd6JwfY+aZfVBA==" saltValue="by107QlR0AclBKNealpzkg==" spinCount="100000" sheet="1" objects="1" scenarios="1" selectLockedCells="1" autoFilter="0"/>
  <customSheetViews>
    <customSheetView guid="{67FFD9AE-B4FE-4D55-B0D5-8B269AAA467F}" showGridLines="0">
      <rowBreaks count="1" manualBreakCount="1">
        <brk id="67" max="16383" man="1"/>
      </rowBreaks>
      <colBreaks count="1" manualBreakCount="1">
        <brk id="12" max="1048575" man="1"/>
      </colBreaks>
      <pageMargins left="0.7" right="0.7" top="0.75" bottom="0.75" header="0.3" footer="0.3"/>
      <pageSetup paperSize="9" scale="80" orientation="portrait" r:id="rId1"/>
    </customSheetView>
  </customSheetViews>
  <mergeCells count="19">
    <mergeCell ref="B60:AI60"/>
    <mergeCell ref="B2:AI2"/>
    <mergeCell ref="B4:AI4"/>
    <mergeCell ref="B19:AI19"/>
    <mergeCell ref="B22:AI22"/>
    <mergeCell ref="D31:W31"/>
    <mergeCell ref="B27:L27"/>
    <mergeCell ref="D29:W29"/>
    <mergeCell ref="D12:AG12"/>
    <mergeCell ref="D6:AG6"/>
    <mergeCell ref="D8:AG8"/>
    <mergeCell ref="D14:AG14"/>
    <mergeCell ref="AM15:AS15"/>
    <mergeCell ref="D16:Q16"/>
    <mergeCell ref="W16:AG16"/>
    <mergeCell ref="AM9:AS9"/>
    <mergeCell ref="D10:AG10"/>
    <mergeCell ref="AM11:AS11"/>
    <mergeCell ref="AM13:AS13"/>
  </mergeCells>
  <pageMargins left="0.7" right="0.7" top="0.75" bottom="0.75" header="0.3" footer="0.3"/>
  <pageSetup paperSize="9" scale="72" orientation="portrait" r:id="rId2"/>
  <headerFooter>
    <oddFooter>&amp;L&amp;1#&amp;"Calibri"&amp;10&amp;K000000Classification: Private</oddFooter>
  </headerFooter>
  <rowBreaks count="1" manualBreakCount="1">
    <brk id="85" max="16383" man="1"/>
  </rowBreaks>
  <colBreaks count="1" manualBreakCount="1">
    <brk id="12" max="1048575" man="1"/>
  </colBreaks>
  <drawing r:id="rId3"/>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500-000000000000}">
  <sheetPr codeName="Sheet7">
    <pageSetUpPr fitToPage="1"/>
  </sheetPr>
  <dimension ref="A1:BR642"/>
  <sheetViews>
    <sheetView showGridLines="0" topLeftCell="A4" zoomScale="90" zoomScaleNormal="90" workbookViewId="0"/>
  </sheetViews>
  <sheetFormatPr defaultRowHeight="12.75" x14ac:dyDescent="0.2"/>
  <cols>
    <col min="1" max="1" width="1.5703125" style="7" customWidth="1"/>
    <col min="2" max="2" width="3.5703125" style="122" customWidth="1"/>
    <col min="3" max="3" width="16.28515625" style="22" customWidth="1"/>
    <col min="4" max="11" width="2.5703125" style="22" customWidth="1"/>
    <col min="12" max="12" width="2.5703125" style="123" customWidth="1"/>
    <col min="13" max="21" width="2.5703125" style="7" customWidth="1"/>
    <col min="22" max="22" width="2.5703125" style="147" customWidth="1"/>
    <col min="23" max="33" width="2.5703125" style="7" customWidth="1"/>
    <col min="34" max="34" width="3.140625" style="7" customWidth="1"/>
    <col min="35" max="35" width="2.5703125" style="7" customWidth="1"/>
    <col min="36" max="36" width="8.7109375" style="113"/>
    <col min="37" max="243" width="8.7109375" style="7"/>
    <col min="244" max="244" width="1.5703125" style="7" customWidth="1"/>
    <col min="245" max="245" width="2.42578125" style="7" customWidth="1"/>
    <col min="246" max="246" width="14.28515625" style="7" customWidth="1"/>
    <col min="247" max="247" width="14" style="7" customWidth="1"/>
    <col min="248" max="248" width="8.5703125" style="7" customWidth="1"/>
    <col min="249" max="250" width="8.7109375" style="7"/>
    <col min="251" max="251" width="7.85546875" style="7" customWidth="1"/>
    <col min="252" max="254" width="8.7109375" style="7"/>
    <col min="255" max="255" width="11.28515625" style="7" customWidth="1"/>
    <col min="256" max="499" width="8.7109375" style="7"/>
    <col min="500" max="500" width="1.5703125" style="7" customWidth="1"/>
    <col min="501" max="501" width="2.42578125" style="7" customWidth="1"/>
    <col min="502" max="502" width="14.28515625" style="7" customWidth="1"/>
    <col min="503" max="503" width="14" style="7" customWidth="1"/>
    <col min="504" max="504" width="8.5703125" style="7" customWidth="1"/>
    <col min="505" max="506" width="8.7109375" style="7"/>
    <col min="507" max="507" width="7.85546875" style="7" customWidth="1"/>
    <col min="508" max="510" width="8.7109375" style="7"/>
    <col min="511" max="511" width="11.28515625" style="7" customWidth="1"/>
    <col min="512" max="755" width="8.7109375" style="7"/>
    <col min="756" max="756" width="1.5703125" style="7" customWidth="1"/>
    <col min="757" max="757" width="2.42578125" style="7" customWidth="1"/>
    <col min="758" max="758" width="14.28515625" style="7" customWidth="1"/>
    <col min="759" max="759" width="14" style="7" customWidth="1"/>
    <col min="760" max="760" width="8.5703125" style="7" customWidth="1"/>
    <col min="761" max="762" width="8.7109375" style="7"/>
    <col min="763" max="763" width="7.85546875" style="7" customWidth="1"/>
    <col min="764" max="766" width="8.7109375" style="7"/>
    <col min="767" max="767" width="11.28515625" style="7" customWidth="1"/>
    <col min="768" max="1011" width="8.7109375" style="7"/>
    <col min="1012" max="1012" width="1.5703125" style="7" customWidth="1"/>
    <col min="1013" max="1013" width="2.42578125" style="7" customWidth="1"/>
    <col min="1014" max="1014" width="14.28515625" style="7" customWidth="1"/>
    <col min="1015" max="1015" width="14" style="7" customWidth="1"/>
    <col min="1016" max="1016" width="8.5703125" style="7" customWidth="1"/>
    <col min="1017" max="1018" width="8.7109375" style="7"/>
    <col min="1019" max="1019" width="7.85546875" style="7" customWidth="1"/>
    <col min="1020" max="1022" width="8.7109375" style="7"/>
    <col min="1023" max="1023" width="11.28515625" style="7" customWidth="1"/>
    <col min="1024" max="1267" width="8.7109375" style="7"/>
    <col min="1268" max="1268" width="1.5703125" style="7" customWidth="1"/>
    <col min="1269" max="1269" width="2.42578125" style="7" customWidth="1"/>
    <col min="1270" max="1270" width="14.28515625" style="7" customWidth="1"/>
    <col min="1271" max="1271" width="14" style="7" customWidth="1"/>
    <col min="1272" max="1272" width="8.5703125" style="7" customWidth="1"/>
    <col min="1273" max="1274" width="8.7109375" style="7"/>
    <col min="1275" max="1275" width="7.85546875" style="7" customWidth="1"/>
    <col min="1276" max="1278" width="8.7109375" style="7"/>
    <col min="1279" max="1279" width="11.28515625" style="7" customWidth="1"/>
    <col min="1280" max="1523" width="8.7109375" style="7"/>
    <col min="1524" max="1524" width="1.5703125" style="7" customWidth="1"/>
    <col min="1525" max="1525" width="2.42578125" style="7" customWidth="1"/>
    <col min="1526" max="1526" width="14.28515625" style="7" customWidth="1"/>
    <col min="1527" max="1527" width="14" style="7" customWidth="1"/>
    <col min="1528" max="1528" width="8.5703125" style="7" customWidth="1"/>
    <col min="1529" max="1530" width="8.7109375" style="7"/>
    <col min="1531" max="1531" width="7.85546875" style="7" customWidth="1"/>
    <col min="1532" max="1534" width="8.7109375" style="7"/>
    <col min="1535" max="1535" width="11.28515625" style="7" customWidth="1"/>
    <col min="1536" max="1779" width="8.7109375" style="7"/>
    <col min="1780" max="1780" width="1.5703125" style="7" customWidth="1"/>
    <col min="1781" max="1781" width="2.42578125" style="7" customWidth="1"/>
    <col min="1782" max="1782" width="14.28515625" style="7" customWidth="1"/>
    <col min="1783" max="1783" width="14" style="7" customWidth="1"/>
    <col min="1784" max="1784" width="8.5703125" style="7" customWidth="1"/>
    <col min="1785" max="1786" width="8.7109375" style="7"/>
    <col min="1787" max="1787" width="7.85546875" style="7" customWidth="1"/>
    <col min="1788" max="1790" width="8.7109375" style="7"/>
    <col min="1791" max="1791" width="11.28515625" style="7" customWidth="1"/>
    <col min="1792" max="2035" width="8.7109375" style="7"/>
    <col min="2036" max="2036" width="1.5703125" style="7" customWidth="1"/>
    <col min="2037" max="2037" width="2.42578125" style="7" customWidth="1"/>
    <col min="2038" max="2038" width="14.28515625" style="7" customWidth="1"/>
    <col min="2039" max="2039" width="14" style="7" customWidth="1"/>
    <col min="2040" max="2040" width="8.5703125" style="7" customWidth="1"/>
    <col min="2041" max="2042" width="8.7109375" style="7"/>
    <col min="2043" max="2043" width="7.85546875" style="7" customWidth="1"/>
    <col min="2044" max="2046" width="8.7109375" style="7"/>
    <col min="2047" max="2047" width="11.28515625" style="7" customWidth="1"/>
    <col min="2048" max="2291" width="8.7109375" style="7"/>
    <col min="2292" max="2292" width="1.5703125" style="7" customWidth="1"/>
    <col min="2293" max="2293" width="2.42578125" style="7" customWidth="1"/>
    <col min="2294" max="2294" width="14.28515625" style="7" customWidth="1"/>
    <col min="2295" max="2295" width="14" style="7" customWidth="1"/>
    <col min="2296" max="2296" width="8.5703125" style="7" customWidth="1"/>
    <col min="2297" max="2298" width="8.7109375" style="7"/>
    <col min="2299" max="2299" width="7.85546875" style="7" customWidth="1"/>
    <col min="2300" max="2302" width="8.7109375" style="7"/>
    <col min="2303" max="2303" width="11.28515625" style="7" customWidth="1"/>
    <col min="2304" max="2547" width="8.7109375" style="7"/>
    <col min="2548" max="2548" width="1.5703125" style="7" customWidth="1"/>
    <col min="2549" max="2549" width="2.42578125" style="7" customWidth="1"/>
    <col min="2550" max="2550" width="14.28515625" style="7" customWidth="1"/>
    <col min="2551" max="2551" width="14" style="7" customWidth="1"/>
    <col min="2552" max="2552" width="8.5703125" style="7" customWidth="1"/>
    <col min="2553" max="2554" width="8.7109375" style="7"/>
    <col min="2555" max="2555" width="7.85546875" style="7" customWidth="1"/>
    <col min="2556" max="2558" width="8.7109375" style="7"/>
    <col min="2559" max="2559" width="11.28515625" style="7" customWidth="1"/>
    <col min="2560" max="2803" width="8.7109375" style="7"/>
    <col min="2804" max="2804" width="1.5703125" style="7" customWidth="1"/>
    <col min="2805" max="2805" width="2.42578125" style="7" customWidth="1"/>
    <col min="2806" max="2806" width="14.28515625" style="7" customWidth="1"/>
    <col min="2807" max="2807" width="14" style="7" customWidth="1"/>
    <col min="2808" max="2808" width="8.5703125" style="7" customWidth="1"/>
    <col min="2809" max="2810" width="8.7109375" style="7"/>
    <col min="2811" max="2811" width="7.85546875" style="7" customWidth="1"/>
    <col min="2812" max="2814" width="8.7109375" style="7"/>
    <col min="2815" max="2815" width="11.28515625" style="7" customWidth="1"/>
    <col min="2816" max="3059" width="8.7109375" style="7"/>
    <col min="3060" max="3060" width="1.5703125" style="7" customWidth="1"/>
    <col min="3061" max="3061" width="2.42578125" style="7" customWidth="1"/>
    <col min="3062" max="3062" width="14.28515625" style="7" customWidth="1"/>
    <col min="3063" max="3063" width="14" style="7" customWidth="1"/>
    <col min="3064" max="3064" width="8.5703125" style="7" customWidth="1"/>
    <col min="3065" max="3066" width="8.7109375" style="7"/>
    <col min="3067" max="3067" width="7.85546875" style="7" customWidth="1"/>
    <col min="3068" max="3070" width="8.7109375" style="7"/>
    <col min="3071" max="3071" width="11.28515625" style="7" customWidth="1"/>
    <col min="3072" max="3315" width="8.7109375" style="7"/>
    <col min="3316" max="3316" width="1.5703125" style="7" customWidth="1"/>
    <col min="3317" max="3317" width="2.42578125" style="7" customWidth="1"/>
    <col min="3318" max="3318" width="14.28515625" style="7" customWidth="1"/>
    <col min="3319" max="3319" width="14" style="7" customWidth="1"/>
    <col min="3320" max="3320" width="8.5703125" style="7" customWidth="1"/>
    <col min="3321" max="3322" width="8.7109375" style="7"/>
    <col min="3323" max="3323" width="7.85546875" style="7" customWidth="1"/>
    <col min="3324" max="3326" width="8.7109375" style="7"/>
    <col min="3327" max="3327" width="11.28515625" style="7" customWidth="1"/>
    <col min="3328" max="3571" width="8.7109375" style="7"/>
    <col min="3572" max="3572" width="1.5703125" style="7" customWidth="1"/>
    <col min="3573" max="3573" width="2.42578125" style="7" customWidth="1"/>
    <col min="3574" max="3574" width="14.28515625" style="7" customWidth="1"/>
    <col min="3575" max="3575" width="14" style="7" customWidth="1"/>
    <col min="3576" max="3576" width="8.5703125" style="7" customWidth="1"/>
    <col min="3577" max="3578" width="8.7109375" style="7"/>
    <col min="3579" max="3579" width="7.85546875" style="7" customWidth="1"/>
    <col min="3580" max="3582" width="8.7109375" style="7"/>
    <col min="3583" max="3583" width="11.28515625" style="7" customWidth="1"/>
    <col min="3584" max="3827" width="8.7109375" style="7"/>
    <col min="3828" max="3828" width="1.5703125" style="7" customWidth="1"/>
    <col min="3829" max="3829" width="2.42578125" style="7" customWidth="1"/>
    <col min="3830" max="3830" width="14.28515625" style="7" customWidth="1"/>
    <col min="3831" max="3831" width="14" style="7" customWidth="1"/>
    <col min="3832" max="3832" width="8.5703125" style="7" customWidth="1"/>
    <col min="3833" max="3834" width="8.7109375" style="7"/>
    <col min="3835" max="3835" width="7.85546875" style="7" customWidth="1"/>
    <col min="3836" max="3838" width="8.7109375" style="7"/>
    <col min="3839" max="3839" width="11.28515625" style="7" customWidth="1"/>
    <col min="3840" max="4083" width="8.7109375" style="7"/>
    <col min="4084" max="4084" width="1.5703125" style="7" customWidth="1"/>
    <col min="4085" max="4085" width="2.42578125" style="7" customWidth="1"/>
    <col min="4086" max="4086" width="14.28515625" style="7" customWidth="1"/>
    <col min="4087" max="4087" width="14" style="7" customWidth="1"/>
    <col min="4088" max="4088" width="8.5703125" style="7" customWidth="1"/>
    <col min="4089" max="4090" width="8.7109375" style="7"/>
    <col min="4091" max="4091" width="7.85546875" style="7" customWidth="1"/>
    <col min="4092" max="4094" width="8.7109375" style="7"/>
    <col min="4095" max="4095" width="11.28515625" style="7" customWidth="1"/>
    <col min="4096" max="4339" width="8.7109375" style="7"/>
    <col min="4340" max="4340" width="1.5703125" style="7" customWidth="1"/>
    <col min="4341" max="4341" width="2.42578125" style="7" customWidth="1"/>
    <col min="4342" max="4342" width="14.28515625" style="7" customWidth="1"/>
    <col min="4343" max="4343" width="14" style="7" customWidth="1"/>
    <col min="4344" max="4344" width="8.5703125" style="7" customWidth="1"/>
    <col min="4345" max="4346" width="8.7109375" style="7"/>
    <col min="4347" max="4347" width="7.85546875" style="7" customWidth="1"/>
    <col min="4348" max="4350" width="8.7109375" style="7"/>
    <col min="4351" max="4351" width="11.28515625" style="7" customWidth="1"/>
    <col min="4352" max="4595" width="8.7109375" style="7"/>
    <col min="4596" max="4596" width="1.5703125" style="7" customWidth="1"/>
    <col min="4597" max="4597" width="2.42578125" style="7" customWidth="1"/>
    <col min="4598" max="4598" width="14.28515625" style="7" customWidth="1"/>
    <col min="4599" max="4599" width="14" style="7" customWidth="1"/>
    <col min="4600" max="4600" width="8.5703125" style="7" customWidth="1"/>
    <col min="4601" max="4602" width="8.7109375" style="7"/>
    <col min="4603" max="4603" width="7.85546875" style="7" customWidth="1"/>
    <col min="4604" max="4606" width="8.7109375" style="7"/>
    <col min="4607" max="4607" width="11.28515625" style="7" customWidth="1"/>
    <col min="4608" max="4851" width="8.7109375" style="7"/>
    <col min="4852" max="4852" width="1.5703125" style="7" customWidth="1"/>
    <col min="4853" max="4853" width="2.42578125" style="7" customWidth="1"/>
    <col min="4854" max="4854" width="14.28515625" style="7" customWidth="1"/>
    <col min="4855" max="4855" width="14" style="7" customWidth="1"/>
    <col min="4856" max="4856" width="8.5703125" style="7" customWidth="1"/>
    <col min="4857" max="4858" width="8.7109375" style="7"/>
    <col min="4859" max="4859" width="7.85546875" style="7" customWidth="1"/>
    <col min="4860" max="4862" width="8.7109375" style="7"/>
    <col min="4863" max="4863" width="11.28515625" style="7" customWidth="1"/>
    <col min="4864" max="5107" width="8.7109375" style="7"/>
    <col min="5108" max="5108" width="1.5703125" style="7" customWidth="1"/>
    <col min="5109" max="5109" width="2.42578125" style="7" customWidth="1"/>
    <col min="5110" max="5110" width="14.28515625" style="7" customWidth="1"/>
    <col min="5111" max="5111" width="14" style="7" customWidth="1"/>
    <col min="5112" max="5112" width="8.5703125" style="7" customWidth="1"/>
    <col min="5113" max="5114" width="8.7109375" style="7"/>
    <col min="5115" max="5115" width="7.85546875" style="7" customWidth="1"/>
    <col min="5116" max="5118" width="8.7109375" style="7"/>
    <col min="5119" max="5119" width="11.28515625" style="7" customWidth="1"/>
    <col min="5120" max="5363" width="8.7109375" style="7"/>
    <col min="5364" max="5364" width="1.5703125" style="7" customWidth="1"/>
    <col min="5365" max="5365" width="2.42578125" style="7" customWidth="1"/>
    <col min="5366" max="5366" width="14.28515625" style="7" customWidth="1"/>
    <col min="5367" max="5367" width="14" style="7" customWidth="1"/>
    <col min="5368" max="5368" width="8.5703125" style="7" customWidth="1"/>
    <col min="5369" max="5370" width="8.7109375" style="7"/>
    <col min="5371" max="5371" width="7.85546875" style="7" customWidth="1"/>
    <col min="5372" max="5374" width="8.7109375" style="7"/>
    <col min="5375" max="5375" width="11.28515625" style="7" customWidth="1"/>
    <col min="5376" max="5619" width="8.7109375" style="7"/>
    <col min="5620" max="5620" width="1.5703125" style="7" customWidth="1"/>
    <col min="5621" max="5621" width="2.42578125" style="7" customWidth="1"/>
    <col min="5622" max="5622" width="14.28515625" style="7" customWidth="1"/>
    <col min="5623" max="5623" width="14" style="7" customWidth="1"/>
    <col min="5624" max="5624" width="8.5703125" style="7" customWidth="1"/>
    <col min="5625" max="5626" width="8.7109375" style="7"/>
    <col min="5627" max="5627" width="7.85546875" style="7" customWidth="1"/>
    <col min="5628" max="5630" width="8.7109375" style="7"/>
    <col min="5631" max="5631" width="11.28515625" style="7" customWidth="1"/>
    <col min="5632" max="5875" width="8.7109375" style="7"/>
    <col min="5876" max="5876" width="1.5703125" style="7" customWidth="1"/>
    <col min="5877" max="5877" width="2.42578125" style="7" customWidth="1"/>
    <col min="5878" max="5878" width="14.28515625" style="7" customWidth="1"/>
    <col min="5879" max="5879" width="14" style="7" customWidth="1"/>
    <col min="5880" max="5880" width="8.5703125" style="7" customWidth="1"/>
    <col min="5881" max="5882" width="8.7109375" style="7"/>
    <col min="5883" max="5883" width="7.85546875" style="7" customWidth="1"/>
    <col min="5884" max="5886" width="8.7109375" style="7"/>
    <col min="5887" max="5887" width="11.28515625" style="7" customWidth="1"/>
    <col min="5888" max="6131" width="8.7109375" style="7"/>
    <col min="6132" max="6132" width="1.5703125" style="7" customWidth="1"/>
    <col min="6133" max="6133" width="2.42578125" style="7" customWidth="1"/>
    <col min="6134" max="6134" width="14.28515625" style="7" customWidth="1"/>
    <col min="6135" max="6135" width="14" style="7" customWidth="1"/>
    <col min="6136" max="6136" width="8.5703125" style="7" customWidth="1"/>
    <col min="6137" max="6138" width="8.7109375" style="7"/>
    <col min="6139" max="6139" width="7.85546875" style="7" customWidth="1"/>
    <col min="6140" max="6142" width="8.7109375" style="7"/>
    <col min="6143" max="6143" width="11.28515625" style="7" customWidth="1"/>
    <col min="6144" max="6387" width="8.7109375" style="7"/>
    <col min="6388" max="6388" width="1.5703125" style="7" customWidth="1"/>
    <col min="6389" max="6389" width="2.42578125" style="7" customWidth="1"/>
    <col min="6390" max="6390" width="14.28515625" style="7" customWidth="1"/>
    <col min="6391" max="6391" width="14" style="7" customWidth="1"/>
    <col min="6392" max="6392" width="8.5703125" style="7" customWidth="1"/>
    <col min="6393" max="6394" width="8.7109375" style="7"/>
    <col min="6395" max="6395" width="7.85546875" style="7" customWidth="1"/>
    <col min="6396" max="6398" width="8.7109375" style="7"/>
    <col min="6399" max="6399" width="11.28515625" style="7" customWidth="1"/>
    <col min="6400" max="6643" width="8.7109375" style="7"/>
    <col min="6644" max="6644" width="1.5703125" style="7" customWidth="1"/>
    <col min="6645" max="6645" width="2.42578125" style="7" customWidth="1"/>
    <col min="6646" max="6646" width="14.28515625" style="7" customWidth="1"/>
    <col min="6647" max="6647" width="14" style="7" customWidth="1"/>
    <col min="6648" max="6648" width="8.5703125" style="7" customWidth="1"/>
    <col min="6649" max="6650" width="8.7109375" style="7"/>
    <col min="6651" max="6651" width="7.85546875" style="7" customWidth="1"/>
    <col min="6652" max="6654" width="8.7109375" style="7"/>
    <col min="6655" max="6655" width="11.28515625" style="7" customWidth="1"/>
    <col min="6656" max="6899" width="8.7109375" style="7"/>
    <col min="6900" max="6900" width="1.5703125" style="7" customWidth="1"/>
    <col min="6901" max="6901" width="2.42578125" style="7" customWidth="1"/>
    <col min="6902" max="6902" width="14.28515625" style="7" customWidth="1"/>
    <col min="6903" max="6903" width="14" style="7" customWidth="1"/>
    <col min="6904" max="6904" width="8.5703125" style="7" customWidth="1"/>
    <col min="6905" max="6906" width="8.7109375" style="7"/>
    <col min="6907" max="6907" width="7.85546875" style="7" customWidth="1"/>
    <col min="6908" max="6910" width="8.7109375" style="7"/>
    <col min="6911" max="6911" width="11.28515625" style="7" customWidth="1"/>
    <col min="6912" max="7155" width="8.7109375" style="7"/>
    <col min="7156" max="7156" width="1.5703125" style="7" customWidth="1"/>
    <col min="7157" max="7157" width="2.42578125" style="7" customWidth="1"/>
    <col min="7158" max="7158" width="14.28515625" style="7" customWidth="1"/>
    <col min="7159" max="7159" width="14" style="7" customWidth="1"/>
    <col min="7160" max="7160" width="8.5703125" style="7" customWidth="1"/>
    <col min="7161" max="7162" width="8.7109375" style="7"/>
    <col min="7163" max="7163" width="7.85546875" style="7" customWidth="1"/>
    <col min="7164" max="7166" width="8.7109375" style="7"/>
    <col min="7167" max="7167" width="11.28515625" style="7" customWidth="1"/>
    <col min="7168" max="7411" width="8.7109375" style="7"/>
    <col min="7412" max="7412" width="1.5703125" style="7" customWidth="1"/>
    <col min="7413" max="7413" width="2.42578125" style="7" customWidth="1"/>
    <col min="7414" max="7414" width="14.28515625" style="7" customWidth="1"/>
    <col min="7415" max="7415" width="14" style="7" customWidth="1"/>
    <col min="7416" max="7416" width="8.5703125" style="7" customWidth="1"/>
    <col min="7417" max="7418" width="8.7109375" style="7"/>
    <col min="7419" max="7419" width="7.85546875" style="7" customWidth="1"/>
    <col min="7420" max="7422" width="8.7109375" style="7"/>
    <col min="7423" max="7423" width="11.28515625" style="7" customWidth="1"/>
    <col min="7424" max="7667" width="8.7109375" style="7"/>
    <col min="7668" max="7668" width="1.5703125" style="7" customWidth="1"/>
    <col min="7669" max="7669" width="2.42578125" style="7" customWidth="1"/>
    <col min="7670" max="7670" width="14.28515625" style="7" customWidth="1"/>
    <col min="7671" max="7671" width="14" style="7" customWidth="1"/>
    <col min="7672" max="7672" width="8.5703125" style="7" customWidth="1"/>
    <col min="7673" max="7674" width="8.7109375" style="7"/>
    <col min="7675" max="7675" width="7.85546875" style="7" customWidth="1"/>
    <col min="7676" max="7678" width="8.7109375" style="7"/>
    <col min="7679" max="7679" width="11.28515625" style="7" customWidth="1"/>
    <col min="7680" max="7923" width="8.7109375" style="7"/>
    <col min="7924" max="7924" width="1.5703125" style="7" customWidth="1"/>
    <col min="7925" max="7925" width="2.42578125" style="7" customWidth="1"/>
    <col min="7926" max="7926" width="14.28515625" style="7" customWidth="1"/>
    <col min="7927" max="7927" width="14" style="7" customWidth="1"/>
    <col min="7928" max="7928" width="8.5703125" style="7" customWidth="1"/>
    <col min="7929" max="7930" width="8.7109375" style="7"/>
    <col min="7931" max="7931" width="7.85546875" style="7" customWidth="1"/>
    <col min="7932" max="7934" width="8.7109375" style="7"/>
    <col min="7935" max="7935" width="11.28515625" style="7" customWidth="1"/>
    <col min="7936" max="8179" width="8.7109375" style="7"/>
    <col min="8180" max="8180" width="1.5703125" style="7" customWidth="1"/>
    <col min="8181" max="8181" width="2.42578125" style="7" customWidth="1"/>
    <col min="8182" max="8182" width="14.28515625" style="7" customWidth="1"/>
    <col min="8183" max="8183" width="14" style="7" customWidth="1"/>
    <col min="8184" max="8184" width="8.5703125" style="7" customWidth="1"/>
    <col min="8185" max="8186" width="8.7109375" style="7"/>
    <col min="8187" max="8187" width="7.85546875" style="7" customWidth="1"/>
    <col min="8188" max="8190" width="8.7109375" style="7"/>
    <col min="8191" max="8191" width="11.28515625" style="7" customWidth="1"/>
    <col min="8192" max="8435" width="8.7109375" style="7"/>
    <col min="8436" max="8436" width="1.5703125" style="7" customWidth="1"/>
    <col min="8437" max="8437" width="2.42578125" style="7" customWidth="1"/>
    <col min="8438" max="8438" width="14.28515625" style="7" customWidth="1"/>
    <col min="8439" max="8439" width="14" style="7" customWidth="1"/>
    <col min="8440" max="8440" width="8.5703125" style="7" customWidth="1"/>
    <col min="8441" max="8442" width="8.7109375" style="7"/>
    <col min="8443" max="8443" width="7.85546875" style="7" customWidth="1"/>
    <col min="8444" max="8446" width="8.7109375" style="7"/>
    <col min="8447" max="8447" width="11.28515625" style="7" customWidth="1"/>
    <col min="8448" max="8691" width="8.7109375" style="7"/>
    <col min="8692" max="8692" width="1.5703125" style="7" customWidth="1"/>
    <col min="8693" max="8693" width="2.42578125" style="7" customWidth="1"/>
    <col min="8694" max="8694" width="14.28515625" style="7" customWidth="1"/>
    <col min="8695" max="8695" width="14" style="7" customWidth="1"/>
    <col min="8696" max="8696" width="8.5703125" style="7" customWidth="1"/>
    <col min="8697" max="8698" width="8.7109375" style="7"/>
    <col min="8699" max="8699" width="7.85546875" style="7" customWidth="1"/>
    <col min="8700" max="8702" width="8.7109375" style="7"/>
    <col min="8703" max="8703" width="11.28515625" style="7" customWidth="1"/>
    <col min="8704" max="8947" width="8.7109375" style="7"/>
    <col min="8948" max="8948" width="1.5703125" style="7" customWidth="1"/>
    <col min="8949" max="8949" width="2.42578125" style="7" customWidth="1"/>
    <col min="8950" max="8950" width="14.28515625" style="7" customWidth="1"/>
    <col min="8951" max="8951" width="14" style="7" customWidth="1"/>
    <col min="8952" max="8952" width="8.5703125" style="7" customWidth="1"/>
    <col min="8953" max="8954" width="8.7109375" style="7"/>
    <col min="8955" max="8955" width="7.85546875" style="7" customWidth="1"/>
    <col min="8956" max="8958" width="8.7109375" style="7"/>
    <col min="8959" max="8959" width="11.28515625" style="7" customWidth="1"/>
    <col min="8960" max="9203" width="8.7109375" style="7"/>
    <col min="9204" max="9204" width="1.5703125" style="7" customWidth="1"/>
    <col min="9205" max="9205" width="2.42578125" style="7" customWidth="1"/>
    <col min="9206" max="9206" width="14.28515625" style="7" customWidth="1"/>
    <col min="9207" max="9207" width="14" style="7" customWidth="1"/>
    <col min="9208" max="9208" width="8.5703125" style="7" customWidth="1"/>
    <col min="9209" max="9210" width="8.7109375" style="7"/>
    <col min="9211" max="9211" width="7.85546875" style="7" customWidth="1"/>
    <col min="9212" max="9214" width="8.7109375" style="7"/>
    <col min="9215" max="9215" width="11.28515625" style="7" customWidth="1"/>
    <col min="9216" max="9459" width="8.7109375" style="7"/>
    <col min="9460" max="9460" width="1.5703125" style="7" customWidth="1"/>
    <col min="9461" max="9461" width="2.42578125" style="7" customWidth="1"/>
    <col min="9462" max="9462" width="14.28515625" style="7" customWidth="1"/>
    <col min="9463" max="9463" width="14" style="7" customWidth="1"/>
    <col min="9464" max="9464" width="8.5703125" style="7" customWidth="1"/>
    <col min="9465" max="9466" width="8.7109375" style="7"/>
    <col min="9467" max="9467" width="7.85546875" style="7" customWidth="1"/>
    <col min="9468" max="9470" width="8.7109375" style="7"/>
    <col min="9471" max="9471" width="11.28515625" style="7" customWidth="1"/>
    <col min="9472" max="9715" width="8.7109375" style="7"/>
    <col min="9716" max="9716" width="1.5703125" style="7" customWidth="1"/>
    <col min="9717" max="9717" width="2.42578125" style="7" customWidth="1"/>
    <col min="9718" max="9718" width="14.28515625" style="7" customWidth="1"/>
    <col min="9719" max="9719" width="14" style="7" customWidth="1"/>
    <col min="9720" max="9720" width="8.5703125" style="7" customWidth="1"/>
    <col min="9721" max="9722" width="8.7109375" style="7"/>
    <col min="9723" max="9723" width="7.85546875" style="7" customWidth="1"/>
    <col min="9724" max="9726" width="8.7109375" style="7"/>
    <col min="9727" max="9727" width="11.28515625" style="7" customWidth="1"/>
    <col min="9728" max="9971" width="8.7109375" style="7"/>
    <col min="9972" max="9972" width="1.5703125" style="7" customWidth="1"/>
    <col min="9973" max="9973" width="2.42578125" style="7" customWidth="1"/>
    <col min="9974" max="9974" width="14.28515625" style="7" customWidth="1"/>
    <col min="9975" max="9975" width="14" style="7" customWidth="1"/>
    <col min="9976" max="9976" width="8.5703125" style="7" customWidth="1"/>
    <col min="9977" max="9978" width="8.7109375" style="7"/>
    <col min="9979" max="9979" width="7.85546875" style="7" customWidth="1"/>
    <col min="9980" max="9982" width="8.7109375" style="7"/>
    <col min="9983" max="9983" width="11.28515625" style="7" customWidth="1"/>
    <col min="9984" max="10227" width="8.7109375" style="7"/>
    <col min="10228" max="10228" width="1.5703125" style="7" customWidth="1"/>
    <col min="10229" max="10229" width="2.42578125" style="7" customWidth="1"/>
    <col min="10230" max="10230" width="14.28515625" style="7" customWidth="1"/>
    <col min="10231" max="10231" width="14" style="7" customWidth="1"/>
    <col min="10232" max="10232" width="8.5703125" style="7" customWidth="1"/>
    <col min="10233" max="10234" width="8.7109375" style="7"/>
    <col min="10235" max="10235" width="7.85546875" style="7" customWidth="1"/>
    <col min="10236" max="10238" width="8.7109375" style="7"/>
    <col min="10239" max="10239" width="11.28515625" style="7" customWidth="1"/>
    <col min="10240" max="10483" width="8.7109375" style="7"/>
    <col min="10484" max="10484" width="1.5703125" style="7" customWidth="1"/>
    <col min="10485" max="10485" width="2.42578125" style="7" customWidth="1"/>
    <col min="10486" max="10486" width="14.28515625" style="7" customWidth="1"/>
    <col min="10487" max="10487" width="14" style="7" customWidth="1"/>
    <col min="10488" max="10488" width="8.5703125" style="7" customWidth="1"/>
    <col min="10489" max="10490" width="8.7109375" style="7"/>
    <col min="10491" max="10491" width="7.85546875" style="7" customWidth="1"/>
    <col min="10492" max="10494" width="8.7109375" style="7"/>
    <col min="10495" max="10495" width="11.28515625" style="7" customWidth="1"/>
    <col min="10496" max="10739" width="8.7109375" style="7"/>
    <col min="10740" max="10740" width="1.5703125" style="7" customWidth="1"/>
    <col min="10741" max="10741" width="2.42578125" style="7" customWidth="1"/>
    <col min="10742" max="10742" width="14.28515625" style="7" customWidth="1"/>
    <col min="10743" max="10743" width="14" style="7" customWidth="1"/>
    <col min="10744" max="10744" width="8.5703125" style="7" customWidth="1"/>
    <col min="10745" max="10746" width="8.7109375" style="7"/>
    <col min="10747" max="10747" width="7.85546875" style="7" customWidth="1"/>
    <col min="10748" max="10750" width="8.7109375" style="7"/>
    <col min="10751" max="10751" width="11.28515625" style="7" customWidth="1"/>
    <col min="10752" max="10995" width="8.7109375" style="7"/>
    <col min="10996" max="10996" width="1.5703125" style="7" customWidth="1"/>
    <col min="10997" max="10997" width="2.42578125" style="7" customWidth="1"/>
    <col min="10998" max="10998" width="14.28515625" style="7" customWidth="1"/>
    <col min="10999" max="10999" width="14" style="7" customWidth="1"/>
    <col min="11000" max="11000" width="8.5703125" style="7" customWidth="1"/>
    <col min="11001" max="11002" width="8.7109375" style="7"/>
    <col min="11003" max="11003" width="7.85546875" style="7" customWidth="1"/>
    <col min="11004" max="11006" width="8.7109375" style="7"/>
    <col min="11007" max="11007" width="11.28515625" style="7" customWidth="1"/>
    <col min="11008" max="11251" width="8.7109375" style="7"/>
    <col min="11252" max="11252" width="1.5703125" style="7" customWidth="1"/>
    <col min="11253" max="11253" width="2.42578125" style="7" customWidth="1"/>
    <col min="11254" max="11254" width="14.28515625" style="7" customWidth="1"/>
    <col min="11255" max="11255" width="14" style="7" customWidth="1"/>
    <col min="11256" max="11256" width="8.5703125" style="7" customWidth="1"/>
    <col min="11257" max="11258" width="8.7109375" style="7"/>
    <col min="11259" max="11259" width="7.85546875" style="7" customWidth="1"/>
    <col min="11260" max="11262" width="8.7109375" style="7"/>
    <col min="11263" max="11263" width="11.28515625" style="7" customWidth="1"/>
    <col min="11264" max="11507" width="8.7109375" style="7"/>
    <col min="11508" max="11508" width="1.5703125" style="7" customWidth="1"/>
    <col min="11509" max="11509" width="2.42578125" style="7" customWidth="1"/>
    <col min="11510" max="11510" width="14.28515625" style="7" customWidth="1"/>
    <col min="11511" max="11511" width="14" style="7" customWidth="1"/>
    <col min="11512" max="11512" width="8.5703125" style="7" customWidth="1"/>
    <col min="11513" max="11514" width="8.7109375" style="7"/>
    <col min="11515" max="11515" width="7.85546875" style="7" customWidth="1"/>
    <col min="11516" max="11518" width="8.7109375" style="7"/>
    <col min="11519" max="11519" width="11.28515625" style="7" customWidth="1"/>
    <col min="11520" max="11763" width="8.7109375" style="7"/>
    <col min="11764" max="11764" width="1.5703125" style="7" customWidth="1"/>
    <col min="11765" max="11765" width="2.42578125" style="7" customWidth="1"/>
    <col min="11766" max="11766" width="14.28515625" style="7" customWidth="1"/>
    <col min="11767" max="11767" width="14" style="7" customWidth="1"/>
    <col min="11768" max="11768" width="8.5703125" style="7" customWidth="1"/>
    <col min="11769" max="11770" width="8.7109375" style="7"/>
    <col min="11771" max="11771" width="7.85546875" style="7" customWidth="1"/>
    <col min="11772" max="11774" width="8.7109375" style="7"/>
    <col min="11775" max="11775" width="11.28515625" style="7" customWidth="1"/>
    <col min="11776" max="12019" width="8.7109375" style="7"/>
    <col min="12020" max="12020" width="1.5703125" style="7" customWidth="1"/>
    <col min="12021" max="12021" width="2.42578125" style="7" customWidth="1"/>
    <col min="12022" max="12022" width="14.28515625" style="7" customWidth="1"/>
    <col min="12023" max="12023" width="14" style="7" customWidth="1"/>
    <col min="12024" max="12024" width="8.5703125" style="7" customWidth="1"/>
    <col min="12025" max="12026" width="8.7109375" style="7"/>
    <col min="12027" max="12027" width="7.85546875" style="7" customWidth="1"/>
    <col min="12028" max="12030" width="8.7109375" style="7"/>
    <col min="12031" max="12031" width="11.28515625" style="7" customWidth="1"/>
    <col min="12032" max="12275" width="8.7109375" style="7"/>
    <col min="12276" max="12276" width="1.5703125" style="7" customWidth="1"/>
    <col min="12277" max="12277" width="2.42578125" style="7" customWidth="1"/>
    <col min="12278" max="12278" width="14.28515625" style="7" customWidth="1"/>
    <col min="12279" max="12279" width="14" style="7" customWidth="1"/>
    <col min="12280" max="12280" width="8.5703125" style="7" customWidth="1"/>
    <col min="12281" max="12282" width="8.7109375" style="7"/>
    <col min="12283" max="12283" width="7.85546875" style="7" customWidth="1"/>
    <col min="12284" max="12286" width="8.7109375" style="7"/>
    <col min="12287" max="12287" width="11.28515625" style="7" customWidth="1"/>
    <col min="12288" max="12531" width="8.7109375" style="7"/>
    <col min="12532" max="12532" width="1.5703125" style="7" customWidth="1"/>
    <col min="12533" max="12533" width="2.42578125" style="7" customWidth="1"/>
    <col min="12534" max="12534" width="14.28515625" style="7" customWidth="1"/>
    <col min="12535" max="12535" width="14" style="7" customWidth="1"/>
    <col min="12536" max="12536" width="8.5703125" style="7" customWidth="1"/>
    <col min="12537" max="12538" width="8.7109375" style="7"/>
    <col min="12539" max="12539" width="7.85546875" style="7" customWidth="1"/>
    <col min="12540" max="12542" width="8.7109375" style="7"/>
    <col min="12543" max="12543" width="11.28515625" style="7" customWidth="1"/>
    <col min="12544" max="12787" width="8.7109375" style="7"/>
    <col min="12788" max="12788" width="1.5703125" style="7" customWidth="1"/>
    <col min="12789" max="12789" width="2.42578125" style="7" customWidth="1"/>
    <col min="12790" max="12790" width="14.28515625" style="7" customWidth="1"/>
    <col min="12791" max="12791" width="14" style="7" customWidth="1"/>
    <col min="12792" max="12792" width="8.5703125" style="7" customWidth="1"/>
    <col min="12793" max="12794" width="8.7109375" style="7"/>
    <col min="12795" max="12795" width="7.85546875" style="7" customWidth="1"/>
    <col min="12796" max="12798" width="8.7109375" style="7"/>
    <col min="12799" max="12799" width="11.28515625" style="7" customWidth="1"/>
    <col min="12800" max="13043" width="8.7109375" style="7"/>
    <col min="13044" max="13044" width="1.5703125" style="7" customWidth="1"/>
    <col min="13045" max="13045" width="2.42578125" style="7" customWidth="1"/>
    <col min="13046" max="13046" width="14.28515625" style="7" customWidth="1"/>
    <col min="13047" max="13047" width="14" style="7" customWidth="1"/>
    <col min="13048" max="13048" width="8.5703125" style="7" customWidth="1"/>
    <col min="13049" max="13050" width="8.7109375" style="7"/>
    <col min="13051" max="13051" width="7.85546875" style="7" customWidth="1"/>
    <col min="13052" max="13054" width="8.7109375" style="7"/>
    <col min="13055" max="13055" width="11.28515625" style="7" customWidth="1"/>
    <col min="13056" max="13299" width="8.7109375" style="7"/>
    <col min="13300" max="13300" width="1.5703125" style="7" customWidth="1"/>
    <col min="13301" max="13301" width="2.42578125" style="7" customWidth="1"/>
    <col min="13302" max="13302" width="14.28515625" style="7" customWidth="1"/>
    <col min="13303" max="13303" width="14" style="7" customWidth="1"/>
    <col min="13304" max="13304" width="8.5703125" style="7" customWidth="1"/>
    <col min="13305" max="13306" width="8.7109375" style="7"/>
    <col min="13307" max="13307" width="7.85546875" style="7" customWidth="1"/>
    <col min="13308" max="13310" width="8.7109375" style="7"/>
    <col min="13311" max="13311" width="11.28515625" style="7" customWidth="1"/>
    <col min="13312" max="13555" width="8.7109375" style="7"/>
    <col min="13556" max="13556" width="1.5703125" style="7" customWidth="1"/>
    <col min="13557" max="13557" width="2.42578125" style="7" customWidth="1"/>
    <col min="13558" max="13558" width="14.28515625" style="7" customWidth="1"/>
    <col min="13559" max="13559" width="14" style="7" customWidth="1"/>
    <col min="13560" max="13560" width="8.5703125" style="7" customWidth="1"/>
    <col min="13561" max="13562" width="8.7109375" style="7"/>
    <col min="13563" max="13563" width="7.85546875" style="7" customWidth="1"/>
    <col min="13564" max="13566" width="8.7109375" style="7"/>
    <col min="13567" max="13567" width="11.28515625" style="7" customWidth="1"/>
    <col min="13568" max="13811" width="8.7109375" style="7"/>
    <col min="13812" max="13812" width="1.5703125" style="7" customWidth="1"/>
    <col min="13813" max="13813" width="2.42578125" style="7" customWidth="1"/>
    <col min="13814" max="13814" width="14.28515625" style="7" customWidth="1"/>
    <col min="13815" max="13815" width="14" style="7" customWidth="1"/>
    <col min="13816" max="13816" width="8.5703125" style="7" customWidth="1"/>
    <col min="13817" max="13818" width="8.7109375" style="7"/>
    <col min="13819" max="13819" width="7.85546875" style="7" customWidth="1"/>
    <col min="13820" max="13822" width="8.7109375" style="7"/>
    <col min="13823" max="13823" width="11.28515625" style="7" customWidth="1"/>
    <col min="13824" max="14067" width="8.7109375" style="7"/>
    <col min="14068" max="14068" width="1.5703125" style="7" customWidth="1"/>
    <col min="14069" max="14069" width="2.42578125" style="7" customWidth="1"/>
    <col min="14070" max="14070" width="14.28515625" style="7" customWidth="1"/>
    <col min="14071" max="14071" width="14" style="7" customWidth="1"/>
    <col min="14072" max="14072" width="8.5703125" style="7" customWidth="1"/>
    <col min="14073" max="14074" width="8.7109375" style="7"/>
    <col min="14075" max="14075" width="7.85546875" style="7" customWidth="1"/>
    <col min="14076" max="14078" width="8.7109375" style="7"/>
    <col min="14079" max="14079" width="11.28515625" style="7" customWidth="1"/>
    <col min="14080" max="14323" width="8.7109375" style="7"/>
    <col min="14324" max="14324" width="1.5703125" style="7" customWidth="1"/>
    <col min="14325" max="14325" width="2.42578125" style="7" customWidth="1"/>
    <col min="14326" max="14326" width="14.28515625" style="7" customWidth="1"/>
    <col min="14327" max="14327" width="14" style="7" customWidth="1"/>
    <col min="14328" max="14328" width="8.5703125" style="7" customWidth="1"/>
    <col min="14329" max="14330" width="8.7109375" style="7"/>
    <col min="14331" max="14331" width="7.85546875" style="7" customWidth="1"/>
    <col min="14332" max="14334" width="8.7109375" style="7"/>
    <col min="14335" max="14335" width="11.28515625" style="7" customWidth="1"/>
    <col min="14336" max="14579" width="8.7109375" style="7"/>
    <col min="14580" max="14580" width="1.5703125" style="7" customWidth="1"/>
    <col min="14581" max="14581" width="2.42578125" style="7" customWidth="1"/>
    <col min="14582" max="14582" width="14.28515625" style="7" customWidth="1"/>
    <col min="14583" max="14583" width="14" style="7" customWidth="1"/>
    <col min="14584" max="14584" width="8.5703125" style="7" customWidth="1"/>
    <col min="14585" max="14586" width="8.7109375" style="7"/>
    <col min="14587" max="14587" width="7.85546875" style="7" customWidth="1"/>
    <col min="14588" max="14590" width="8.7109375" style="7"/>
    <col min="14591" max="14591" width="11.28515625" style="7" customWidth="1"/>
    <col min="14592" max="14835" width="8.7109375" style="7"/>
    <col min="14836" max="14836" width="1.5703125" style="7" customWidth="1"/>
    <col min="14837" max="14837" width="2.42578125" style="7" customWidth="1"/>
    <col min="14838" max="14838" width="14.28515625" style="7" customWidth="1"/>
    <col min="14839" max="14839" width="14" style="7" customWidth="1"/>
    <col min="14840" max="14840" width="8.5703125" style="7" customWidth="1"/>
    <col min="14841" max="14842" width="8.7109375" style="7"/>
    <col min="14843" max="14843" width="7.85546875" style="7" customWidth="1"/>
    <col min="14844" max="14846" width="8.7109375" style="7"/>
    <col min="14847" max="14847" width="11.28515625" style="7" customWidth="1"/>
    <col min="14848" max="15091" width="8.7109375" style="7"/>
    <col min="15092" max="15092" width="1.5703125" style="7" customWidth="1"/>
    <col min="15093" max="15093" width="2.42578125" style="7" customWidth="1"/>
    <col min="15094" max="15094" width="14.28515625" style="7" customWidth="1"/>
    <col min="15095" max="15095" width="14" style="7" customWidth="1"/>
    <col min="15096" max="15096" width="8.5703125" style="7" customWidth="1"/>
    <col min="15097" max="15098" width="8.7109375" style="7"/>
    <col min="15099" max="15099" width="7.85546875" style="7" customWidth="1"/>
    <col min="15100" max="15102" width="8.7109375" style="7"/>
    <col min="15103" max="15103" width="11.28515625" style="7" customWidth="1"/>
    <col min="15104" max="15347" width="8.7109375" style="7"/>
    <col min="15348" max="15348" width="1.5703125" style="7" customWidth="1"/>
    <col min="15349" max="15349" width="2.42578125" style="7" customWidth="1"/>
    <col min="15350" max="15350" width="14.28515625" style="7" customWidth="1"/>
    <col min="15351" max="15351" width="14" style="7" customWidth="1"/>
    <col min="15352" max="15352" width="8.5703125" style="7" customWidth="1"/>
    <col min="15353" max="15354" width="8.7109375" style="7"/>
    <col min="15355" max="15355" width="7.85546875" style="7" customWidth="1"/>
    <col min="15356" max="15358" width="8.7109375" style="7"/>
    <col min="15359" max="15359" width="11.28515625" style="7" customWidth="1"/>
    <col min="15360" max="15603" width="8.7109375" style="7"/>
    <col min="15604" max="15604" width="1.5703125" style="7" customWidth="1"/>
    <col min="15605" max="15605" width="2.42578125" style="7" customWidth="1"/>
    <col min="15606" max="15606" width="14.28515625" style="7" customWidth="1"/>
    <col min="15607" max="15607" width="14" style="7" customWidth="1"/>
    <col min="15608" max="15608" width="8.5703125" style="7" customWidth="1"/>
    <col min="15609" max="15610" width="8.7109375" style="7"/>
    <col min="15611" max="15611" width="7.85546875" style="7" customWidth="1"/>
    <col min="15612" max="15614" width="8.7109375" style="7"/>
    <col min="15615" max="15615" width="11.28515625" style="7" customWidth="1"/>
    <col min="15616" max="15859" width="8.7109375" style="7"/>
    <col min="15860" max="15860" width="1.5703125" style="7" customWidth="1"/>
    <col min="15861" max="15861" width="2.42578125" style="7" customWidth="1"/>
    <col min="15862" max="15862" width="14.28515625" style="7" customWidth="1"/>
    <col min="15863" max="15863" width="14" style="7" customWidth="1"/>
    <col min="15864" max="15864" width="8.5703125" style="7" customWidth="1"/>
    <col min="15865" max="15866" width="8.7109375" style="7"/>
    <col min="15867" max="15867" width="7.85546875" style="7" customWidth="1"/>
    <col min="15868" max="15870" width="8.7109375" style="7"/>
    <col min="15871" max="15871" width="11.28515625" style="7" customWidth="1"/>
    <col min="15872" max="16115" width="8.7109375" style="7"/>
    <col min="16116" max="16116" width="1.5703125" style="7" customWidth="1"/>
    <col min="16117" max="16117" width="2.42578125" style="7" customWidth="1"/>
    <col min="16118" max="16118" width="14.28515625" style="7" customWidth="1"/>
    <col min="16119" max="16119" width="14" style="7" customWidth="1"/>
    <col min="16120" max="16120" width="8.5703125" style="7" customWidth="1"/>
    <col min="16121" max="16122" width="8.7109375" style="7"/>
    <col min="16123" max="16123" width="7.85546875" style="7" customWidth="1"/>
    <col min="16124" max="16126" width="8.7109375" style="7"/>
    <col min="16127" max="16127" width="11.28515625" style="7" customWidth="1"/>
    <col min="16128" max="16384" width="8.7109375" style="7"/>
  </cols>
  <sheetData>
    <row r="1" spans="1:70" ht="80.099999999999994" customHeight="1" x14ac:dyDescent="0.2">
      <c r="B1" s="22"/>
      <c r="L1" s="22"/>
      <c r="M1" s="22"/>
      <c r="N1" s="22"/>
      <c r="O1" s="22"/>
      <c r="P1" s="22"/>
      <c r="Q1" s="22"/>
      <c r="R1" s="22"/>
      <c r="S1" s="22"/>
      <c r="T1" s="22"/>
      <c r="U1" s="22"/>
      <c r="V1" s="7"/>
      <c r="W1" s="68"/>
      <c r="X1" s="23"/>
      <c r="Y1" s="23"/>
      <c r="Z1" s="23"/>
      <c r="AA1" s="23"/>
      <c r="AB1" s="23"/>
      <c r="AC1" s="23"/>
      <c r="AD1" s="23"/>
      <c r="AE1" s="23"/>
      <c r="AF1" s="23"/>
      <c r="AG1" s="23"/>
      <c r="AH1" s="23"/>
      <c r="AJ1" s="23"/>
      <c r="AK1" s="23"/>
      <c r="AL1" s="23"/>
      <c r="AM1" s="23"/>
      <c r="AN1" s="23"/>
      <c r="AO1" s="23"/>
      <c r="AP1" s="23"/>
      <c r="AQ1" s="23"/>
      <c r="AR1" s="23"/>
      <c r="AS1" s="23"/>
      <c r="AT1" s="113"/>
    </row>
    <row r="2" spans="1:70" ht="24" customHeight="1" x14ac:dyDescent="0.2">
      <c r="A2" s="39"/>
      <c r="B2" s="240" t="s">
        <v>136</v>
      </c>
      <c r="C2" s="240"/>
      <c r="D2" s="240"/>
      <c r="E2" s="240"/>
      <c r="F2" s="240"/>
      <c r="G2" s="240"/>
      <c r="H2" s="240"/>
      <c r="I2" s="240"/>
      <c r="J2" s="240"/>
      <c r="K2" s="240"/>
      <c r="L2" s="240"/>
      <c r="M2" s="240"/>
      <c r="N2" s="240"/>
      <c r="O2" s="240"/>
      <c r="P2" s="240"/>
      <c r="Q2" s="240"/>
      <c r="R2" s="240"/>
      <c r="S2" s="240"/>
      <c r="T2" s="240"/>
      <c r="U2" s="240"/>
      <c r="V2" s="240"/>
      <c r="W2" s="240"/>
      <c r="X2" s="240"/>
      <c r="Y2" s="240"/>
      <c r="Z2" s="240"/>
      <c r="AA2" s="240"/>
      <c r="AB2" s="240"/>
      <c r="AC2" s="240"/>
      <c r="AD2" s="240"/>
      <c r="AE2" s="240"/>
      <c r="AF2" s="240"/>
      <c r="AG2" s="240"/>
      <c r="AH2" s="240"/>
    </row>
    <row r="3" spans="1:70" ht="3.75" customHeight="1" x14ac:dyDescent="0.2">
      <c r="B3" s="84"/>
      <c r="C3" s="84"/>
      <c r="D3" s="140"/>
      <c r="E3" s="140"/>
      <c r="F3" s="140"/>
      <c r="G3" s="140"/>
      <c r="H3" s="140"/>
      <c r="I3" s="140"/>
      <c r="J3" s="140"/>
      <c r="K3" s="140"/>
      <c r="L3" s="34"/>
    </row>
    <row r="4" spans="1:70" ht="24.95" customHeight="1" x14ac:dyDescent="0.2">
      <c r="A4" s="128"/>
      <c r="B4" s="237" t="s">
        <v>14</v>
      </c>
      <c r="C4" s="238"/>
      <c r="D4" s="238"/>
      <c r="E4" s="238"/>
      <c r="F4" s="238"/>
      <c r="G4" s="238"/>
      <c r="H4" s="238"/>
      <c r="I4" s="238"/>
      <c r="J4" s="238"/>
      <c r="K4" s="238"/>
      <c r="L4" s="238"/>
      <c r="M4" s="238"/>
      <c r="N4" s="238"/>
      <c r="O4" s="238"/>
      <c r="P4" s="238"/>
      <c r="Q4" s="238"/>
      <c r="R4" s="238"/>
      <c r="S4" s="238"/>
      <c r="T4" s="238"/>
      <c r="U4" s="238"/>
      <c r="V4" s="238"/>
      <c r="W4" s="238"/>
      <c r="X4" s="238"/>
      <c r="Y4" s="238"/>
      <c r="Z4" s="238"/>
      <c r="AA4" s="238"/>
      <c r="AB4" s="238"/>
      <c r="AC4" s="238"/>
      <c r="AD4" s="238"/>
      <c r="AE4" s="238"/>
      <c r="AF4" s="238"/>
      <c r="AG4" s="238"/>
      <c r="AH4" s="239"/>
    </row>
    <row r="5" spans="1:70" ht="3.75" customHeight="1" x14ac:dyDescent="0.2">
      <c r="B5" s="84"/>
      <c r="C5" s="84"/>
      <c r="D5" s="186"/>
      <c r="E5" s="186"/>
      <c r="F5" s="186"/>
      <c r="G5" s="186"/>
      <c r="H5" s="186"/>
      <c r="I5" s="186"/>
      <c r="J5" s="186"/>
      <c r="K5" s="186"/>
      <c r="L5" s="34"/>
      <c r="AH5" s="69"/>
      <c r="AI5" s="113"/>
      <c r="AJ5" s="7"/>
    </row>
    <row r="6" spans="1:70" ht="20.100000000000001" customHeight="1" x14ac:dyDescent="0.2">
      <c r="B6" s="35" t="s">
        <v>18</v>
      </c>
      <c r="C6" s="82"/>
      <c r="D6" s="217" t="str">
        <f>IF('Input Form'!D6="", "", 'Input Form'!D6)</f>
        <v>SHETLAND UHI LTD</v>
      </c>
      <c r="E6" s="218"/>
      <c r="F6" s="218"/>
      <c r="G6" s="218"/>
      <c r="H6" s="218"/>
      <c r="I6" s="218"/>
      <c r="J6" s="218"/>
      <c r="K6" s="218"/>
      <c r="L6" s="218"/>
      <c r="M6" s="218"/>
      <c r="N6" s="218"/>
      <c r="O6" s="218"/>
      <c r="P6" s="218"/>
      <c r="Q6" s="218"/>
      <c r="R6" s="218"/>
      <c r="S6" s="218"/>
      <c r="T6" s="218"/>
      <c r="U6" s="218"/>
      <c r="V6" s="218"/>
      <c r="W6" s="218"/>
      <c r="X6" s="218"/>
      <c r="Y6" s="218"/>
      <c r="Z6" s="218"/>
      <c r="AA6" s="218"/>
      <c r="AB6" s="218"/>
      <c r="AC6" s="218"/>
      <c r="AD6" s="218"/>
      <c r="AE6" s="218"/>
      <c r="AF6" s="218"/>
      <c r="AG6" s="218"/>
      <c r="AH6" s="219"/>
      <c r="AI6" s="113"/>
      <c r="AJ6" s="7"/>
      <c r="BR6" s="7" t="s">
        <v>2</v>
      </c>
    </row>
    <row r="7" spans="1:70" ht="3.75" customHeight="1" x14ac:dyDescent="0.2">
      <c r="B7" s="34"/>
      <c r="C7" s="84"/>
      <c r="D7" s="135"/>
      <c r="E7" s="135"/>
      <c r="F7" s="135"/>
      <c r="G7" s="135"/>
      <c r="H7" s="135"/>
      <c r="I7" s="135"/>
      <c r="J7" s="135"/>
      <c r="K7" s="135"/>
      <c r="L7" s="135"/>
      <c r="M7" s="135"/>
      <c r="N7" s="135"/>
      <c r="O7" s="135"/>
      <c r="P7" s="135"/>
      <c r="Q7" s="135"/>
      <c r="R7" s="135"/>
      <c r="S7" s="135"/>
      <c r="T7" s="135"/>
      <c r="U7" s="135"/>
      <c r="V7" s="135"/>
      <c r="W7" s="135"/>
      <c r="X7" s="135"/>
      <c r="Y7" s="135"/>
      <c r="Z7" s="135"/>
      <c r="AA7" s="135"/>
      <c r="AB7" s="135"/>
      <c r="AC7" s="135"/>
      <c r="AD7" s="135"/>
      <c r="AE7" s="135"/>
      <c r="AF7" s="135"/>
      <c r="AG7" s="135"/>
      <c r="AI7" s="113"/>
      <c r="AJ7" s="7"/>
    </row>
    <row r="8" spans="1:70" ht="20.100000000000001" customHeight="1" x14ac:dyDescent="0.2">
      <c r="B8" s="34" t="s">
        <v>22</v>
      </c>
      <c r="C8" s="84"/>
      <c r="D8" s="217" t="str">
        <f>IF('Input Form'!D8="", "", 'Input Form'!D8)</f>
        <v>GREMISTA</v>
      </c>
      <c r="E8" s="218"/>
      <c r="F8" s="218"/>
      <c r="G8" s="218"/>
      <c r="H8" s="218"/>
      <c r="I8" s="218"/>
      <c r="J8" s="218"/>
      <c r="K8" s="218"/>
      <c r="L8" s="218"/>
      <c r="M8" s="218"/>
      <c r="N8" s="218"/>
      <c r="O8" s="218"/>
      <c r="P8" s="218"/>
      <c r="Q8" s="218"/>
      <c r="R8" s="218"/>
      <c r="S8" s="218"/>
      <c r="T8" s="218"/>
      <c r="U8" s="218"/>
      <c r="V8" s="218"/>
      <c r="W8" s="218"/>
      <c r="X8" s="218"/>
      <c r="Y8" s="218"/>
      <c r="Z8" s="218"/>
      <c r="AA8" s="218"/>
      <c r="AB8" s="218"/>
      <c r="AC8" s="218"/>
      <c r="AD8" s="218"/>
      <c r="AE8" s="218"/>
      <c r="AF8" s="218"/>
      <c r="AG8" s="218"/>
      <c r="AH8" s="219"/>
      <c r="AI8" s="113"/>
      <c r="AJ8" s="7"/>
    </row>
    <row r="9" spans="1:70" ht="4.5" customHeight="1" x14ac:dyDescent="0.2">
      <c r="B9" s="34"/>
      <c r="C9" s="34"/>
      <c r="D9" s="114"/>
      <c r="E9" s="114"/>
      <c r="F9" s="114"/>
      <c r="G9" s="114"/>
      <c r="H9" s="114"/>
      <c r="I9" s="114"/>
      <c r="J9" s="114"/>
      <c r="K9" s="114"/>
      <c r="L9" s="114"/>
      <c r="M9" s="135"/>
      <c r="N9" s="148"/>
      <c r="O9" s="135"/>
      <c r="P9" s="135"/>
      <c r="Q9" s="135"/>
      <c r="R9" s="135"/>
      <c r="S9" s="135"/>
      <c r="T9" s="135"/>
      <c r="U9" s="135"/>
      <c r="V9" s="149"/>
      <c r="W9" s="135"/>
      <c r="X9" s="135"/>
      <c r="Y9" s="135"/>
      <c r="Z9" s="135"/>
      <c r="AA9" s="135"/>
      <c r="AB9" s="135"/>
      <c r="AC9" s="135"/>
      <c r="AD9" s="135"/>
      <c r="AE9" s="135"/>
      <c r="AF9" s="135"/>
      <c r="AG9" s="135"/>
      <c r="AI9" s="113"/>
      <c r="AJ9" s="7"/>
      <c r="AN9" s="225"/>
      <c r="AO9" s="225"/>
      <c r="AP9" s="225"/>
      <c r="AQ9" s="225"/>
      <c r="AR9" s="225"/>
      <c r="AS9" s="225"/>
      <c r="AT9" s="225"/>
    </row>
    <row r="10" spans="1:70" ht="20.100000000000001" customHeight="1" x14ac:dyDescent="0.2">
      <c r="B10" s="7"/>
      <c r="C10" s="7"/>
      <c r="D10" s="217" t="str">
        <f>IF('Input Form'!D9="", "", 'Input Form'!D9)</f>
        <v>INDUSTRIAL ESTATE</v>
      </c>
      <c r="E10" s="218"/>
      <c r="F10" s="218"/>
      <c r="G10" s="218"/>
      <c r="H10" s="218"/>
      <c r="I10" s="218"/>
      <c r="J10" s="218"/>
      <c r="K10" s="218"/>
      <c r="L10" s="218"/>
      <c r="M10" s="218"/>
      <c r="N10" s="218"/>
      <c r="O10" s="218"/>
      <c r="P10" s="218"/>
      <c r="Q10" s="218"/>
      <c r="R10" s="218"/>
      <c r="S10" s="218"/>
      <c r="T10" s="218"/>
      <c r="U10" s="218"/>
      <c r="V10" s="218"/>
      <c r="W10" s="218"/>
      <c r="X10" s="218"/>
      <c r="Y10" s="218"/>
      <c r="Z10" s="218"/>
      <c r="AA10" s="218"/>
      <c r="AB10" s="218"/>
      <c r="AC10" s="218"/>
      <c r="AD10" s="218"/>
      <c r="AE10" s="218"/>
      <c r="AF10" s="218"/>
      <c r="AG10" s="218"/>
      <c r="AH10" s="219"/>
      <c r="AI10" s="113"/>
      <c r="AJ10" s="7"/>
    </row>
    <row r="11" spans="1:70" ht="4.5" customHeight="1" x14ac:dyDescent="0.2">
      <c r="B11" s="7"/>
      <c r="C11" s="7"/>
      <c r="D11" s="135"/>
      <c r="E11" s="135"/>
      <c r="F11" s="135"/>
      <c r="G11" s="135"/>
      <c r="H11" s="135"/>
      <c r="I11" s="135"/>
      <c r="J11" s="135"/>
      <c r="K11" s="135"/>
      <c r="L11" s="135"/>
      <c r="M11" s="135"/>
      <c r="N11" s="148"/>
      <c r="O11" s="135"/>
      <c r="P11" s="135"/>
      <c r="Q11" s="135"/>
      <c r="R11" s="135"/>
      <c r="S11" s="135"/>
      <c r="T11" s="135"/>
      <c r="U11" s="135"/>
      <c r="V11" s="149"/>
      <c r="W11" s="135"/>
      <c r="X11" s="135"/>
      <c r="Y11" s="135"/>
      <c r="Z11" s="135"/>
      <c r="AA11" s="135"/>
      <c r="AB11" s="135"/>
      <c r="AC11" s="135"/>
      <c r="AD11" s="135"/>
      <c r="AE11" s="135"/>
      <c r="AF11" s="135"/>
      <c r="AG11" s="135"/>
      <c r="AI11" s="113"/>
      <c r="AJ11" s="7"/>
      <c r="AN11" s="225"/>
      <c r="AO11" s="225"/>
      <c r="AP11" s="225"/>
      <c r="AQ11" s="225"/>
      <c r="AR11" s="225"/>
      <c r="AS11" s="225"/>
      <c r="AT11" s="225"/>
    </row>
    <row r="12" spans="1:70" ht="20.100000000000001" customHeight="1" x14ac:dyDescent="0.2">
      <c r="B12" s="7"/>
      <c r="C12" s="7"/>
      <c r="D12" s="217" t="str">
        <f>IF('Input Form'!D10="", "", 'Input Form'!D10)</f>
        <v>SHETLAND</v>
      </c>
      <c r="E12" s="218"/>
      <c r="F12" s="218"/>
      <c r="G12" s="218"/>
      <c r="H12" s="218"/>
      <c r="I12" s="218"/>
      <c r="J12" s="218"/>
      <c r="K12" s="218"/>
      <c r="L12" s="218"/>
      <c r="M12" s="218"/>
      <c r="N12" s="218"/>
      <c r="O12" s="218"/>
      <c r="P12" s="218"/>
      <c r="Q12" s="218"/>
      <c r="R12" s="218"/>
      <c r="S12" s="218"/>
      <c r="T12" s="218"/>
      <c r="U12" s="218"/>
      <c r="V12" s="218"/>
      <c r="W12" s="218"/>
      <c r="X12" s="218"/>
      <c r="Y12" s="218"/>
      <c r="Z12" s="218"/>
      <c r="AA12" s="218"/>
      <c r="AB12" s="218"/>
      <c r="AC12" s="218"/>
      <c r="AD12" s="218"/>
      <c r="AE12" s="218"/>
      <c r="AF12" s="218"/>
      <c r="AG12" s="218"/>
      <c r="AH12" s="219"/>
      <c r="AI12" s="113"/>
      <c r="AJ12" s="7"/>
    </row>
    <row r="13" spans="1:70" ht="4.5" customHeight="1" x14ac:dyDescent="0.2">
      <c r="B13" s="7"/>
      <c r="C13" s="7"/>
      <c r="D13" s="135"/>
      <c r="E13" s="135"/>
      <c r="F13" s="135"/>
      <c r="G13" s="135"/>
      <c r="H13" s="135"/>
      <c r="I13" s="135"/>
      <c r="J13" s="135"/>
      <c r="K13" s="135"/>
      <c r="L13" s="135"/>
      <c r="M13" s="135"/>
      <c r="N13" s="148"/>
      <c r="O13" s="135"/>
      <c r="P13" s="135"/>
      <c r="Q13" s="135"/>
      <c r="R13" s="135"/>
      <c r="S13" s="135"/>
      <c r="T13" s="135"/>
      <c r="U13" s="135"/>
      <c r="V13" s="149"/>
      <c r="W13" s="135"/>
      <c r="X13" s="135"/>
      <c r="Y13" s="135"/>
      <c r="Z13" s="135"/>
      <c r="AA13" s="135"/>
      <c r="AB13" s="135"/>
      <c r="AC13" s="135"/>
      <c r="AD13" s="135"/>
      <c r="AE13" s="135"/>
      <c r="AF13" s="135"/>
      <c r="AG13" s="135"/>
      <c r="AI13" s="113"/>
      <c r="AJ13" s="7"/>
      <c r="AN13" s="225"/>
      <c r="AO13" s="225"/>
      <c r="AP13" s="225"/>
      <c r="AQ13" s="225"/>
      <c r="AR13" s="225"/>
      <c r="AS13" s="225"/>
      <c r="AT13" s="225"/>
    </row>
    <row r="14" spans="1:70" ht="20.100000000000001" customHeight="1" x14ac:dyDescent="0.2">
      <c r="B14" s="7"/>
      <c r="C14" s="7"/>
      <c r="D14" s="217" t="str">
        <f>IF('Input Form'!D11="", "", 'Input Form'!D11)</f>
        <v/>
      </c>
      <c r="E14" s="218"/>
      <c r="F14" s="218"/>
      <c r="G14" s="218"/>
      <c r="H14" s="218"/>
      <c r="I14" s="218"/>
      <c r="J14" s="218"/>
      <c r="K14" s="218"/>
      <c r="L14" s="218"/>
      <c r="M14" s="218"/>
      <c r="N14" s="218"/>
      <c r="O14" s="218"/>
      <c r="P14" s="218"/>
      <c r="Q14" s="218"/>
      <c r="R14" s="218"/>
      <c r="S14" s="218"/>
      <c r="T14" s="218"/>
      <c r="U14" s="218"/>
      <c r="V14" s="218"/>
      <c r="W14" s="218"/>
      <c r="X14" s="218"/>
      <c r="Y14" s="218"/>
      <c r="Z14" s="218"/>
      <c r="AA14" s="218"/>
      <c r="AB14" s="218"/>
      <c r="AC14" s="218"/>
      <c r="AD14" s="218"/>
      <c r="AE14" s="218"/>
      <c r="AF14" s="218"/>
      <c r="AG14" s="218"/>
      <c r="AH14" s="219"/>
      <c r="AI14" s="113"/>
      <c r="AJ14" s="7"/>
    </row>
    <row r="15" spans="1:70" ht="4.5" customHeight="1" x14ac:dyDescent="0.2">
      <c r="B15" s="34"/>
      <c r="C15" s="34"/>
      <c r="D15" s="114"/>
      <c r="E15" s="114"/>
      <c r="F15" s="114"/>
      <c r="G15" s="114"/>
      <c r="H15" s="114"/>
      <c r="I15" s="114"/>
      <c r="J15" s="114"/>
      <c r="K15" s="114"/>
      <c r="L15" s="114"/>
      <c r="M15" s="135"/>
      <c r="N15" s="135"/>
      <c r="O15" s="135"/>
      <c r="P15" s="135"/>
      <c r="Q15" s="135"/>
      <c r="R15" s="135"/>
      <c r="S15" s="135"/>
      <c r="T15" s="135"/>
      <c r="U15" s="135"/>
      <c r="V15" s="149"/>
      <c r="W15" s="135"/>
      <c r="X15" s="135"/>
      <c r="Y15" s="135"/>
      <c r="Z15" s="135"/>
      <c r="AA15" s="135"/>
      <c r="AB15" s="135"/>
      <c r="AC15" s="135"/>
      <c r="AD15" s="135"/>
      <c r="AE15" s="135"/>
      <c r="AF15" s="135"/>
      <c r="AG15" s="135"/>
      <c r="AI15" s="113"/>
      <c r="AJ15" s="7"/>
      <c r="AN15" s="225"/>
      <c r="AO15" s="225"/>
      <c r="AP15" s="225"/>
      <c r="AQ15" s="225"/>
      <c r="AR15" s="225"/>
      <c r="AS15" s="225"/>
      <c r="AT15" s="225"/>
    </row>
    <row r="16" spans="1:70" ht="20.100000000000001" customHeight="1" x14ac:dyDescent="0.2">
      <c r="B16" s="17" t="s">
        <v>4</v>
      </c>
      <c r="C16" s="35"/>
      <c r="D16" s="217" t="str">
        <f>IF('Input Form'!D15="", "", 'Input Form'!D15)</f>
        <v>N/A</v>
      </c>
      <c r="E16" s="218"/>
      <c r="F16" s="218"/>
      <c r="G16" s="218"/>
      <c r="H16" s="218"/>
      <c r="I16" s="218"/>
      <c r="J16" s="218"/>
      <c r="K16" s="218"/>
      <c r="L16" s="218"/>
      <c r="M16" s="218"/>
      <c r="N16" s="218"/>
      <c r="O16" s="218"/>
      <c r="P16" s="218"/>
      <c r="Q16" s="219"/>
      <c r="R16" s="205"/>
      <c r="S16" s="135" t="s">
        <v>1</v>
      </c>
      <c r="T16" s="147"/>
      <c r="U16" s="147"/>
      <c r="W16" s="147"/>
      <c r="X16" s="217" t="str">
        <f>IF('Input Form'!D13="", "", 'Input Form'!D13)</f>
        <v>ZE1 0PX</v>
      </c>
      <c r="Y16" s="218"/>
      <c r="Z16" s="218"/>
      <c r="AA16" s="218"/>
      <c r="AB16" s="218"/>
      <c r="AC16" s="218"/>
      <c r="AD16" s="218"/>
      <c r="AE16" s="218"/>
      <c r="AF16" s="218"/>
      <c r="AG16" s="218"/>
      <c r="AH16" s="219"/>
    </row>
    <row r="17" spans="1:53" x14ac:dyDescent="0.2">
      <c r="A17" s="128"/>
      <c r="B17" s="34"/>
      <c r="C17" s="34"/>
      <c r="D17" s="34"/>
      <c r="E17" s="34"/>
      <c r="F17" s="34"/>
      <c r="G17" s="34"/>
      <c r="H17" s="34"/>
      <c r="I17" s="34"/>
      <c r="J17" s="34"/>
      <c r="K17" s="34"/>
      <c r="L17" s="34"/>
      <c r="M17" s="127"/>
    </row>
    <row r="18" spans="1:53" ht="24.95" customHeight="1" x14ac:dyDescent="0.2">
      <c r="A18" s="128"/>
      <c r="B18" s="237" t="s">
        <v>11</v>
      </c>
      <c r="C18" s="238"/>
      <c r="D18" s="238"/>
      <c r="E18" s="238"/>
      <c r="F18" s="238"/>
      <c r="G18" s="238"/>
      <c r="H18" s="238"/>
      <c r="I18" s="238"/>
      <c r="J18" s="238"/>
      <c r="K18" s="238"/>
      <c r="L18" s="238"/>
      <c r="M18" s="238"/>
      <c r="N18" s="238"/>
      <c r="O18" s="238"/>
      <c r="P18" s="238"/>
      <c r="Q18" s="238"/>
      <c r="R18" s="238"/>
      <c r="S18" s="238"/>
      <c r="T18" s="238"/>
      <c r="U18" s="238"/>
      <c r="V18" s="238"/>
      <c r="W18" s="238"/>
      <c r="X18" s="238"/>
      <c r="Y18" s="238"/>
      <c r="Z18" s="238"/>
      <c r="AA18" s="238"/>
      <c r="AB18" s="238"/>
      <c r="AC18" s="238"/>
      <c r="AD18" s="238"/>
      <c r="AE18" s="238"/>
      <c r="AF18" s="238"/>
      <c r="AG18" s="238"/>
      <c r="AH18" s="239"/>
    </row>
    <row r="19" spans="1:53" ht="6" customHeight="1" x14ac:dyDescent="0.2">
      <c r="A19" s="128"/>
      <c r="B19" s="34"/>
      <c r="C19" s="34"/>
      <c r="D19" s="34"/>
      <c r="E19" s="34"/>
      <c r="F19" s="34"/>
      <c r="G19" s="34"/>
      <c r="H19" s="34"/>
      <c r="I19" s="34"/>
      <c r="J19" s="34"/>
      <c r="K19" s="34"/>
      <c r="L19" s="34"/>
      <c r="M19" s="127"/>
    </row>
    <row r="20" spans="1:53" ht="17.100000000000001" customHeight="1" x14ac:dyDescent="0.2">
      <c r="A20" s="128"/>
      <c r="B20" s="34" t="s">
        <v>17</v>
      </c>
      <c r="C20" s="34"/>
      <c r="D20" s="34"/>
      <c r="E20" s="34"/>
      <c r="F20" s="34"/>
      <c r="G20" s="34"/>
      <c r="H20" s="34"/>
      <c r="I20" s="34"/>
      <c r="J20" s="34"/>
      <c r="K20" s="34"/>
      <c r="L20" s="34"/>
      <c r="M20" s="1"/>
      <c r="AU20" s="225"/>
      <c r="AV20" s="225"/>
      <c r="AW20" s="225"/>
      <c r="AX20" s="225"/>
      <c r="AY20" s="225"/>
      <c r="AZ20" s="225"/>
      <c r="BA20" s="225"/>
    </row>
    <row r="21" spans="1:53" ht="20.100000000000001" customHeight="1" x14ac:dyDescent="0.2">
      <c r="A21" s="128"/>
      <c r="B21" s="35" t="s">
        <v>132</v>
      </c>
      <c r="C21" s="255"/>
      <c r="D21" s="256"/>
      <c r="E21" s="256"/>
      <c r="F21" s="256"/>
      <c r="G21" s="256"/>
      <c r="H21" s="256"/>
      <c r="I21" s="256"/>
      <c r="J21" s="256"/>
      <c r="K21" s="256"/>
      <c r="L21" s="256"/>
      <c r="M21" s="256"/>
      <c r="N21" s="256"/>
      <c r="O21" s="257"/>
      <c r="P21" s="35" t="s">
        <v>207</v>
      </c>
    </row>
    <row r="22" spans="1:53" ht="4.5" customHeight="1" x14ac:dyDescent="0.2">
      <c r="A22" s="128"/>
      <c r="B22" s="34"/>
      <c r="C22" s="34"/>
      <c r="D22" s="34"/>
      <c r="E22" s="34"/>
      <c r="F22" s="34"/>
      <c r="G22" s="34"/>
      <c r="H22" s="34"/>
      <c r="I22" s="34"/>
      <c r="J22" s="34"/>
      <c r="K22" s="34"/>
      <c r="L22" s="34"/>
      <c r="M22" s="1"/>
    </row>
    <row r="23" spans="1:53" ht="20.100000000000001" customHeight="1" x14ac:dyDescent="0.2">
      <c r="A23" s="128"/>
      <c r="B23" s="35" t="s">
        <v>180</v>
      </c>
      <c r="C23" s="217" t="str">
        <f>D6</f>
        <v>SHETLAND UHI LTD</v>
      </c>
      <c r="D23" s="218"/>
      <c r="E23" s="218"/>
      <c r="F23" s="218"/>
      <c r="G23" s="218"/>
      <c r="H23" s="218"/>
      <c r="I23" s="218"/>
      <c r="J23" s="218"/>
      <c r="K23" s="218"/>
      <c r="L23" s="218"/>
      <c r="M23" s="218"/>
      <c r="N23" s="218"/>
      <c r="O23" s="219"/>
      <c r="P23" s="22" t="s">
        <v>188</v>
      </c>
      <c r="Q23" s="140"/>
      <c r="V23" s="7"/>
      <c r="X23"/>
      <c r="Y23"/>
      <c r="Z23"/>
      <c r="AA23"/>
      <c r="AB23"/>
      <c r="AC23"/>
      <c r="AD23"/>
      <c r="AE23"/>
    </row>
    <row r="24" spans="1:53" ht="1.5" customHeight="1" x14ac:dyDescent="0.2">
      <c r="A24" s="128"/>
      <c r="B24" s="34"/>
      <c r="C24" s="34"/>
      <c r="D24" s="34"/>
      <c r="E24" s="34"/>
      <c r="F24" s="34"/>
      <c r="G24" s="34"/>
      <c r="H24" s="34"/>
      <c r="I24" s="34"/>
      <c r="J24" s="34"/>
      <c r="K24" s="34"/>
      <c r="L24" s="34"/>
      <c r="M24" s="1"/>
    </row>
    <row r="25" spans="1:53" ht="21" customHeight="1" x14ac:dyDescent="0.2">
      <c r="A25" s="128"/>
      <c r="B25" s="22" t="s">
        <v>189</v>
      </c>
      <c r="C25" s="7"/>
      <c r="D25" s="7"/>
      <c r="E25" s="7"/>
      <c r="F25" s="7"/>
      <c r="G25" s="7"/>
      <c r="H25" s="7"/>
      <c r="I25" s="7"/>
      <c r="J25" s="7"/>
      <c r="K25" s="7"/>
      <c r="L25" s="7"/>
      <c r="Z25" s="258"/>
      <c r="AA25" s="259"/>
      <c r="AB25" s="259"/>
      <c r="AC25" s="259"/>
      <c r="AD25" s="259"/>
      <c r="AE25" s="259"/>
      <c r="AF25" s="260"/>
      <c r="AG25" s="28" t="s">
        <v>133</v>
      </c>
      <c r="AH25" s="28"/>
      <c r="AJ25" s="7"/>
    </row>
    <row r="26" spans="1:53" ht="1.5" customHeight="1" x14ac:dyDescent="0.2">
      <c r="A26" s="128"/>
      <c r="B26" s="34"/>
      <c r="C26" s="34"/>
      <c r="D26" s="34"/>
      <c r="E26" s="34"/>
      <c r="F26" s="34"/>
      <c r="G26" s="34"/>
      <c r="H26" s="34"/>
      <c r="I26" s="34"/>
      <c r="J26" s="34"/>
      <c r="K26" s="34"/>
      <c r="L26" s="34"/>
      <c r="M26" s="1"/>
    </row>
    <row r="27" spans="1:53" ht="128.44999999999999" customHeight="1" x14ac:dyDescent="0.2">
      <c r="A27" s="128"/>
      <c r="B27" s="245" t="s">
        <v>203</v>
      </c>
      <c r="C27" s="245"/>
      <c r="D27" s="245"/>
      <c r="E27" s="245"/>
      <c r="F27" s="245"/>
      <c r="G27" s="245"/>
      <c r="H27" s="245"/>
      <c r="I27" s="245"/>
      <c r="J27" s="245"/>
      <c r="K27" s="245"/>
      <c r="L27" s="245"/>
      <c r="M27" s="245"/>
      <c r="N27" s="245"/>
      <c r="O27" s="245"/>
      <c r="P27" s="245"/>
      <c r="Q27" s="245"/>
      <c r="R27" s="245"/>
      <c r="S27" s="245"/>
      <c r="T27" s="245"/>
      <c r="U27" s="245"/>
      <c r="V27" s="245"/>
      <c r="W27" s="245"/>
      <c r="X27" s="245"/>
      <c r="Y27" s="245"/>
      <c r="Z27" s="245"/>
      <c r="AA27" s="245"/>
      <c r="AB27" s="245"/>
      <c r="AC27" s="245"/>
      <c r="AD27" s="245"/>
      <c r="AE27" s="245"/>
      <c r="AF27" s="245"/>
      <c r="AG27" s="245"/>
      <c r="AH27" s="245"/>
    </row>
    <row r="28" spans="1:53" ht="133.5" customHeight="1" x14ac:dyDescent="0.2">
      <c r="A28" s="128"/>
      <c r="B28" s="245" t="s">
        <v>206</v>
      </c>
      <c r="C28" s="245"/>
      <c r="D28" s="245"/>
      <c r="E28" s="245"/>
      <c r="F28" s="245"/>
      <c r="G28" s="245"/>
      <c r="H28" s="245"/>
      <c r="I28" s="245"/>
      <c r="J28" s="245"/>
      <c r="K28" s="245"/>
      <c r="L28" s="245"/>
      <c r="M28" s="245"/>
      <c r="N28" s="245"/>
      <c r="O28" s="245"/>
      <c r="P28" s="245"/>
      <c r="Q28" s="245"/>
      <c r="R28" s="245"/>
      <c r="S28" s="245"/>
      <c r="T28" s="245"/>
      <c r="U28" s="245"/>
      <c r="V28" s="245"/>
      <c r="W28" s="245"/>
      <c r="X28" s="245"/>
      <c r="Y28" s="245"/>
      <c r="Z28" s="245"/>
      <c r="AA28" s="245"/>
      <c r="AB28" s="245"/>
      <c r="AC28" s="245"/>
      <c r="AD28" s="245"/>
      <c r="AE28" s="245"/>
      <c r="AF28" s="245"/>
      <c r="AG28" s="245"/>
      <c r="AH28" s="245"/>
    </row>
    <row r="29" spans="1:53" ht="9" customHeight="1" x14ac:dyDescent="0.2">
      <c r="A29" s="127"/>
      <c r="B29" s="1"/>
      <c r="C29" s="1"/>
      <c r="D29" s="1"/>
      <c r="E29" s="1"/>
      <c r="F29" s="1"/>
      <c r="G29" s="1"/>
      <c r="H29" s="1"/>
      <c r="I29" s="1"/>
      <c r="J29" s="1"/>
      <c r="K29" s="1"/>
      <c r="L29" s="1"/>
      <c r="M29" s="127"/>
      <c r="N29" s="127"/>
      <c r="O29" s="127"/>
      <c r="P29" s="127"/>
      <c r="Q29" s="127"/>
      <c r="R29" s="127"/>
      <c r="S29" s="127"/>
      <c r="T29" s="127"/>
      <c r="U29" s="127"/>
      <c r="V29" s="150"/>
      <c r="W29" s="127"/>
      <c r="X29" s="127"/>
      <c r="Y29" s="127"/>
      <c r="Z29" s="127"/>
    </row>
    <row r="30" spans="1:53" ht="20.100000000000001" customHeight="1" x14ac:dyDescent="0.2">
      <c r="A30" s="127"/>
      <c r="B30" s="1" t="s">
        <v>15</v>
      </c>
      <c r="C30" s="1"/>
      <c r="D30" s="127"/>
      <c r="E30" s="151"/>
      <c r="F30" s="246" t="str">
        <f>IF('Input Form'!D6="", "", 'Input Form'!D6)</f>
        <v>SHETLAND UHI LTD</v>
      </c>
      <c r="G30" s="247"/>
      <c r="H30" s="247"/>
      <c r="I30" s="247"/>
      <c r="J30" s="247"/>
      <c r="K30" s="247"/>
      <c r="L30" s="247"/>
      <c r="M30" s="247"/>
      <c r="N30" s="247"/>
      <c r="O30" s="247"/>
      <c r="P30" s="247"/>
      <c r="Q30" s="247"/>
      <c r="R30" s="247"/>
      <c r="S30" s="247"/>
      <c r="T30" s="247"/>
      <c r="U30" s="247"/>
      <c r="V30" s="247"/>
      <c r="W30" s="247"/>
      <c r="X30" s="247"/>
      <c r="Y30" s="248"/>
      <c r="Z30" s="152" t="s">
        <v>77</v>
      </c>
    </row>
    <row r="31" spans="1:53" ht="6.95" customHeight="1" x14ac:dyDescent="0.2">
      <c r="A31" s="127"/>
      <c r="B31" s="1"/>
      <c r="C31" s="1"/>
      <c r="D31" s="1"/>
      <c r="E31" s="1"/>
      <c r="F31" s="1"/>
      <c r="G31" s="1"/>
      <c r="H31" s="1"/>
      <c r="I31" s="1"/>
      <c r="J31" s="1"/>
      <c r="K31" s="1"/>
      <c r="L31" s="1"/>
      <c r="M31" s="127"/>
      <c r="N31" s="127"/>
      <c r="O31" s="127"/>
      <c r="P31" s="127"/>
      <c r="Q31" s="127"/>
      <c r="R31" s="127"/>
      <c r="S31" s="127"/>
      <c r="T31" s="127"/>
      <c r="U31" s="127"/>
      <c r="V31" s="150"/>
      <c r="W31" s="127"/>
      <c r="X31" s="127"/>
      <c r="Y31" s="127"/>
      <c r="Z31" s="127"/>
    </row>
    <row r="32" spans="1:53" ht="20.100000000000001" customHeight="1" x14ac:dyDescent="0.2">
      <c r="A32" s="127"/>
      <c r="B32" s="1" t="s">
        <v>27</v>
      </c>
      <c r="C32" s="249"/>
      <c r="D32" s="250"/>
      <c r="E32" s="250"/>
      <c r="F32" s="250"/>
      <c r="G32" s="250"/>
      <c r="H32" s="250"/>
      <c r="I32" s="250"/>
      <c r="J32" s="250"/>
      <c r="K32" s="250"/>
      <c r="L32" s="250"/>
      <c r="M32" s="250"/>
      <c r="N32" s="250"/>
      <c r="O32" s="250"/>
      <c r="P32" s="250"/>
      <c r="Q32" s="250"/>
      <c r="R32" s="250"/>
      <c r="S32" s="250"/>
      <c r="T32" s="250"/>
      <c r="U32" s="250"/>
      <c r="V32" s="250"/>
      <c r="W32" s="250"/>
      <c r="X32" s="250"/>
      <c r="Y32" s="251"/>
      <c r="Z32" s="152" t="s">
        <v>28</v>
      </c>
    </row>
    <row r="33" spans="1:36" ht="6.95" customHeight="1" x14ac:dyDescent="0.2">
      <c r="A33" s="127"/>
      <c r="B33" s="1"/>
      <c r="C33" s="1"/>
      <c r="D33" s="1"/>
      <c r="E33" s="1"/>
      <c r="F33" s="1"/>
      <c r="G33" s="1"/>
      <c r="H33" s="1"/>
      <c r="I33" s="1"/>
      <c r="J33" s="1"/>
      <c r="K33" s="1"/>
      <c r="L33" s="1"/>
      <c r="M33" s="127"/>
      <c r="N33" s="127"/>
      <c r="O33" s="127"/>
      <c r="P33" s="127"/>
      <c r="Q33" s="127"/>
      <c r="R33" s="127"/>
      <c r="S33" s="127"/>
      <c r="T33" s="127"/>
      <c r="U33" s="127"/>
      <c r="V33" s="150"/>
      <c r="W33" s="127"/>
      <c r="X33" s="127"/>
      <c r="Y33" s="127"/>
      <c r="Z33" s="127"/>
    </row>
    <row r="34" spans="1:36" ht="20.100000000000001" customHeight="1" x14ac:dyDescent="0.2">
      <c r="A34" s="127"/>
      <c r="B34" s="1" t="s">
        <v>16</v>
      </c>
      <c r="C34" s="249"/>
      <c r="D34" s="250"/>
      <c r="E34" s="250"/>
      <c r="F34" s="250"/>
      <c r="G34" s="250"/>
      <c r="H34" s="250"/>
      <c r="I34" s="251"/>
      <c r="J34" s="152" t="s">
        <v>78</v>
      </c>
      <c r="K34" s="1"/>
      <c r="L34" s="1"/>
      <c r="M34" s="127"/>
      <c r="N34" s="127"/>
      <c r="O34" s="127"/>
      <c r="P34" s="127"/>
      <c r="Q34" s="127"/>
      <c r="R34" s="127"/>
      <c r="S34" s="127"/>
      <c r="T34" s="127"/>
      <c r="U34" s="127"/>
      <c r="V34" s="150"/>
      <c r="W34" s="127"/>
      <c r="X34" s="127"/>
      <c r="Y34" s="127"/>
      <c r="Z34" s="127"/>
    </row>
    <row r="35" spans="1:36" ht="12.75" customHeight="1" x14ac:dyDescent="0.2">
      <c r="A35" s="127"/>
      <c r="B35" s="1"/>
      <c r="C35" s="1"/>
      <c r="D35" s="1"/>
      <c r="E35" s="1"/>
      <c r="F35" s="1"/>
      <c r="G35" s="1"/>
      <c r="H35" s="1"/>
      <c r="I35" s="1"/>
      <c r="J35" s="1"/>
      <c r="K35" s="1"/>
      <c r="L35" s="1"/>
      <c r="M35" s="127"/>
      <c r="N35" s="127"/>
      <c r="O35" s="127"/>
      <c r="P35" s="127"/>
      <c r="Q35" s="127"/>
      <c r="R35" s="127"/>
      <c r="S35" s="127"/>
      <c r="T35" s="127"/>
      <c r="U35" s="127"/>
      <c r="V35" s="150"/>
      <c r="W35" s="127"/>
      <c r="X35" s="127"/>
      <c r="Y35" s="127"/>
      <c r="Z35" s="127"/>
    </row>
    <row r="36" spans="1:36" ht="20.100000000000001" customHeight="1" x14ac:dyDescent="0.2">
      <c r="A36" s="127"/>
      <c r="B36" s="1" t="s">
        <v>190</v>
      </c>
      <c r="C36" s="1"/>
      <c r="D36" s="231"/>
      <c r="E36" s="232"/>
      <c r="F36" s="232"/>
      <c r="G36" s="232"/>
      <c r="H36" s="232"/>
      <c r="I36" s="232"/>
      <c r="J36" s="232"/>
      <c r="K36" s="232"/>
      <c r="L36" s="232"/>
      <c r="M36" s="232"/>
      <c r="N36" s="232"/>
      <c r="O36" s="232"/>
      <c r="P36" s="232"/>
      <c r="Q36" s="232"/>
      <c r="R36" s="232"/>
      <c r="S36" s="232"/>
      <c r="T36" s="232"/>
      <c r="U36" s="232"/>
      <c r="V36" s="232"/>
      <c r="W36" s="233"/>
      <c r="X36" s="127"/>
      <c r="Y36" s="127"/>
      <c r="Z36" s="127"/>
      <c r="AB36" s="241" t="s">
        <v>181</v>
      </c>
      <c r="AC36" s="241"/>
      <c r="AD36" s="241"/>
      <c r="AE36" s="241"/>
      <c r="AF36" s="241"/>
      <c r="AG36" s="241"/>
      <c r="AH36" s="241"/>
    </row>
    <row r="37" spans="1:36" ht="6.95" customHeight="1" x14ac:dyDescent="0.2">
      <c r="A37" s="127"/>
      <c r="B37" s="1"/>
      <c r="C37" s="1"/>
      <c r="D37" s="151"/>
      <c r="E37" s="151"/>
      <c r="F37" s="151"/>
      <c r="G37" s="151"/>
      <c r="H37" s="1"/>
      <c r="I37" s="1"/>
      <c r="J37" s="1"/>
      <c r="K37" s="1"/>
      <c r="L37" s="1"/>
      <c r="M37" s="127"/>
      <c r="N37" s="127"/>
      <c r="O37" s="127"/>
      <c r="P37" s="127"/>
      <c r="Q37" s="127"/>
      <c r="R37" s="127"/>
      <c r="S37" s="127"/>
      <c r="T37" s="127"/>
      <c r="U37" s="127"/>
      <c r="V37" s="150"/>
      <c r="W37" s="127"/>
      <c r="X37" s="127"/>
      <c r="Y37" s="127"/>
      <c r="Z37" s="127"/>
      <c r="AB37" s="241"/>
      <c r="AC37" s="241"/>
      <c r="AD37" s="241"/>
      <c r="AE37" s="241"/>
      <c r="AF37" s="241"/>
      <c r="AG37" s="241"/>
      <c r="AH37" s="241"/>
    </row>
    <row r="38" spans="1:36" ht="20.100000000000001" customHeight="1" x14ac:dyDescent="0.2">
      <c r="A38" s="127"/>
      <c r="B38" s="1" t="s">
        <v>29</v>
      </c>
      <c r="C38" s="1"/>
      <c r="D38" s="231"/>
      <c r="E38" s="232"/>
      <c r="F38" s="232"/>
      <c r="G38" s="232"/>
      <c r="H38" s="232"/>
      <c r="I38" s="232"/>
      <c r="J38" s="232"/>
      <c r="K38" s="232"/>
      <c r="L38" s="232"/>
      <c r="M38" s="232"/>
      <c r="N38" s="232"/>
      <c r="O38" s="232"/>
      <c r="P38" s="232"/>
      <c r="Q38" s="232"/>
      <c r="R38" s="232"/>
      <c r="S38" s="232"/>
      <c r="T38" s="232"/>
      <c r="U38" s="232"/>
      <c r="V38" s="232"/>
      <c r="W38" s="233"/>
      <c r="X38" s="127"/>
      <c r="Y38" s="127"/>
      <c r="Z38" s="127"/>
      <c r="AB38" s="241"/>
      <c r="AC38" s="241"/>
      <c r="AD38" s="241"/>
      <c r="AE38" s="241"/>
      <c r="AF38" s="241"/>
      <c r="AG38" s="241"/>
      <c r="AH38" s="241"/>
    </row>
    <row r="39" spans="1:36" ht="8.1" customHeight="1" x14ac:dyDescent="0.2">
      <c r="A39" s="127"/>
      <c r="B39" s="1"/>
      <c r="C39" s="1"/>
      <c r="D39" s="151"/>
      <c r="E39" s="151"/>
      <c r="F39" s="151"/>
      <c r="G39" s="151"/>
      <c r="H39" s="1"/>
      <c r="I39" s="1"/>
      <c r="J39" s="1"/>
      <c r="K39" s="1"/>
      <c r="L39" s="1"/>
      <c r="M39" s="127"/>
      <c r="N39" s="127"/>
      <c r="O39" s="127"/>
      <c r="P39" s="127"/>
      <c r="Q39" s="127"/>
      <c r="R39" s="127"/>
      <c r="S39" s="127"/>
      <c r="T39" s="127"/>
      <c r="U39" s="127"/>
      <c r="V39" s="150"/>
      <c r="W39" s="127"/>
      <c r="X39" s="127"/>
      <c r="Y39" s="127"/>
      <c r="Z39" s="127"/>
      <c r="AB39" s="241"/>
      <c r="AC39" s="241"/>
      <c r="AD39" s="241"/>
      <c r="AE39" s="241"/>
      <c r="AF39" s="241"/>
      <c r="AG39" s="241"/>
      <c r="AH39" s="241"/>
    </row>
    <row r="40" spans="1:36" s="68" customFormat="1" ht="20.100000000000001" customHeight="1" x14ac:dyDescent="0.2">
      <c r="A40" s="127"/>
      <c r="B40" s="1" t="s">
        <v>138</v>
      </c>
      <c r="C40" s="1"/>
      <c r="D40" s="153"/>
      <c r="E40" s="1" t="s">
        <v>73</v>
      </c>
      <c r="F40" s="127"/>
      <c r="G40" s="127"/>
      <c r="H40" s="153"/>
      <c r="I40" s="127" t="s">
        <v>74</v>
      </c>
      <c r="J40" s="127"/>
      <c r="K40" s="127"/>
      <c r="L40" s="153"/>
      <c r="M40" s="127" t="s">
        <v>75</v>
      </c>
      <c r="N40" s="127"/>
      <c r="O40" s="127"/>
      <c r="P40" s="127"/>
      <c r="Q40" s="1"/>
      <c r="R40" s="1"/>
      <c r="S40" s="1"/>
      <c r="T40" s="1"/>
      <c r="U40" s="1"/>
      <c r="V40" s="150"/>
      <c r="W40" s="127"/>
      <c r="X40" s="127"/>
      <c r="Y40" s="127"/>
      <c r="Z40" s="127"/>
      <c r="AA40" s="7"/>
      <c r="AB40" s="241"/>
      <c r="AC40" s="241"/>
      <c r="AD40" s="241"/>
      <c r="AE40" s="241"/>
      <c r="AF40" s="241"/>
      <c r="AG40" s="241"/>
      <c r="AH40" s="241"/>
      <c r="AI40" s="7"/>
      <c r="AJ40" s="113"/>
    </row>
    <row r="41" spans="1:36" ht="6.95" customHeight="1" x14ac:dyDescent="0.2">
      <c r="A41" s="127"/>
      <c r="B41" s="127"/>
      <c r="C41" s="127"/>
      <c r="D41" s="127"/>
      <c r="E41" s="127"/>
      <c r="F41" s="127"/>
      <c r="G41" s="127"/>
      <c r="H41" s="127"/>
      <c r="I41" s="127"/>
      <c r="J41" s="127"/>
      <c r="K41" s="127"/>
      <c r="L41" s="127"/>
      <c r="M41" s="127"/>
      <c r="N41" s="127"/>
      <c r="O41" s="127"/>
      <c r="P41" s="127"/>
      <c r="Q41" s="127"/>
      <c r="R41" s="127"/>
      <c r="S41" s="127"/>
      <c r="T41" s="127"/>
      <c r="U41" s="127"/>
      <c r="V41" s="150"/>
      <c r="W41" s="127"/>
      <c r="X41" s="127"/>
      <c r="Y41" s="127"/>
      <c r="Z41" s="127"/>
      <c r="AB41" s="241"/>
      <c r="AC41" s="241"/>
      <c r="AD41" s="241"/>
      <c r="AE41" s="241"/>
      <c r="AF41" s="241"/>
      <c r="AG41" s="241"/>
      <c r="AH41" s="241"/>
    </row>
    <row r="42" spans="1:36" s="68" customFormat="1" ht="20.100000000000001" customHeight="1" x14ac:dyDescent="0.25">
      <c r="A42" s="127"/>
      <c r="B42" s="154" t="s">
        <v>37</v>
      </c>
      <c r="C42" s="154"/>
      <c r="D42" s="155"/>
      <c r="E42" s="155"/>
      <c r="F42" s="156" t="s">
        <v>76</v>
      </c>
      <c r="G42" s="155"/>
      <c r="H42" s="155"/>
      <c r="I42" s="156" t="s">
        <v>76</v>
      </c>
      <c r="J42" s="155"/>
      <c r="K42" s="155"/>
      <c r="L42" s="155"/>
      <c r="M42" s="155"/>
      <c r="N42" s="151"/>
      <c r="O42" s="151"/>
      <c r="P42" s="151"/>
      <c r="Q42" s="1"/>
      <c r="R42" s="1"/>
      <c r="S42" s="1"/>
      <c r="T42" s="1"/>
      <c r="U42" s="1"/>
      <c r="V42" s="127"/>
      <c r="W42" s="151"/>
      <c r="X42" s="151"/>
      <c r="Y42" s="151"/>
      <c r="Z42" s="151"/>
      <c r="AA42" s="69"/>
      <c r="AB42" s="241"/>
      <c r="AC42" s="241"/>
      <c r="AD42" s="241"/>
      <c r="AE42" s="241"/>
      <c r="AF42" s="241"/>
      <c r="AG42" s="241"/>
      <c r="AH42" s="241"/>
      <c r="AI42" s="112"/>
      <c r="AJ42" s="111"/>
    </row>
    <row r="43" spans="1:36" ht="7.5" customHeight="1" x14ac:dyDescent="0.2">
      <c r="A43" s="127"/>
      <c r="B43" s="1"/>
      <c r="C43" s="1"/>
      <c r="D43" s="151"/>
      <c r="E43" s="151"/>
      <c r="F43" s="151"/>
      <c r="G43" s="151"/>
      <c r="H43" s="1"/>
      <c r="I43" s="1"/>
      <c r="J43" s="1"/>
      <c r="K43" s="1"/>
      <c r="L43" s="1"/>
      <c r="M43" s="127"/>
      <c r="N43" s="127"/>
      <c r="O43" s="127"/>
      <c r="P43" s="127"/>
      <c r="Q43" s="127"/>
      <c r="R43" s="127"/>
      <c r="S43" s="127"/>
      <c r="T43" s="127"/>
      <c r="U43" s="127"/>
      <c r="V43" s="150"/>
      <c r="W43" s="127"/>
      <c r="X43" s="127"/>
      <c r="Y43" s="127"/>
      <c r="Z43" s="127"/>
    </row>
    <row r="44" spans="1:36" ht="20.100000000000001" customHeight="1" x14ac:dyDescent="0.2">
      <c r="A44" s="127"/>
      <c r="B44" s="1" t="s">
        <v>190</v>
      </c>
      <c r="C44" s="1"/>
      <c r="D44" s="231"/>
      <c r="E44" s="232"/>
      <c r="F44" s="232"/>
      <c r="G44" s="232"/>
      <c r="H44" s="232"/>
      <c r="I44" s="232"/>
      <c r="J44" s="232"/>
      <c r="K44" s="232"/>
      <c r="L44" s="232"/>
      <c r="M44" s="232"/>
      <c r="N44" s="232"/>
      <c r="O44" s="232"/>
      <c r="P44" s="232"/>
      <c r="Q44" s="232"/>
      <c r="R44" s="232"/>
      <c r="S44" s="232"/>
      <c r="T44" s="232"/>
      <c r="U44" s="232"/>
      <c r="V44" s="232"/>
      <c r="W44" s="233"/>
      <c r="X44" s="127"/>
      <c r="Y44" s="127"/>
      <c r="Z44" s="127"/>
      <c r="AB44" s="252" t="s">
        <v>182</v>
      </c>
      <c r="AC44" s="252"/>
      <c r="AD44" s="252"/>
      <c r="AE44" s="252"/>
      <c r="AF44" s="252"/>
      <c r="AG44" s="252"/>
      <c r="AH44" s="252"/>
    </row>
    <row r="45" spans="1:36" ht="6.95" customHeight="1" x14ac:dyDescent="0.2">
      <c r="A45" s="127"/>
      <c r="B45" s="1"/>
      <c r="C45" s="1"/>
      <c r="D45" s="151"/>
      <c r="E45" s="151"/>
      <c r="F45" s="151"/>
      <c r="G45" s="151"/>
      <c r="H45" s="1"/>
      <c r="I45" s="1"/>
      <c r="J45" s="1"/>
      <c r="K45" s="1"/>
      <c r="L45" s="1"/>
      <c r="M45" s="127"/>
      <c r="N45" s="127"/>
      <c r="O45" s="127"/>
      <c r="P45" s="127"/>
      <c r="Q45" s="127"/>
      <c r="R45" s="127"/>
      <c r="S45" s="127"/>
      <c r="T45" s="127"/>
      <c r="U45" s="127"/>
      <c r="V45" s="150"/>
      <c r="W45" s="127"/>
      <c r="X45" s="127"/>
      <c r="Y45" s="127"/>
      <c r="Z45" s="127"/>
      <c r="AB45" s="252"/>
      <c r="AC45" s="252"/>
      <c r="AD45" s="252"/>
      <c r="AE45" s="252"/>
      <c r="AF45" s="252"/>
      <c r="AG45" s="252"/>
      <c r="AH45" s="252"/>
    </row>
    <row r="46" spans="1:36" ht="20.100000000000001" customHeight="1" x14ac:dyDescent="0.2">
      <c r="A46" s="127"/>
      <c r="B46" s="1" t="s">
        <v>29</v>
      </c>
      <c r="C46" s="1"/>
      <c r="D46" s="231"/>
      <c r="E46" s="232"/>
      <c r="F46" s="232"/>
      <c r="G46" s="232"/>
      <c r="H46" s="232"/>
      <c r="I46" s="232"/>
      <c r="J46" s="232"/>
      <c r="K46" s="232"/>
      <c r="L46" s="232"/>
      <c r="M46" s="232"/>
      <c r="N46" s="232"/>
      <c r="O46" s="232"/>
      <c r="P46" s="232"/>
      <c r="Q46" s="232"/>
      <c r="R46" s="232"/>
      <c r="S46" s="232"/>
      <c r="T46" s="232"/>
      <c r="U46" s="232"/>
      <c r="V46" s="232"/>
      <c r="W46" s="233"/>
      <c r="X46" s="127"/>
      <c r="Y46" s="127"/>
      <c r="Z46" s="127"/>
      <c r="AB46" s="252"/>
      <c r="AC46" s="252"/>
      <c r="AD46" s="252"/>
      <c r="AE46" s="252"/>
      <c r="AF46" s="252"/>
      <c r="AG46" s="252"/>
      <c r="AH46" s="252"/>
    </row>
    <row r="47" spans="1:36" ht="8.1" customHeight="1" x14ac:dyDescent="0.2">
      <c r="A47" s="127"/>
      <c r="B47" s="1"/>
      <c r="C47" s="1"/>
      <c r="D47" s="151"/>
      <c r="E47" s="151"/>
      <c r="F47" s="151"/>
      <c r="G47" s="151"/>
      <c r="H47" s="1"/>
      <c r="I47" s="1"/>
      <c r="J47" s="1"/>
      <c r="K47" s="1"/>
      <c r="L47" s="1"/>
      <c r="M47" s="127"/>
      <c r="N47" s="127"/>
      <c r="O47" s="127"/>
      <c r="P47" s="127"/>
      <c r="Q47" s="127"/>
      <c r="R47" s="127"/>
      <c r="S47" s="127"/>
      <c r="T47" s="127"/>
      <c r="U47" s="127"/>
      <c r="V47" s="150"/>
      <c r="W47" s="127"/>
      <c r="X47" s="127"/>
      <c r="Y47" s="127"/>
      <c r="Z47" s="127"/>
      <c r="AB47" s="252"/>
      <c r="AC47" s="252"/>
      <c r="AD47" s="252"/>
      <c r="AE47" s="252"/>
      <c r="AF47" s="252"/>
      <c r="AG47" s="252"/>
      <c r="AH47" s="252"/>
    </row>
    <row r="48" spans="1:36" s="68" customFormat="1" ht="20.100000000000001" customHeight="1" x14ac:dyDescent="0.2">
      <c r="A48" s="127"/>
      <c r="B48" s="1" t="s">
        <v>138</v>
      </c>
      <c r="C48" s="1"/>
      <c r="D48" s="153"/>
      <c r="E48" s="1" t="s">
        <v>73</v>
      </c>
      <c r="F48" s="127"/>
      <c r="G48" s="127"/>
      <c r="H48" s="153"/>
      <c r="I48" s="127" t="s">
        <v>74</v>
      </c>
      <c r="J48" s="127"/>
      <c r="K48" s="127"/>
      <c r="L48" s="153"/>
      <c r="M48" s="127" t="s">
        <v>75</v>
      </c>
      <c r="N48" s="127"/>
      <c r="O48" s="127"/>
      <c r="P48" s="127"/>
      <c r="Q48" s="1"/>
      <c r="R48" s="1"/>
      <c r="S48" s="1"/>
      <c r="T48" s="1"/>
      <c r="U48" s="1"/>
      <c r="V48" s="150"/>
      <c r="W48" s="127"/>
      <c r="X48" s="127"/>
      <c r="Y48" s="127"/>
      <c r="Z48" s="127"/>
      <c r="AA48" s="7"/>
      <c r="AB48" s="252"/>
      <c r="AC48" s="252"/>
      <c r="AD48" s="252"/>
      <c r="AE48" s="252"/>
      <c r="AF48" s="252"/>
      <c r="AG48" s="252"/>
      <c r="AH48" s="252"/>
      <c r="AI48" s="7"/>
      <c r="AJ48" s="113"/>
    </row>
    <row r="49" spans="1:36" ht="6.95" customHeight="1" x14ac:dyDescent="0.2">
      <c r="A49" s="127"/>
      <c r="B49" s="127"/>
      <c r="C49" s="127"/>
      <c r="D49" s="127"/>
      <c r="E49" s="127"/>
      <c r="F49" s="127"/>
      <c r="G49" s="127"/>
      <c r="H49" s="127"/>
      <c r="I49" s="127"/>
      <c r="J49" s="127"/>
      <c r="K49" s="127"/>
      <c r="L49" s="127"/>
      <c r="M49" s="127"/>
      <c r="N49" s="127"/>
      <c r="O49" s="127"/>
      <c r="P49" s="127"/>
      <c r="Q49" s="127"/>
      <c r="R49" s="127"/>
      <c r="S49" s="127"/>
      <c r="T49" s="127"/>
      <c r="U49" s="127"/>
      <c r="V49" s="150"/>
      <c r="W49" s="127"/>
      <c r="X49" s="127"/>
      <c r="Y49" s="127"/>
      <c r="Z49" s="127"/>
      <c r="AB49" s="252"/>
      <c r="AC49" s="252"/>
      <c r="AD49" s="252"/>
      <c r="AE49" s="252"/>
      <c r="AF49" s="252"/>
      <c r="AG49" s="252"/>
      <c r="AH49" s="252"/>
    </row>
    <row r="50" spans="1:36" s="68" customFormat="1" ht="20.100000000000001" customHeight="1" x14ac:dyDescent="0.25">
      <c r="A50" s="127"/>
      <c r="B50" s="154" t="s">
        <v>37</v>
      </c>
      <c r="C50" s="154"/>
      <c r="D50" s="155"/>
      <c r="E50" s="155"/>
      <c r="F50" s="156" t="s">
        <v>76</v>
      </c>
      <c r="G50" s="155"/>
      <c r="H50" s="155"/>
      <c r="I50" s="156" t="s">
        <v>76</v>
      </c>
      <c r="J50" s="155"/>
      <c r="K50" s="155"/>
      <c r="L50" s="155"/>
      <c r="M50" s="155"/>
      <c r="N50" s="151"/>
      <c r="O50" s="151"/>
      <c r="P50" s="151"/>
      <c r="Q50" s="1"/>
      <c r="R50" s="1"/>
      <c r="S50" s="1"/>
      <c r="T50" s="1"/>
      <c r="U50" s="1"/>
      <c r="V50" s="127"/>
      <c r="W50" s="151"/>
      <c r="X50" s="151"/>
      <c r="Y50" s="151"/>
      <c r="Z50" s="151"/>
      <c r="AA50" s="69"/>
      <c r="AB50" s="252"/>
      <c r="AC50" s="252"/>
      <c r="AD50" s="252"/>
      <c r="AE50" s="252"/>
      <c r="AF50" s="252"/>
      <c r="AG50" s="252"/>
      <c r="AH50" s="252"/>
      <c r="AI50" s="112"/>
      <c r="AJ50" s="111"/>
    </row>
    <row r="51" spans="1:36" x14ac:dyDescent="0.2">
      <c r="A51" s="127"/>
      <c r="B51" s="1"/>
      <c r="C51" s="1"/>
      <c r="D51" s="151"/>
      <c r="E51" s="151"/>
      <c r="F51" s="151"/>
      <c r="G51" s="151"/>
      <c r="H51" s="1"/>
      <c r="I51" s="1"/>
      <c r="J51" s="1"/>
      <c r="K51" s="1"/>
      <c r="L51" s="1"/>
      <c r="M51" s="127"/>
      <c r="N51" s="127"/>
      <c r="O51" s="127"/>
      <c r="P51" s="127"/>
      <c r="Q51" s="127"/>
      <c r="R51" s="127"/>
      <c r="S51" s="127"/>
      <c r="T51" s="127"/>
      <c r="U51" s="127"/>
      <c r="V51" s="150"/>
      <c r="W51" s="127"/>
      <c r="X51" s="127"/>
      <c r="Y51" s="127"/>
      <c r="Z51" s="127"/>
      <c r="AB51" s="252"/>
      <c r="AC51" s="252"/>
      <c r="AD51" s="252"/>
      <c r="AE51" s="252"/>
      <c r="AF51" s="252"/>
      <c r="AG51" s="252"/>
      <c r="AH51" s="252"/>
    </row>
    <row r="52" spans="1:36" ht="20.100000000000001" customHeight="1" x14ac:dyDescent="0.2">
      <c r="A52" s="127"/>
      <c r="B52" s="1" t="s">
        <v>190</v>
      </c>
      <c r="C52" s="1"/>
      <c r="D52" s="231"/>
      <c r="E52" s="232"/>
      <c r="F52" s="232"/>
      <c r="G52" s="232"/>
      <c r="H52" s="232"/>
      <c r="I52" s="232"/>
      <c r="J52" s="232"/>
      <c r="K52" s="232"/>
      <c r="L52" s="232"/>
      <c r="M52" s="232"/>
      <c r="N52" s="232"/>
      <c r="O52" s="232"/>
      <c r="P52" s="232"/>
      <c r="Q52" s="232"/>
      <c r="R52" s="232"/>
      <c r="S52" s="232"/>
      <c r="T52" s="232"/>
      <c r="U52" s="232"/>
      <c r="V52" s="232"/>
      <c r="W52" s="233"/>
      <c r="X52" s="127"/>
      <c r="Y52" s="127"/>
      <c r="Z52" s="127"/>
      <c r="AB52" s="252"/>
      <c r="AC52" s="252"/>
      <c r="AD52" s="252"/>
      <c r="AE52" s="252"/>
      <c r="AF52" s="252"/>
      <c r="AG52" s="252"/>
      <c r="AH52" s="252"/>
    </row>
    <row r="53" spans="1:36" ht="6.95" customHeight="1" x14ac:dyDescent="0.2">
      <c r="A53" s="127"/>
      <c r="B53" s="1"/>
      <c r="C53" s="1"/>
      <c r="D53" s="151"/>
      <c r="E53" s="151"/>
      <c r="F53" s="151"/>
      <c r="G53" s="151"/>
      <c r="H53" s="1"/>
      <c r="I53" s="1"/>
      <c r="J53" s="1"/>
      <c r="K53" s="1"/>
      <c r="L53" s="1"/>
      <c r="M53" s="127"/>
      <c r="N53" s="127"/>
      <c r="O53" s="127"/>
      <c r="P53" s="127"/>
      <c r="Q53" s="127"/>
      <c r="R53" s="127"/>
      <c r="S53" s="127"/>
      <c r="T53" s="127"/>
      <c r="U53" s="127"/>
      <c r="V53" s="150"/>
      <c r="W53" s="127"/>
      <c r="X53" s="127"/>
      <c r="Y53" s="127"/>
      <c r="Z53" s="127"/>
      <c r="AB53" s="252"/>
      <c r="AC53" s="252"/>
      <c r="AD53" s="252"/>
      <c r="AE53" s="252"/>
      <c r="AF53" s="252"/>
      <c r="AG53" s="252"/>
      <c r="AH53" s="252"/>
    </row>
    <row r="54" spans="1:36" ht="20.100000000000001" customHeight="1" x14ac:dyDescent="0.2">
      <c r="A54" s="127"/>
      <c r="B54" s="1" t="s">
        <v>29</v>
      </c>
      <c r="C54" s="1"/>
      <c r="D54" s="231"/>
      <c r="E54" s="232"/>
      <c r="F54" s="232"/>
      <c r="G54" s="232"/>
      <c r="H54" s="232"/>
      <c r="I54" s="232"/>
      <c r="J54" s="232"/>
      <c r="K54" s="232"/>
      <c r="L54" s="232"/>
      <c r="M54" s="232"/>
      <c r="N54" s="232"/>
      <c r="O54" s="232"/>
      <c r="P54" s="232"/>
      <c r="Q54" s="232"/>
      <c r="R54" s="232"/>
      <c r="S54" s="232"/>
      <c r="T54" s="232"/>
      <c r="U54" s="232"/>
      <c r="V54" s="232"/>
      <c r="W54" s="233"/>
      <c r="X54" s="127"/>
      <c r="Y54" s="127"/>
      <c r="Z54" s="127"/>
      <c r="AB54" s="252"/>
      <c r="AC54" s="252"/>
      <c r="AD54" s="252"/>
      <c r="AE54" s="252"/>
      <c r="AF54" s="252"/>
      <c r="AG54" s="252"/>
      <c r="AH54" s="252"/>
    </row>
    <row r="55" spans="1:36" ht="8.1" customHeight="1" x14ac:dyDescent="0.2">
      <c r="A55" s="127"/>
      <c r="B55" s="1"/>
      <c r="C55" s="1"/>
      <c r="D55" s="151"/>
      <c r="E55" s="151"/>
      <c r="F55" s="151"/>
      <c r="G55" s="151"/>
      <c r="H55" s="1"/>
      <c r="I55" s="1"/>
      <c r="J55" s="1"/>
      <c r="K55" s="1"/>
      <c r="L55" s="1"/>
      <c r="M55" s="127"/>
      <c r="N55" s="127"/>
      <c r="O55" s="127"/>
      <c r="P55" s="127"/>
      <c r="Q55" s="127"/>
      <c r="R55" s="127"/>
      <c r="S55" s="127"/>
      <c r="T55" s="127"/>
      <c r="U55" s="127"/>
      <c r="V55" s="150"/>
      <c r="W55" s="127"/>
      <c r="X55" s="127"/>
      <c r="Y55" s="127"/>
      <c r="Z55" s="127"/>
      <c r="AB55" s="252"/>
      <c r="AC55" s="252"/>
      <c r="AD55" s="252"/>
      <c r="AE55" s="252"/>
      <c r="AF55" s="252"/>
      <c r="AG55" s="252"/>
      <c r="AH55" s="252"/>
    </row>
    <row r="56" spans="1:36" s="68" customFormat="1" ht="20.100000000000001" customHeight="1" x14ac:dyDescent="0.2">
      <c r="A56" s="127"/>
      <c r="B56" s="1" t="s">
        <v>138</v>
      </c>
      <c r="C56" s="1"/>
      <c r="D56" s="153"/>
      <c r="E56" s="1" t="s">
        <v>73</v>
      </c>
      <c r="F56" s="127"/>
      <c r="G56" s="127"/>
      <c r="H56" s="153"/>
      <c r="I56" s="127" t="s">
        <v>74</v>
      </c>
      <c r="J56" s="127"/>
      <c r="K56" s="127"/>
      <c r="L56" s="153"/>
      <c r="M56" s="127" t="s">
        <v>75</v>
      </c>
      <c r="N56" s="127"/>
      <c r="O56" s="127"/>
      <c r="P56" s="127"/>
      <c r="Q56" s="1"/>
      <c r="R56" s="1"/>
      <c r="S56" s="1"/>
      <c r="T56" s="1"/>
      <c r="U56" s="1"/>
      <c r="V56" s="150"/>
      <c r="W56" s="127"/>
      <c r="X56" s="127"/>
      <c r="Y56" s="127"/>
      <c r="Z56" s="127"/>
      <c r="AA56" s="7"/>
      <c r="AB56" s="252"/>
      <c r="AC56" s="252"/>
      <c r="AD56" s="252"/>
      <c r="AE56" s="252"/>
      <c r="AF56" s="252"/>
      <c r="AG56" s="252"/>
      <c r="AH56" s="252"/>
      <c r="AI56" s="7"/>
      <c r="AJ56" s="113"/>
    </row>
    <row r="57" spans="1:36" ht="6.95" customHeight="1" x14ac:dyDescent="0.2">
      <c r="A57" s="127"/>
      <c r="B57" s="127"/>
      <c r="C57" s="127"/>
      <c r="D57" s="127"/>
      <c r="E57" s="127"/>
      <c r="F57" s="127"/>
      <c r="G57" s="127"/>
      <c r="H57" s="127"/>
      <c r="I57" s="127"/>
      <c r="J57" s="127"/>
      <c r="K57" s="127"/>
      <c r="L57" s="127"/>
      <c r="M57" s="127"/>
      <c r="N57" s="127"/>
      <c r="O57" s="127"/>
      <c r="P57" s="127"/>
      <c r="Q57" s="127"/>
      <c r="R57" s="127"/>
      <c r="S57" s="127"/>
      <c r="T57" s="127"/>
      <c r="U57" s="127"/>
      <c r="V57" s="150"/>
      <c r="W57" s="127"/>
      <c r="X57" s="127"/>
      <c r="Y57" s="127"/>
      <c r="Z57" s="127"/>
      <c r="AB57" s="252"/>
      <c r="AC57" s="252"/>
      <c r="AD57" s="252"/>
      <c r="AE57" s="252"/>
      <c r="AF57" s="252"/>
      <c r="AG57" s="252"/>
      <c r="AH57" s="252"/>
    </row>
    <row r="58" spans="1:36" s="68" customFormat="1" ht="20.100000000000001" customHeight="1" x14ac:dyDescent="0.25">
      <c r="A58" s="127"/>
      <c r="B58" s="154" t="s">
        <v>37</v>
      </c>
      <c r="C58" s="154"/>
      <c r="D58" s="155"/>
      <c r="E58" s="155"/>
      <c r="F58" s="156" t="s">
        <v>76</v>
      </c>
      <c r="G58" s="155"/>
      <c r="H58" s="155"/>
      <c r="I58" s="156" t="s">
        <v>76</v>
      </c>
      <c r="J58" s="155"/>
      <c r="K58" s="155"/>
      <c r="L58" s="155"/>
      <c r="M58" s="155"/>
      <c r="N58" s="151"/>
      <c r="O58" s="151"/>
      <c r="P58" s="151"/>
      <c r="Q58" s="1"/>
      <c r="R58" s="1"/>
      <c r="S58" s="1"/>
      <c r="T58" s="1"/>
      <c r="U58" s="1"/>
      <c r="V58" s="127"/>
      <c r="W58" s="151"/>
      <c r="X58" s="151"/>
      <c r="Y58" s="151"/>
      <c r="Z58" s="151"/>
      <c r="AA58" s="69"/>
      <c r="AB58" s="252"/>
      <c r="AC58" s="252"/>
      <c r="AD58" s="252"/>
      <c r="AE58" s="252"/>
      <c r="AF58" s="252"/>
      <c r="AG58" s="252"/>
      <c r="AH58" s="252"/>
      <c r="AI58" s="112"/>
      <c r="AJ58" s="111"/>
    </row>
    <row r="59" spans="1:36" x14ac:dyDescent="0.2">
      <c r="A59" s="127"/>
      <c r="B59" s="1"/>
      <c r="C59" s="1"/>
      <c r="D59" s="151"/>
      <c r="E59" s="151"/>
      <c r="F59" s="151"/>
      <c r="G59" s="151"/>
      <c r="H59" s="1"/>
      <c r="I59" s="1"/>
      <c r="J59" s="1"/>
      <c r="K59" s="1"/>
      <c r="L59" s="1"/>
      <c r="M59" s="127"/>
      <c r="N59" s="127"/>
      <c r="O59" s="127"/>
      <c r="P59" s="127"/>
      <c r="Q59" s="127"/>
      <c r="R59" s="127"/>
      <c r="S59" s="127"/>
      <c r="T59" s="127"/>
      <c r="U59" s="127"/>
      <c r="V59" s="150"/>
      <c r="W59" s="127"/>
      <c r="X59" s="127"/>
      <c r="Y59" s="127"/>
      <c r="Z59" s="127"/>
      <c r="AB59" s="252"/>
      <c r="AC59" s="252"/>
      <c r="AD59" s="252"/>
      <c r="AE59" s="252"/>
      <c r="AF59" s="252"/>
      <c r="AG59" s="252"/>
      <c r="AH59" s="252"/>
    </row>
    <row r="60" spans="1:36" ht="20.100000000000001" customHeight="1" x14ac:dyDescent="0.2">
      <c r="A60" s="127"/>
      <c r="B60" s="1" t="s">
        <v>190</v>
      </c>
      <c r="C60" s="1"/>
      <c r="D60" s="231"/>
      <c r="E60" s="232"/>
      <c r="F60" s="232"/>
      <c r="G60" s="232"/>
      <c r="H60" s="232"/>
      <c r="I60" s="232"/>
      <c r="J60" s="232"/>
      <c r="K60" s="232"/>
      <c r="L60" s="232"/>
      <c r="M60" s="232"/>
      <c r="N60" s="232"/>
      <c r="O60" s="232"/>
      <c r="P60" s="232"/>
      <c r="Q60" s="232"/>
      <c r="R60" s="232"/>
      <c r="S60" s="232"/>
      <c r="T60" s="232"/>
      <c r="U60" s="232"/>
      <c r="V60" s="232"/>
      <c r="W60" s="233"/>
      <c r="X60" s="127"/>
      <c r="Y60" s="127"/>
      <c r="Z60" s="127"/>
      <c r="AB60" s="252"/>
      <c r="AC60" s="252"/>
      <c r="AD60" s="252"/>
      <c r="AE60" s="252"/>
      <c r="AF60" s="252"/>
      <c r="AG60" s="252"/>
      <c r="AH60" s="252"/>
    </row>
    <row r="61" spans="1:36" ht="6.95" customHeight="1" x14ac:dyDescent="0.2">
      <c r="A61" s="127"/>
      <c r="B61" s="1"/>
      <c r="C61" s="1"/>
      <c r="D61" s="151"/>
      <c r="E61" s="151"/>
      <c r="F61" s="151"/>
      <c r="G61" s="151"/>
      <c r="H61" s="1"/>
      <c r="I61" s="1"/>
      <c r="J61" s="1"/>
      <c r="K61" s="1"/>
      <c r="L61" s="1"/>
      <c r="M61" s="127"/>
      <c r="N61" s="127"/>
      <c r="O61" s="127"/>
      <c r="P61" s="127"/>
      <c r="Q61" s="127"/>
      <c r="R61" s="127"/>
      <c r="S61" s="127"/>
      <c r="T61" s="127"/>
      <c r="U61" s="127"/>
      <c r="V61" s="150"/>
      <c r="W61" s="127"/>
      <c r="X61" s="127"/>
      <c r="Y61" s="127"/>
      <c r="Z61" s="127"/>
      <c r="AB61" s="252"/>
      <c r="AC61" s="252"/>
      <c r="AD61" s="252"/>
      <c r="AE61" s="252"/>
      <c r="AF61" s="252"/>
      <c r="AG61" s="252"/>
      <c r="AH61" s="252"/>
    </row>
    <row r="62" spans="1:36" ht="20.100000000000001" customHeight="1" x14ac:dyDescent="0.2">
      <c r="A62" s="127"/>
      <c r="B62" s="1" t="s">
        <v>29</v>
      </c>
      <c r="C62" s="1"/>
      <c r="D62" s="231"/>
      <c r="E62" s="232"/>
      <c r="F62" s="232"/>
      <c r="G62" s="232"/>
      <c r="H62" s="232"/>
      <c r="I62" s="232"/>
      <c r="J62" s="232"/>
      <c r="K62" s="232"/>
      <c r="L62" s="232"/>
      <c r="M62" s="232"/>
      <c r="N62" s="232"/>
      <c r="O62" s="232"/>
      <c r="P62" s="232"/>
      <c r="Q62" s="232"/>
      <c r="R62" s="232"/>
      <c r="S62" s="232"/>
      <c r="T62" s="232"/>
      <c r="U62" s="232"/>
      <c r="V62" s="232"/>
      <c r="W62" s="233"/>
      <c r="X62" s="127"/>
      <c r="Y62" s="127"/>
      <c r="Z62" s="127"/>
      <c r="AB62" s="252"/>
      <c r="AC62" s="252"/>
      <c r="AD62" s="252"/>
      <c r="AE62" s="252"/>
      <c r="AF62" s="252"/>
      <c r="AG62" s="252"/>
      <c r="AH62" s="252"/>
    </row>
    <row r="63" spans="1:36" ht="8.1" customHeight="1" x14ac:dyDescent="0.2">
      <c r="A63" s="127"/>
      <c r="B63" s="1"/>
      <c r="C63" s="1"/>
      <c r="D63" s="151"/>
      <c r="E63" s="151"/>
      <c r="F63" s="151"/>
      <c r="G63" s="151"/>
      <c r="H63" s="1"/>
      <c r="I63" s="1"/>
      <c r="J63" s="1"/>
      <c r="K63" s="1"/>
      <c r="L63" s="1"/>
      <c r="M63" s="127"/>
      <c r="N63" s="127"/>
      <c r="O63" s="127"/>
      <c r="P63" s="127"/>
      <c r="Q63" s="127"/>
      <c r="R63" s="127"/>
      <c r="S63" s="127"/>
      <c r="T63" s="127"/>
      <c r="U63" s="127"/>
      <c r="V63" s="150"/>
      <c r="W63" s="127"/>
      <c r="X63" s="127"/>
      <c r="Y63" s="127"/>
      <c r="Z63" s="127"/>
      <c r="AB63" s="252"/>
      <c r="AC63" s="252"/>
      <c r="AD63" s="252"/>
      <c r="AE63" s="252"/>
      <c r="AF63" s="252"/>
      <c r="AG63" s="252"/>
      <c r="AH63" s="252"/>
    </row>
    <row r="64" spans="1:36" s="68" customFormat="1" ht="20.100000000000001" customHeight="1" x14ac:dyDescent="0.2">
      <c r="A64" s="127"/>
      <c r="B64" s="1" t="s">
        <v>138</v>
      </c>
      <c r="C64" s="1"/>
      <c r="D64" s="153"/>
      <c r="E64" s="1" t="s">
        <v>73</v>
      </c>
      <c r="F64" s="127"/>
      <c r="G64" s="127"/>
      <c r="H64" s="153"/>
      <c r="I64" s="127" t="s">
        <v>74</v>
      </c>
      <c r="J64" s="127"/>
      <c r="K64" s="127"/>
      <c r="L64" s="153"/>
      <c r="M64" s="127" t="s">
        <v>75</v>
      </c>
      <c r="N64" s="127"/>
      <c r="O64" s="127"/>
      <c r="P64" s="127"/>
      <c r="Q64" s="1"/>
      <c r="R64" s="1"/>
      <c r="S64" s="1"/>
      <c r="T64" s="1"/>
      <c r="U64" s="1"/>
      <c r="V64" s="150"/>
      <c r="W64" s="127"/>
      <c r="X64" s="127"/>
      <c r="Y64" s="127"/>
      <c r="Z64" s="127"/>
      <c r="AA64" s="7"/>
      <c r="AB64" s="252"/>
      <c r="AC64" s="252"/>
      <c r="AD64" s="252"/>
      <c r="AE64" s="252"/>
      <c r="AF64" s="252"/>
      <c r="AG64" s="252"/>
      <c r="AH64" s="252"/>
      <c r="AI64" s="7"/>
      <c r="AJ64" s="113"/>
    </row>
    <row r="65" spans="1:36" ht="6.95" customHeight="1" x14ac:dyDescent="0.2">
      <c r="A65" s="127"/>
      <c r="B65" s="127"/>
      <c r="C65" s="127"/>
      <c r="D65" s="127"/>
      <c r="E65" s="127"/>
      <c r="F65" s="127"/>
      <c r="G65" s="127"/>
      <c r="H65" s="127"/>
      <c r="I65" s="127"/>
      <c r="J65" s="127"/>
      <c r="K65" s="127"/>
      <c r="L65" s="127"/>
      <c r="M65" s="127"/>
      <c r="N65" s="127"/>
      <c r="O65" s="127"/>
      <c r="P65" s="127"/>
      <c r="Q65" s="127"/>
      <c r="R65" s="127"/>
      <c r="S65" s="127"/>
      <c r="T65" s="127"/>
      <c r="U65" s="127"/>
      <c r="V65" s="150"/>
      <c r="W65" s="127"/>
      <c r="X65" s="127"/>
      <c r="Y65" s="127"/>
      <c r="Z65" s="127"/>
      <c r="AB65" s="252"/>
      <c r="AC65" s="252"/>
      <c r="AD65" s="252"/>
      <c r="AE65" s="252"/>
      <c r="AF65" s="252"/>
      <c r="AG65" s="252"/>
      <c r="AH65" s="252"/>
    </row>
    <row r="66" spans="1:36" s="68" customFormat="1" ht="20.100000000000001" customHeight="1" x14ac:dyDescent="0.25">
      <c r="A66" s="127"/>
      <c r="B66" s="154" t="s">
        <v>37</v>
      </c>
      <c r="C66" s="154"/>
      <c r="D66" s="155"/>
      <c r="E66" s="155"/>
      <c r="F66" s="156" t="s">
        <v>76</v>
      </c>
      <c r="G66" s="155"/>
      <c r="H66" s="155"/>
      <c r="I66" s="156" t="s">
        <v>76</v>
      </c>
      <c r="J66" s="155"/>
      <c r="K66" s="155"/>
      <c r="L66" s="155"/>
      <c r="M66" s="155"/>
      <c r="N66" s="151"/>
      <c r="O66" s="151"/>
      <c r="P66" s="151"/>
      <c r="Q66" s="1"/>
      <c r="R66" s="1"/>
      <c r="S66" s="1"/>
      <c r="T66" s="1"/>
      <c r="U66" s="1"/>
      <c r="V66" s="127"/>
      <c r="W66" s="151"/>
      <c r="X66" s="151"/>
      <c r="Y66" s="151"/>
      <c r="Z66" s="151"/>
      <c r="AA66" s="69"/>
      <c r="AB66" s="252"/>
      <c r="AC66" s="252"/>
      <c r="AD66" s="252"/>
      <c r="AE66" s="252"/>
      <c r="AF66" s="252"/>
      <c r="AG66" s="252"/>
      <c r="AH66" s="252"/>
      <c r="AI66" s="112"/>
      <c r="AJ66" s="111"/>
    </row>
    <row r="67" spans="1:36" x14ac:dyDescent="0.2">
      <c r="A67" s="127"/>
      <c r="B67" s="1"/>
      <c r="C67" s="1"/>
      <c r="D67" s="151"/>
      <c r="E67" s="151"/>
      <c r="F67" s="151"/>
      <c r="G67" s="151"/>
      <c r="H67" s="1"/>
      <c r="I67" s="1"/>
      <c r="J67" s="1"/>
      <c r="K67" s="1"/>
      <c r="L67" s="1"/>
      <c r="M67" s="127"/>
      <c r="N67" s="127"/>
      <c r="O67" s="127"/>
      <c r="P67" s="127"/>
      <c r="Q67" s="127"/>
      <c r="R67" s="127"/>
      <c r="S67" s="127"/>
      <c r="T67" s="127"/>
      <c r="U67" s="127"/>
      <c r="V67" s="150"/>
      <c r="W67" s="127"/>
      <c r="X67" s="127"/>
      <c r="Y67" s="127"/>
      <c r="Z67" s="127"/>
      <c r="AB67" s="252"/>
      <c r="AC67" s="252"/>
      <c r="AD67" s="252"/>
      <c r="AE67" s="252"/>
      <c r="AF67" s="252"/>
      <c r="AG67" s="252"/>
      <c r="AH67" s="252"/>
    </row>
    <row r="68" spans="1:36" ht="20.100000000000001" customHeight="1" x14ac:dyDescent="0.2">
      <c r="A68" s="127"/>
      <c r="B68" s="1" t="s">
        <v>190</v>
      </c>
      <c r="C68" s="1"/>
      <c r="D68" s="231"/>
      <c r="E68" s="232"/>
      <c r="F68" s="232"/>
      <c r="G68" s="232"/>
      <c r="H68" s="232"/>
      <c r="I68" s="232"/>
      <c r="J68" s="232"/>
      <c r="K68" s="232"/>
      <c r="L68" s="232"/>
      <c r="M68" s="232"/>
      <c r="N68" s="232"/>
      <c r="O68" s="232"/>
      <c r="P68" s="232"/>
      <c r="Q68" s="232"/>
      <c r="R68" s="232"/>
      <c r="S68" s="232"/>
      <c r="T68" s="232"/>
      <c r="U68" s="232"/>
      <c r="V68" s="232"/>
      <c r="W68" s="233"/>
      <c r="X68" s="127"/>
      <c r="Y68" s="127"/>
      <c r="Z68" s="127"/>
      <c r="AB68" s="252"/>
      <c r="AC68" s="252"/>
      <c r="AD68" s="252"/>
      <c r="AE68" s="252"/>
      <c r="AF68" s="252"/>
      <c r="AG68" s="252"/>
      <c r="AH68" s="252"/>
    </row>
    <row r="69" spans="1:36" ht="6.95" customHeight="1" x14ac:dyDescent="0.2">
      <c r="A69" s="127"/>
      <c r="B69" s="1"/>
      <c r="C69" s="1"/>
      <c r="D69" s="151"/>
      <c r="E69" s="151"/>
      <c r="F69" s="151"/>
      <c r="G69" s="151"/>
      <c r="H69" s="1"/>
      <c r="I69" s="1"/>
      <c r="J69" s="1"/>
      <c r="K69" s="1"/>
      <c r="L69" s="1"/>
      <c r="M69" s="127"/>
      <c r="N69" s="127"/>
      <c r="O69" s="127"/>
      <c r="P69" s="127"/>
      <c r="Q69" s="127"/>
      <c r="R69" s="127"/>
      <c r="S69" s="127"/>
      <c r="T69" s="127"/>
      <c r="U69" s="127"/>
      <c r="V69" s="150"/>
      <c r="W69" s="127"/>
      <c r="X69" s="127"/>
      <c r="Y69" s="127"/>
      <c r="Z69" s="127"/>
      <c r="AB69" s="252"/>
      <c r="AC69" s="252"/>
      <c r="AD69" s="252"/>
      <c r="AE69" s="252"/>
      <c r="AF69" s="252"/>
      <c r="AG69" s="252"/>
      <c r="AH69" s="252"/>
    </row>
    <row r="70" spans="1:36" ht="20.100000000000001" customHeight="1" x14ac:dyDescent="0.2">
      <c r="A70" s="127"/>
      <c r="B70" s="1" t="s">
        <v>29</v>
      </c>
      <c r="C70" s="1"/>
      <c r="D70" s="231"/>
      <c r="E70" s="232"/>
      <c r="F70" s="232"/>
      <c r="G70" s="232"/>
      <c r="H70" s="232"/>
      <c r="I70" s="232"/>
      <c r="J70" s="232"/>
      <c r="K70" s="232"/>
      <c r="L70" s="232"/>
      <c r="M70" s="232"/>
      <c r="N70" s="232"/>
      <c r="O70" s="232"/>
      <c r="P70" s="232"/>
      <c r="Q70" s="232"/>
      <c r="R70" s="232"/>
      <c r="S70" s="232"/>
      <c r="T70" s="232"/>
      <c r="U70" s="232"/>
      <c r="V70" s="232"/>
      <c r="W70" s="233"/>
      <c r="X70" s="127"/>
      <c r="Y70" s="127"/>
      <c r="Z70" s="127"/>
      <c r="AB70" s="252"/>
      <c r="AC70" s="252"/>
      <c r="AD70" s="252"/>
      <c r="AE70" s="252"/>
      <c r="AF70" s="252"/>
      <c r="AG70" s="252"/>
      <c r="AH70" s="252"/>
    </row>
    <row r="71" spans="1:36" ht="8.1" customHeight="1" x14ac:dyDescent="0.2">
      <c r="A71" s="127"/>
      <c r="B71" s="1"/>
      <c r="C71" s="1"/>
      <c r="D71" s="151"/>
      <c r="E71" s="151"/>
      <c r="F71" s="151"/>
      <c r="G71" s="151"/>
      <c r="H71" s="1"/>
      <c r="I71" s="1"/>
      <c r="J71" s="1"/>
      <c r="K71" s="1"/>
      <c r="L71" s="1"/>
      <c r="M71" s="127"/>
      <c r="N71" s="127"/>
      <c r="O71" s="127"/>
      <c r="P71" s="127"/>
      <c r="Q71" s="127"/>
      <c r="R71" s="127"/>
      <c r="S71" s="127"/>
      <c r="T71" s="127"/>
      <c r="U71" s="127"/>
      <c r="V71" s="150"/>
      <c r="W71" s="127"/>
      <c r="X71" s="127"/>
      <c r="Y71" s="127"/>
      <c r="Z71" s="127"/>
      <c r="AB71" s="252"/>
      <c r="AC71" s="252"/>
      <c r="AD71" s="252"/>
      <c r="AE71" s="252"/>
      <c r="AF71" s="252"/>
      <c r="AG71" s="252"/>
      <c r="AH71" s="252"/>
    </row>
    <row r="72" spans="1:36" s="68" customFormat="1" ht="20.100000000000001" customHeight="1" x14ac:dyDescent="0.2">
      <c r="A72" s="127"/>
      <c r="B72" s="1" t="s">
        <v>138</v>
      </c>
      <c r="C72" s="1"/>
      <c r="D72" s="153"/>
      <c r="E72" s="1" t="s">
        <v>73</v>
      </c>
      <c r="F72" s="127"/>
      <c r="G72" s="127"/>
      <c r="H72" s="153"/>
      <c r="I72" s="127" t="s">
        <v>74</v>
      </c>
      <c r="J72" s="127"/>
      <c r="K72" s="127"/>
      <c r="L72" s="153"/>
      <c r="M72" s="127" t="s">
        <v>75</v>
      </c>
      <c r="N72" s="127"/>
      <c r="O72" s="127"/>
      <c r="P72" s="127"/>
      <c r="Q72" s="1"/>
      <c r="R72" s="1"/>
      <c r="S72" s="1"/>
      <c r="T72" s="1"/>
      <c r="U72" s="1"/>
      <c r="V72" s="150"/>
      <c r="W72" s="127"/>
      <c r="X72" s="127"/>
      <c r="Y72" s="127"/>
      <c r="Z72" s="127"/>
      <c r="AA72" s="7"/>
      <c r="AB72" s="252"/>
      <c r="AC72" s="252"/>
      <c r="AD72" s="252"/>
      <c r="AE72" s="252"/>
      <c r="AF72" s="252"/>
      <c r="AG72" s="252"/>
      <c r="AH72" s="252"/>
      <c r="AI72" s="7"/>
      <c r="AJ72" s="113"/>
    </row>
    <row r="73" spans="1:36" ht="6.95" customHeight="1" x14ac:dyDescent="0.2">
      <c r="A73" s="127"/>
      <c r="B73" s="127"/>
      <c r="C73" s="127"/>
      <c r="D73" s="127"/>
      <c r="E73" s="127"/>
      <c r="F73" s="127"/>
      <c r="G73" s="127"/>
      <c r="H73" s="127"/>
      <c r="I73" s="127"/>
      <c r="J73" s="127"/>
      <c r="K73" s="127"/>
      <c r="L73" s="127"/>
      <c r="M73" s="127"/>
      <c r="N73" s="127"/>
      <c r="O73" s="127"/>
      <c r="P73" s="127"/>
      <c r="Q73" s="127"/>
      <c r="R73" s="127"/>
      <c r="S73" s="127"/>
      <c r="T73" s="127"/>
      <c r="U73" s="127"/>
      <c r="V73" s="150"/>
      <c r="W73" s="127"/>
      <c r="X73" s="127"/>
      <c r="Y73" s="127"/>
      <c r="Z73" s="127"/>
      <c r="AB73" s="252"/>
      <c r="AC73" s="252"/>
      <c r="AD73" s="252"/>
      <c r="AE73" s="252"/>
      <c r="AF73" s="252"/>
      <c r="AG73" s="252"/>
      <c r="AH73" s="252"/>
    </row>
    <row r="74" spans="1:36" s="68" customFormat="1" ht="20.100000000000001" customHeight="1" x14ac:dyDescent="0.25">
      <c r="A74" s="127"/>
      <c r="B74" s="154" t="s">
        <v>37</v>
      </c>
      <c r="C74" s="154"/>
      <c r="D74" s="155"/>
      <c r="E74" s="155"/>
      <c r="F74" s="156" t="s">
        <v>76</v>
      </c>
      <c r="G74" s="155"/>
      <c r="H74" s="155"/>
      <c r="I74" s="156" t="s">
        <v>76</v>
      </c>
      <c r="J74" s="155"/>
      <c r="K74" s="155"/>
      <c r="L74" s="155"/>
      <c r="M74" s="155"/>
      <c r="N74" s="151"/>
      <c r="O74" s="151"/>
      <c r="P74" s="151"/>
      <c r="Q74" s="1"/>
      <c r="R74" s="1"/>
      <c r="S74" s="1"/>
      <c r="T74" s="1"/>
      <c r="U74" s="1"/>
      <c r="V74" s="127"/>
      <c r="W74" s="151"/>
      <c r="X74" s="151"/>
      <c r="Y74" s="151"/>
      <c r="Z74" s="151"/>
      <c r="AA74" s="69"/>
      <c r="AB74" s="252"/>
      <c r="AC74" s="252"/>
      <c r="AD74" s="252"/>
      <c r="AE74" s="252"/>
      <c r="AF74" s="252"/>
      <c r="AG74" s="252"/>
      <c r="AH74" s="252"/>
      <c r="AI74" s="112"/>
      <c r="AJ74" s="111"/>
    </row>
    <row r="75" spans="1:36" x14ac:dyDescent="0.2">
      <c r="A75" s="127"/>
      <c r="B75" s="1"/>
      <c r="C75" s="1"/>
      <c r="D75" s="151"/>
      <c r="E75" s="151"/>
      <c r="F75" s="151"/>
      <c r="G75" s="151"/>
      <c r="H75" s="1"/>
      <c r="I75" s="1"/>
      <c r="J75" s="1"/>
      <c r="K75" s="1"/>
      <c r="L75" s="1"/>
      <c r="M75" s="127"/>
      <c r="N75" s="127"/>
      <c r="O75" s="127"/>
      <c r="P75" s="127"/>
      <c r="Q75" s="127"/>
      <c r="R75" s="127"/>
      <c r="S75" s="127"/>
      <c r="T75" s="127"/>
      <c r="U75" s="127"/>
      <c r="V75" s="150"/>
      <c r="W75" s="127"/>
      <c r="X75" s="127"/>
      <c r="Y75" s="127"/>
      <c r="Z75" s="127"/>
      <c r="AB75" s="252"/>
      <c r="AC75" s="252"/>
      <c r="AD75" s="252"/>
      <c r="AE75" s="252"/>
      <c r="AF75" s="252"/>
      <c r="AG75" s="252"/>
      <c r="AH75" s="252"/>
    </row>
    <row r="76" spans="1:36" ht="20.100000000000001" customHeight="1" x14ac:dyDescent="0.2">
      <c r="A76" s="127"/>
      <c r="B76" s="1" t="s">
        <v>190</v>
      </c>
      <c r="C76" s="1"/>
      <c r="D76" s="231"/>
      <c r="E76" s="232"/>
      <c r="F76" s="232"/>
      <c r="G76" s="232"/>
      <c r="H76" s="232"/>
      <c r="I76" s="232"/>
      <c r="J76" s="232"/>
      <c r="K76" s="232"/>
      <c r="L76" s="232"/>
      <c r="M76" s="232"/>
      <c r="N76" s="232"/>
      <c r="O76" s="232"/>
      <c r="P76" s="232"/>
      <c r="Q76" s="232"/>
      <c r="R76" s="232"/>
      <c r="S76" s="232"/>
      <c r="T76" s="232"/>
      <c r="U76" s="232"/>
      <c r="V76" s="232"/>
      <c r="W76" s="233"/>
      <c r="X76" s="127"/>
      <c r="Y76" s="127"/>
      <c r="Z76" s="127"/>
      <c r="AB76" s="252"/>
      <c r="AC76" s="252"/>
      <c r="AD76" s="252"/>
      <c r="AE76" s="252"/>
      <c r="AF76" s="252"/>
      <c r="AG76" s="252"/>
      <c r="AH76" s="252"/>
    </row>
    <row r="77" spans="1:36" ht="6.95" customHeight="1" x14ac:dyDescent="0.2">
      <c r="A77" s="127"/>
      <c r="B77" s="1"/>
      <c r="C77" s="1"/>
      <c r="D77" s="151"/>
      <c r="E77" s="151"/>
      <c r="F77" s="151"/>
      <c r="G77" s="151"/>
      <c r="H77" s="1"/>
      <c r="I77" s="1"/>
      <c r="J77" s="1"/>
      <c r="K77" s="1"/>
      <c r="L77" s="1"/>
      <c r="M77" s="127"/>
      <c r="N77" s="127"/>
      <c r="O77" s="127"/>
      <c r="P77" s="127"/>
      <c r="Q77" s="127"/>
      <c r="R77" s="127"/>
      <c r="S77" s="127"/>
      <c r="T77" s="127"/>
      <c r="U77" s="127"/>
      <c r="V77" s="150"/>
      <c r="W77" s="127"/>
      <c r="X77" s="127"/>
      <c r="Y77" s="127"/>
      <c r="Z77" s="127"/>
      <c r="AB77" s="252"/>
      <c r="AC77" s="252"/>
      <c r="AD77" s="252"/>
      <c r="AE77" s="252"/>
      <c r="AF77" s="252"/>
      <c r="AG77" s="252"/>
      <c r="AH77" s="252"/>
    </row>
    <row r="78" spans="1:36" ht="20.100000000000001" customHeight="1" x14ac:dyDescent="0.2">
      <c r="A78" s="127"/>
      <c r="B78" s="1" t="s">
        <v>29</v>
      </c>
      <c r="C78" s="1"/>
      <c r="D78" s="231"/>
      <c r="E78" s="232"/>
      <c r="F78" s="232"/>
      <c r="G78" s="232"/>
      <c r="H78" s="232"/>
      <c r="I78" s="232"/>
      <c r="J78" s="232"/>
      <c r="K78" s="232"/>
      <c r="L78" s="232"/>
      <c r="M78" s="232"/>
      <c r="N78" s="232"/>
      <c r="O78" s="232"/>
      <c r="P78" s="232"/>
      <c r="Q78" s="232"/>
      <c r="R78" s="232"/>
      <c r="S78" s="232"/>
      <c r="T78" s="232"/>
      <c r="U78" s="232"/>
      <c r="V78" s="232"/>
      <c r="W78" s="233"/>
      <c r="X78" s="127"/>
      <c r="Y78" s="127"/>
      <c r="Z78" s="127"/>
      <c r="AB78" s="252"/>
      <c r="AC78" s="252"/>
      <c r="AD78" s="252"/>
      <c r="AE78" s="252"/>
      <c r="AF78" s="252"/>
      <c r="AG78" s="252"/>
      <c r="AH78" s="252"/>
    </row>
    <row r="79" spans="1:36" ht="8.1" customHeight="1" x14ac:dyDescent="0.2">
      <c r="A79" s="127"/>
      <c r="B79" s="1"/>
      <c r="C79" s="1"/>
      <c r="D79" s="151"/>
      <c r="E79" s="151"/>
      <c r="F79" s="151"/>
      <c r="G79" s="151"/>
      <c r="H79" s="1"/>
      <c r="I79" s="1"/>
      <c r="J79" s="1"/>
      <c r="K79" s="1"/>
      <c r="L79" s="1"/>
      <c r="M79" s="127"/>
      <c r="N79" s="127"/>
      <c r="O79" s="127"/>
      <c r="P79" s="127"/>
      <c r="Q79" s="127"/>
      <c r="R79" s="127"/>
      <c r="S79" s="127"/>
      <c r="T79" s="127"/>
      <c r="U79" s="127"/>
      <c r="V79" s="150"/>
      <c r="W79" s="127"/>
      <c r="X79" s="127"/>
      <c r="Y79" s="127"/>
      <c r="Z79" s="127"/>
      <c r="AB79" s="252"/>
      <c r="AC79" s="252"/>
      <c r="AD79" s="252"/>
      <c r="AE79" s="252"/>
      <c r="AF79" s="252"/>
      <c r="AG79" s="252"/>
      <c r="AH79" s="252"/>
    </row>
    <row r="80" spans="1:36" s="68" customFormat="1" ht="20.100000000000001" customHeight="1" x14ac:dyDescent="0.2">
      <c r="A80" s="127"/>
      <c r="B80" s="1" t="s">
        <v>138</v>
      </c>
      <c r="C80" s="1"/>
      <c r="D80" s="153"/>
      <c r="E80" s="1" t="s">
        <v>73</v>
      </c>
      <c r="F80" s="127"/>
      <c r="G80" s="127"/>
      <c r="H80" s="153"/>
      <c r="I80" s="127" t="s">
        <v>74</v>
      </c>
      <c r="J80" s="127"/>
      <c r="K80" s="127"/>
      <c r="L80" s="153"/>
      <c r="M80" s="127" t="s">
        <v>75</v>
      </c>
      <c r="N80" s="127"/>
      <c r="O80" s="127"/>
      <c r="P80" s="127"/>
      <c r="Q80" s="1"/>
      <c r="R80" s="1"/>
      <c r="S80" s="1"/>
      <c r="T80" s="1"/>
      <c r="U80" s="1"/>
      <c r="V80" s="150"/>
      <c r="W80" s="127"/>
      <c r="X80" s="127"/>
      <c r="Y80" s="127"/>
      <c r="Z80" s="127"/>
      <c r="AA80" s="7"/>
      <c r="AB80" s="252"/>
      <c r="AC80" s="252"/>
      <c r="AD80" s="252"/>
      <c r="AE80" s="252"/>
      <c r="AF80" s="252"/>
      <c r="AG80" s="252"/>
      <c r="AH80" s="252"/>
      <c r="AI80" s="7"/>
      <c r="AJ80" s="113"/>
    </row>
    <row r="81" spans="1:36" ht="6.95" customHeight="1" x14ac:dyDescent="0.2">
      <c r="A81" s="127"/>
      <c r="B81" s="127"/>
      <c r="C81" s="127"/>
      <c r="D81" s="127"/>
      <c r="E81" s="127"/>
      <c r="F81" s="127"/>
      <c r="G81" s="127"/>
      <c r="H81" s="127"/>
      <c r="I81" s="127"/>
      <c r="J81" s="127"/>
      <c r="K81" s="127"/>
      <c r="L81" s="127"/>
      <c r="M81" s="127"/>
      <c r="N81" s="127"/>
      <c r="O81" s="127"/>
      <c r="P81" s="127"/>
      <c r="Q81" s="127"/>
      <c r="R81" s="127"/>
      <c r="S81" s="127"/>
      <c r="T81" s="127"/>
      <c r="U81" s="127"/>
      <c r="V81" s="150"/>
      <c r="W81" s="127"/>
      <c r="X81" s="127"/>
      <c r="Y81" s="127"/>
      <c r="Z81" s="127"/>
      <c r="AB81" s="252"/>
      <c r="AC81" s="252"/>
      <c r="AD81" s="252"/>
      <c r="AE81" s="252"/>
      <c r="AF81" s="252"/>
      <c r="AG81" s="252"/>
      <c r="AH81" s="252"/>
    </row>
    <row r="82" spans="1:36" s="68" customFormat="1" ht="20.100000000000001" customHeight="1" x14ac:dyDescent="0.25">
      <c r="A82" s="127"/>
      <c r="B82" s="154" t="s">
        <v>37</v>
      </c>
      <c r="C82" s="154"/>
      <c r="D82" s="155"/>
      <c r="E82" s="155"/>
      <c r="F82" s="156" t="s">
        <v>76</v>
      </c>
      <c r="G82" s="155"/>
      <c r="H82" s="155"/>
      <c r="I82" s="156" t="s">
        <v>76</v>
      </c>
      <c r="J82" s="155"/>
      <c r="K82" s="155"/>
      <c r="L82" s="155"/>
      <c r="M82" s="155"/>
      <c r="N82" s="151"/>
      <c r="O82" s="151"/>
      <c r="P82" s="151"/>
      <c r="Q82" s="1"/>
      <c r="R82" s="1"/>
      <c r="S82" s="1"/>
      <c r="T82" s="1"/>
      <c r="U82" s="1"/>
      <c r="V82" s="127"/>
      <c r="W82" s="151"/>
      <c r="X82" s="151"/>
      <c r="Y82" s="151"/>
      <c r="Z82" s="151"/>
      <c r="AA82" s="69"/>
      <c r="AB82" s="252"/>
      <c r="AC82" s="252"/>
      <c r="AD82" s="252"/>
      <c r="AE82" s="252"/>
      <c r="AF82" s="252"/>
      <c r="AG82" s="252"/>
      <c r="AH82" s="252"/>
      <c r="AI82" s="112"/>
      <c r="AJ82" s="111"/>
    </row>
    <row r="83" spans="1:36" x14ac:dyDescent="0.2">
      <c r="A83" s="127"/>
      <c r="B83" s="1"/>
      <c r="C83" s="1"/>
      <c r="D83" s="1"/>
      <c r="E83" s="1"/>
      <c r="F83" s="1"/>
      <c r="G83" s="1"/>
      <c r="H83" s="1"/>
      <c r="I83" s="1"/>
      <c r="J83" s="1"/>
      <c r="K83" s="1"/>
      <c r="L83" s="1"/>
      <c r="M83" s="127"/>
      <c r="N83" s="127"/>
      <c r="O83" s="127"/>
      <c r="P83" s="127"/>
      <c r="Q83" s="127"/>
      <c r="R83" s="127"/>
      <c r="S83" s="127"/>
      <c r="T83" s="127"/>
      <c r="U83" s="127"/>
      <c r="V83" s="150"/>
      <c r="W83" s="127"/>
      <c r="X83" s="127"/>
      <c r="Y83" s="127"/>
      <c r="Z83" s="127"/>
      <c r="AB83" s="252"/>
      <c r="AC83" s="252"/>
      <c r="AD83" s="252"/>
      <c r="AE83" s="252"/>
      <c r="AF83" s="252"/>
      <c r="AG83" s="252"/>
      <c r="AH83" s="252"/>
    </row>
    <row r="84" spans="1:36" ht="20.100000000000001" customHeight="1" x14ac:dyDescent="0.2">
      <c r="A84" s="127"/>
      <c r="B84" s="1" t="s">
        <v>190</v>
      </c>
      <c r="C84" s="1"/>
      <c r="D84" s="231"/>
      <c r="E84" s="232"/>
      <c r="F84" s="232"/>
      <c r="G84" s="232"/>
      <c r="H84" s="232"/>
      <c r="I84" s="232"/>
      <c r="J84" s="232"/>
      <c r="K84" s="232"/>
      <c r="L84" s="232"/>
      <c r="M84" s="232"/>
      <c r="N84" s="232"/>
      <c r="O84" s="232"/>
      <c r="P84" s="232"/>
      <c r="Q84" s="232"/>
      <c r="R84" s="232"/>
      <c r="S84" s="232"/>
      <c r="T84" s="232"/>
      <c r="U84" s="232"/>
      <c r="V84" s="232"/>
      <c r="W84" s="233"/>
      <c r="X84" s="127"/>
      <c r="Y84" s="127"/>
      <c r="Z84" s="127"/>
      <c r="AB84" s="252"/>
      <c r="AC84" s="252"/>
      <c r="AD84" s="252"/>
      <c r="AE84" s="252"/>
      <c r="AF84" s="252"/>
      <c r="AG84" s="252"/>
      <c r="AH84" s="252"/>
    </row>
    <row r="85" spans="1:36" ht="6.95" customHeight="1" x14ac:dyDescent="0.2">
      <c r="A85" s="127"/>
      <c r="B85" s="1"/>
      <c r="C85" s="1"/>
      <c r="D85" s="151"/>
      <c r="E85" s="151"/>
      <c r="F85" s="151"/>
      <c r="G85" s="151"/>
      <c r="H85" s="1"/>
      <c r="I85" s="1"/>
      <c r="J85" s="1"/>
      <c r="K85" s="1"/>
      <c r="L85" s="1"/>
      <c r="M85" s="127"/>
      <c r="N85" s="127"/>
      <c r="O85" s="127"/>
      <c r="P85" s="127"/>
      <c r="Q85" s="127"/>
      <c r="R85" s="127"/>
      <c r="S85" s="127"/>
      <c r="T85" s="127"/>
      <c r="U85" s="127"/>
      <c r="V85" s="150"/>
      <c r="W85" s="127"/>
      <c r="X85" s="127"/>
      <c r="Y85" s="127"/>
      <c r="Z85" s="127"/>
      <c r="AB85" s="252"/>
      <c r="AC85" s="252"/>
      <c r="AD85" s="252"/>
      <c r="AE85" s="252"/>
      <c r="AF85" s="252"/>
      <c r="AG85" s="252"/>
      <c r="AH85" s="252"/>
    </row>
    <row r="86" spans="1:36" ht="20.100000000000001" customHeight="1" x14ac:dyDescent="0.2">
      <c r="A86" s="127"/>
      <c r="B86" s="1" t="s">
        <v>29</v>
      </c>
      <c r="C86" s="1"/>
      <c r="D86" s="231"/>
      <c r="E86" s="232"/>
      <c r="F86" s="232"/>
      <c r="G86" s="232"/>
      <c r="H86" s="232"/>
      <c r="I86" s="232"/>
      <c r="J86" s="232"/>
      <c r="K86" s="232"/>
      <c r="L86" s="232"/>
      <c r="M86" s="232"/>
      <c r="N86" s="232"/>
      <c r="O86" s="232"/>
      <c r="P86" s="232"/>
      <c r="Q86" s="232"/>
      <c r="R86" s="232"/>
      <c r="S86" s="232"/>
      <c r="T86" s="232"/>
      <c r="U86" s="232"/>
      <c r="V86" s="232"/>
      <c r="W86" s="233"/>
      <c r="X86" s="127"/>
      <c r="Y86" s="127"/>
      <c r="Z86" s="127"/>
      <c r="AB86" s="252"/>
      <c r="AC86" s="252"/>
      <c r="AD86" s="252"/>
      <c r="AE86" s="252"/>
      <c r="AF86" s="252"/>
      <c r="AG86" s="252"/>
      <c r="AH86" s="252"/>
    </row>
    <row r="87" spans="1:36" ht="8.1" customHeight="1" x14ac:dyDescent="0.2">
      <c r="A87" s="127"/>
      <c r="B87" s="1"/>
      <c r="C87" s="1"/>
      <c r="D87" s="151"/>
      <c r="E87" s="151"/>
      <c r="F87" s="151"/>
      <c r="G87" s="151"/>
      <c r="H87" s="1"/>
      <c r="I87" s="1"/>
      <c r="J87" s="1"/>
      <c r="K87" s="1"/>
      <c r="L87" s="1"/>
      <c r="M87" s="127"/>
      <c r="N87" s="127"/>
      <c r="O87" s="127"/>
      <c r="P87" s="127"/>
      <c r="Q87" s="127"/>
      <c r="R87" s="127"/>
      <c r="S87" s="127"/>
      <c r="T87" s="127"/>
      <c r="U87" s="127"/>
      <c r="V87" s="150"/>
      <c r="W87" s="127"/>
      <c r="X87" s="127"/>
      <c r="Y87" s="127"/>
      <c r="Z87" s="127"/>
      <c r="AB87" s="252"/>
      <c r="AC87" s="252"/>
      <c r="AD87" s="252"/>
      <c r="AE87" s="252"/>
      <c r="AF87" s="252"/>
      <c r="AG87" s="252"/>
      <c r="AH87" s="252"/>
    </row>
    <row r="88" spans="1:36" s="68" customFormat="1" ht="20.100000000000001" customHeight="1" x14ac:dyDescent="0.2">
      <c r="A88" s="127"/>
      <c r="B88" s="1" t="s">
        <v>138</v>
      </c>
      <c r="C88" s="1"/>
      <c r="D88" s="153"/>
      <c r="E88" s="1" t="s">
        <v>73</v>
      </c>
      <c r="F88" s="127"/>
      <c r="G88" s="127"/>
      <c r="H88" s="153"/>
      <c r="I88" s="127" t="s">
        <v>74</v>
      </c>
      <c r="J88" s="127"/>
      <c r="K88" s="127"/>
      <c r="L88" s="153"/>
      <c r="M88" s="127" t="s">
        <v>75</v>
      </c>
      <c r="N88" s="127"/>
      <c r="O88" s="127"/>
      <c r="P88" s="127"/>
      <c r="Q88" s="1"/>
      <c r="R88" s="1"/>
      <c r="S88" s="1"/>
      <c r="T88" s="1"/>
      <c r="U88" s="1"/>
      <c r="V88" s="150"/>
      <c r="W88" s="127"/>
      <c r="X88" s="127"/>
      <c r="Y88" s="127"/>
      <c r="Z88" s="127"/>
      <c r="AA88" s="7"/>
      <c r="AB88" s="252"/>
      <c r="AC88" s="252"/>
      <c r="AD88" s="252"/>
      <c r="AE88" s="252"/>
      <c r="AF88" s="252"/>
      <c r="AG88" s="252"/>
      <c r="AH88" s="252"/>
      <c r="AI88" s="7"/>
      <c r="AJ88" s="113"/>
    </row>
    <row r="89" spans="1:36" ht="6.95" customHeight="1" x14ac:dyDescent="0.2">
      <c r="A89" s="127"/>
      <c r="B89" s="127"/>
      <c r="C89" s="127"/>
      <c r="D89" s="127"/>
      <c r="E89" s="127"/>
      <c r="F89" s="127"/>
      <c r="G89" s="127"/>
      <c r="H89" s="127"/>
      <c r="I89" s="127"/>
      <c r="J89" s="127"/>
      <c r="K89" s="127"/>
      <c r="L89" s="127"/>
      <c r="M89" s="127"/>
      <c r="N89" s="127"/>
      <c r="O89" s="127"/>
      <c r="P89" s="127"/>
      <c r="Q89" s="127"/>
      <c r="R89" s="127"/>
      <c r="S89" s="127"/>
      <c r="T89" s="127"/>
      <c r="U89" s="127"/>
      <c r="V89" s="150"/>
      <c r="W89" s="127"/>
      <c r="X89" s="127"/>
      <c r="Y89" s="127"/>
      <c r="Z89" s="127"/>
      <c r="AB89" s="252"/>
      <c r="AC89" s="252"/>
      <c r="AD89" s="252"/>
      <c r="AE89" s="252"/>
      <c r="AF89" s="252"/>
      <c r="AG89" s="252"/>
      <c r="AH89" s="252"/>
    </row>
    <row r="90" spans="1:36" s="68" customFormat="1" ht="20.100000000000001" customHeight="1" x14ac:dyDescent="0.25">
      <c r="A90" s="127"/>
      <c r="B90" s="154" t="s">
        <v>37</v>
      </c>
      <c r="C90" s="154"/>
      <c r="D90" s="155"/>
      <c r="E90" s="155"/>
      <c r="F90" s="156" t="s">
        <v>76</v>
      </c>
      <c r="G90" s="155"/>
      <c r="H90" s="155"/>
      <c r="I90" s="156" t="s">
        <v>76</v>
      </c>
      <c r="J90" s="155"/>
      <c r="K90" s="155"/>
      <c r="L90" s="155"/>
      <c r="M90" s="155"/>
      <c r="N90" s="151"/>
      <c r="O90" s="151"/>
      <c r="P90" s="151"/>
      <c r="Q90" s="1"/>
      <c r="R90" s="1"/>
      <c r="S90" s="1"/>
      <c r="T90" s="1"/>
      <c r="U90" s="1"/>
      <c r="V90" s="127"/>
      <c r="W90" s="151"/>
      <c r="X90" s="151"/>
      <c r="Y90" s="151"/>
      <c r="Z90" s="151"/>
      <c r="AA90" s="69"/>
      <c r="AB90" s="252"/>
      <c r="AC90" s="252"/>
      <c r="AD90" s="252"/>
      <c r="AE90" s="252"/>
      <c r="AF90" s="252"/>
      <c r="AG90" s="252"/>
      <c r="AH90" s="252"/>
      <c r="AI90" s="112"/>
      <c r="AJ90" s="111"/>
    </row>
    <row r="91" spans="1:36" x14ac:dyDescent="0.2">
      <c r="A91" s="127"/>
      <c r="B91" s="1"/>
      <c r="C91" s="1"/>
      <c r="D91" s="1"/>
      <c r="E91" s="1"/>
      <c r="F91" s="1"/>
      <c r="G91" s="1"/>
      <c r="H91" s="1"/>
      <c r="I91" s="1"/>
      <c r="J91" s="1"/>
      <c r="K91" s="1"/>
      <c r="L91" s="1"/>
      <c r="M91" s="127"/>
      <c r="N91" s="127"/>
      <c r="O91" s="127"/>
      <c r="P91" s="127"/>
      <c r="Q91" s="127"/>
      <c r="R91" s="127"/>
      <c r="S91" s="127"/>
      <c r="T91" s="127"/>
      <c r="U91" s="127"/>
      <c r="V91" s="150"/>
      <c r="W91" s="127"/>
      <c r="X91" s="127"/>
      <c r="Y91" s="127"/>
      <c r="Z91" s="127"/>
      <c r="AB91" s="252"/>
      <c r="AC91" s="252"/>
      <c r="AD91" s="252"/>
      <c r="AE91" s="252"/>
      <c r="AF91" s="252"/>
      <c r="AG91" s="252"/>
      <c r="AH91" s="252"/>
    </row>
    <row r="92" spans="1:36" x14ac:dyDescent="0.2">
      <c r="A92" s="127"/>
      <c r="B92" s="1"/>
      <c r="C92" s="1"/>
      <c r="D92" s="1"/>
      <c r="E92" s="1"/>
      <c r="F92" s="1"/>
      <c r="G92" s="1"/>
      <c r="H92" s="1"/>
      <c r="I92" s="1"/>
      <c r="J92" s="1"/>
      <c r="K92" s="1"/>
      <c r="L92" s="1"/>
      <c r="M92" s="127"/>
      <c r="N92" s="127"/>
      <c r="O92" s="127"/>
      <c r="P92" s="127"/>
      <c r="Q92" s="127"/>
      <c r="R92" s="127"/>
      <c r="S92" s="127"/>
      <c r="T92" s="127"/>
      <c r="U92" s="127"/>
      <c r="V92" s="150"/>
      <c r="W92" s="127"/>
      <c r="X92" s="127"/>
      <c r="Y92" s="127"/>
      <c r="Z92" s="127"/>
      <c r="AB92" s="252"/>
      <c r="AC92" s="252"/>
      <c r="AD92" s="252"/>
      <c r="AE92" s="252"/>
      <c r="AF92" s="252"/>
      <c r="AG92" s="252"/>
      <c r="AH92" s="252"/>
    </row>
    <row r="93" spans="1:36" ht="20.100000000000001" customHeight="1" x14ac:dyDescent="0.2">
      <c r="A93" s="127"/>
      <c r="B93" s="1" t="s">
        <v>190</v>
      </c>
      <c r="C93" s="1"/>
      <c r="D93" s="231"/>
      <c r="E93" s="232"/>
      <c r="F93" s="232"/>
      <c r="G93" s="232"/>
      <c r="H93" s="232"/>
      <c r="I93" s="232"/>
      <c r="J93" s="232"/>
      <c r="K93" s="232"/>
      <c r="L93" s="232"/>
      <c r="M93" s="232"/>
      <c r="N93" s="232"/>
      <c r="O93" s="232"/>
      <c r="P93" s="232"/>
      <c r="Q93" s="232"/>
      <c r="R93" s="232"/>
      <c r="S93" s="232"/>
      <c r="T93" s="232"/>
      <c r="U93" s="232"/>
      <c r="V93" s="232"/>
      <c r="W93" s="233"/>
      <c r="X93" s="127"/>
      <c r="Y93" s="127"/>
      <c r="Z93" s="127"/>
      <c r="AB93" s="252"/>
      <c r="AC93" s="252"/>
      <c r="AD93" s="252"/>
      <c r="AE93" s="252"/>
      <c r="AF93" s="252"/>
      <c r="AG93" s="252"/>
      <c r="AH93" s="252"/>
    </row>
    <row r="94" spans="1:36" ht="6.95" customHeight="1" x14ac:dyDescent="0.2">
      <c r="A94" s="127"/>
      <c r="B94" s="1"/>
      <c r="C94" s="1"/>
      <c r="D94" s="151"/>
      <c r="E94" s="151"/>
      <c r="F94" s="151"/>
      <c r="G94" s="151"/>
      <c r="H94" s="1"/>
      <c r="I94" s="1"/>
      <c r="J94" s="1"/>
      <c r="K94" s="1"/>
      <c r="L94" s="1"/>
      <c r="M94" s="127"/>
      <c r="N94" s="127"/>
      <c r="O94" s="127"/>
      <c r="P94" s="127"/>
      <c r="Q94" s="127"/>
      <c r="R94" s="127"/>
      <c r="S94" s="127"/>
      <c r="T94" s="127"/>
      <c r="U94" s="127"/>
      <c r="V94" s="150"/>
      <c r="W94" s="127"/>
      <c r="X94" s="127"/>
      <c r="Y94" s="127"/>
      <c r="Z94" s="127"/>
      <c r="AB94" s="252"/>
      <c r="AC94" s="252"/>
      <c r="AD94" s="252"/>
      <c r="AE94" s="252"/>
      <c r="AF94" s="252"/>
      <c r="AG94" s="252"/>
      <c r="AH94" s="252"/>
    </row>
    <row r="95" spans="1:36" ht="20.100000000000001" customHeight="1" x14ac:dyDescent="0.2">
      <c r="A95" s="127"/>
      <c r="B95" s="1" t="s">
        <v>29</v>
      </c>
      <c r="C95" s="1"/>
      <c r="D95" s="231"/>
      <c r="E95" s="232"/>
      <c r="F95" s="232"/>
      <c r="G95" s="232"/>
      <c r="H95" s="232"/>
      <c r="I95" s="232"/>
      <c r="J95" s="232"/>
      <c r="K95" s="232"/>
      <c r="L95" s="232"/>
      <c r="M95" s="232"/>
      <c r="N95" s="232"/>
      <c r="O95" s="232"/>
      <c r="P95" s="232"/>
      <c r="Q95" s="232"/>
      <c r="R95" s="232"/>
      <c r="S95" s="232"/>
      <c r="T95" s="232"/>
      <c r="U95" s="232"/>
      <c r="V95" s="232"/>
      <c r="W95" s="233"/>
      <c r="X95" s="127"/>
      <c r="Y95" s="127"/>
      <c r="Z95" s="127"/>
      <c r="AB95" s="252"/>
      <c r="AC95" s="252"/>
      <c r="AD95" s="252"/>
      <c r="AE95" s="252"/>
      <c r="AF95" s="252"/>
      <c r="AG95" s="252"/>
      <c r="AH95" s="252"/>
    </row>
    <row r="96" spans="1:36" ht="8.1" customHeight="1" x14ac:dyDescent="0.2">
      <c r="A96" s="127"/>
      <c r="B96" s="1"/>
      <c r="C96" s="1"/>
      <c r="D96" s="151"/>
      <c r="E96" s="151"/>
      <c r="F96" s="151"/>
      <c r="G96" s="151"/>
      <c r="H96" s="1"/>
      <c r="I96" s="1"/>
      <c r="J96" s="1"/>
      <c r="K96" s="1"/>
      <c r="L96" s="1"/>
      <c r="M96" s="127"/>
      <c r="N96" s="127"/>
      <c r="O96" s="127"/>
      <c r="P96" s="127"/>
      <c r="Q96" s="127"/>
      <c r="R96" s="127"/>
      <c r="S96" s="127"/>
      <c r="T96" s="127"/>
      <c r="U96" s="127"/>
      <c r="V96" s="150"/>
      <c r="W96" s="127"/>
      <c r="X96" s="127"/>
      <c r="Y96" s="127"/>
      <c r="Z96" s="127"/>
      <c r="AB96" s="252"/>
      <c r="AC96" s="252"/>
      <c r="AD96" s="252"/>
      <c r="AE96" s="252"/>
      <c r="AF96" s="252"/>
      <c r="AG96" s="252"/>
      <c r="AH96" s="252"/>
    </row>
    <row r="97" spans="1:36" s="68" customFormat="1" ht="20.100000000000001" customHeight="1" x14ac:dyDescent="0.2">
      <c r="A97" s="127"/>
      <c r="B97" s="1" t="s">
        <v>138</v>
      </c>
      <c r="C97" s="1"/>
      <c r="D97" s="153"/>
      <c r="E97" s="1" t="s">
        <v>73</v>
      </c>
      <c r="F97" s="127"/>
      <c r="G97" s="127"/>
      <c r="H97" s="153"/>
      <c r="I97" s="127" t="s">
        <v>74</v>
      </c>
      <c r="J97" s="127"/>
      <c r="K97" s="127"/>
      <c r="L97" s="153"/>
      <c r="M97" s="127" t="s">
        <v>75</v>
      </c>
      <c r="N97" s="127"/>
      <c r="O97" s="127"/>
      <c r="P97" s="127"/>
      <c r="Q97" s="1"/>
      <c r="R97" s="1"/>
      <c r="S97" s="1"/>
      <c r="T97" s="1"/>
      <c r="U97" s="1"/>
      <c r="V97" s="150"/>
      <c r="W97" s="127"/>
      <c r="X97" s="127"/>
      <c r="Y97" s="127"/>
      <c r="Z97" s="127"/>
      <c r="AA97" s="7"/>
      <c r="AB97" s="252"/>
      <c r="AC97" s="252"/>
      <c r="AD97" s="252"/>
      <c r="AE97" s="252"/>
      <c r="AF97" s="252"/>
      <c r="AG97" s="252"/>
      <c r="AH97" s="252"/>
      <c r="AI97" s="7"/>
      <c r="AJ97" s="113"/>
    </row>
    <row r="98" spans="1:36" ht="6.95" customHeight="1" x14ac:dyDescent="0.2">
      <c r="A98" s="127"/>
      <c r="B98" s="127"/>
      <c r="C98" s="127"/>
      <c r="D98" s="127"/>
      <c r="E98" s="127"/>
      <c r="F98" s="127"/>
      <c r="G98" s="127"/>
      <c r="H98" s="127"/>
      <c r="I98" s="127"/>
      <c r="J98" s="127"/>
      <c r="K98" s="127"/>
      <c r="L98" s="127"/>
      <c r="M98" s="127"/>
      <c r="N98" s="127"/>
      <c r="O98" s="127"/>
      <c r="P98" s="127"/>
      <c r="Q98" s="127"/>
      <c r="R98" s="127"/>
      <c r="S98" s="127"/>
      <c r="T98" s="127"/>
      <c r="U98" s="127"/>
      <c r="V98" s="150"/>
      <c r="W98" s="127"/>
      <c r="X98" s="127"/>
      <c r="Y98" s="127"/>
      <c r="Z98" s="127"/>
      <c r="AB98" s="252"/>
      <c r="AC98" s="252"/>
      <c r="AD98" s="252"/>
      <c r="AE98" s="252"/>
      <c r="AF98" s="252"/>
      <c r="AG98" s="252"/>
      <c r="AH98" s="252"/>
    </row>
    <row r="99" spans="1:36" s="68" customFormat="1" ht="20.100000000000001" customHeight="1" x14ac:dyDescent="0.25">
      <c r="A99" s="127"/>
      <c r="B99" s="154" t="s">
        <v>37</v>
      </c>
      <c r="C99" s="154"/>
      <c r="D99" s="155"/>
      <c r="E99" s="155"/>
      <c r="F99" s="156" t="s">
        <v>76</v>
      </c>
      <c r="G99" s="155"/>
      <c r="H99" s="155"/>
      <c r="I99" s="156" t="s">
        <v>76</v>
      </c>
      <c r="J99" s="155"/>
      <c r="K99" s="155"/>
      <c r="L99" s="155"/>
      <c r="M99" s="155"/>
      <c r="N99" s="151"/>
      <c r="O99" s="151"/>
      <c r="P99" s="151"/>
      <c r="Q99" s="1"/>
      <c r="R99" s="1"/>
      <c r="S99" s="1"/>
      <c r="T99" s="1"/>
      <c r="U99" s="1"/>
      <c r="V99" s="127"/>
      <c r="W99" s="151"/>
      <c r="X99" s="151"/>
      <c r="Y99" s="151"/>
      <c r="Z99" s="151"/>
      <c r="AA99" s="69"/>
      <c r="AB99" s="252"/>
      <c r="AC99" s="252"/>
      <c r="AD99" s="252"/>
      <c r="AE99" s="252"/>
      <c r="AF99" s="252"/>
      <c r="AG99" s="252"/>
      <c r="AH99" s="252"/>
      <c r="AI99" s="112"/>
      <c r="AJ99" s="111"/>
    </row>
    <row r="100" spans="1:36" x14ac:dyDescent="0.2">
      <c r="A100" s="127"/>
      <c r="B100" s="1"/>
      <c r="C100" s="1"/>
      <c r="D100" s="1"/>
      <c r="E100" s="1"/>
      <c r="F100" s="1"/>
      <c r="G100" s="1"/>
      <c r="H100" s="1"/>
      <c r="I100" s="1"/>
      <c r="J100" s="1"/>
      <c r="K100" s="1"/>
      <c r="L100" s="1"/>
      <c r="M100" s="127"/>
      <c r="N100" s="127"/>
      <c r="O100" s="127"/>
      <c r="P100" s="127"/>
      <c r="Q100" s="127"/>
      <c r="R100" s="127"/>
      <c r="S100" s="127"/>
      <c r="T100" s="127"/>
      <c r="U100" s="127"/>
      <c r="V100" s="150"/>
      <c r="W100" s="127"/>
      <c r="X100" s="127"/>
      <c r="Y100" s="127"/>
      <c r="Z100" s="127"/>
    </row>
    <row r="101" spans="1:36" x14ac:dyDescent="0.2">
      <c r="A101" s="127"/>
      <c r="B101" s="1"/>
      <c r="C101" s="1"/>
      <c r="D101" s="1"/>
      <c r="E101" s="1"/>
      <c r="F101" s="1"/>
      <c r="G101" s="1"/>
      <c r="H101" s="1"/>
      <c r="I101" s="1"/>
      <c r="J101" s="1"/>
      <c r="K101" s="1"/>
      <c r="L101" s="1"/>
      <c r="M101" s="127"/>
      <c r="N101" s="127"/>
      <c r="O101" s="127"/>
      <c r="P101" s="127"/>
      <c r="Q101" s="127"/>
      <c r="R101" s="127"/>
      <c r="S101" s="127"/>
      <c r="T101" s="127"/>
      <c r="U101" s="127"/>
      <c r="V101" s="150"/>
      <c r="W101" s="127"/>
      <c r="X101" s="127"/>
      <c r="Y101" s="127"/>
      <c r="Z101" s="127"/>
    </row>
    <row r="102" spans="1:36" x14ac:dyDescent="0.2">
      <c r="A102" s="127"/>
      <c r="B102" s="1"/>
      <c r="C102" s="1"/>
      <c r="D102" s="1"/>
      <c r="E102" s="1"/>
      <c r="F102" s="1"/>
      <c r="G102" s="1"/>
      <c r="H102" s="1"/>
      <c r="I102" s="1"/>
      <c r="J102" s="1"/>
      <c r="K102" s="1"/>
      <c r="L102" s="1"/>
      <c r="M102" s="127"/>
      <c r="N102" s="127"/>
      <c r="O102" s="127"/>
      <c r="P102" s="127"/>
      <c r="Q102" s="127"/>
      <c r="R102" s="127"/>
      <c r="S102" s="127"/>
      <c r="T102" s="127"/>
      <c r="U102" s="127"/>
      <c r="V102" s="150"/>
      <c r="W102" s="127"/>
      <c r="X102" s="127"/>
      <c r="Y102" s="127"/>
      <c r="Z102" s="127"/>
    </row>
    <row r="103" spans="1:36" ht="26.45" customHeight="1" x14ac:dyDescent="0.2">
      <c r="B103" s="227" t="s">
        <v>210</v>
      </c>
      <c r="C103" s="227"/>
      <c r="D103" s="227"/>
      <c r="E103" s="227"/>
      <c r="F103" s="227"/>
      <c r="G103" s="227"/>
      <c r="H103" s="227"/>
      <c r="I103" s="227"/>
      <c r="J103" s="227"/>
      <c r="K103" s="227"/>
      <c r="L103" s="227"/>
      <c r="M103" s="227"/>
      <c r="N103" s="227"/>
      <c r="O103" s="227"/>
      <c r="P103" s="227"/>
      <c r="Q103" s="227"/>
      <c r="R103" s="227"/>
      <c r="S103" s="227"/>
      <c r="T103" s="227"/>
      <c r="U103" s="227"/>
      <c r="V103" s="227"/>
      <c r="W103" s="227"/>
      <c r="X103" s="227"/>
      <c r="Y103" s="227"/>
      <c r="Z103" s="227"/>
      <c r="AA103" s="227"/>
      <c r="AB103" s="227"/>
      <c r="AC103" s="227"/>
      <c r="AD103" s="227"/>
      <c r="AE103" s="227"/>
      <c r="AF103" s="227"/>
      <c r="AG103" s="227"/>
      <c r="AH103" s="227"/>
      <c r="AI103" s="227"/>
      <c r="AJ103" s="7"/>
    </row>
    <row r="104" spans="1:36" x14ac:dyDescent="0.2">
      <c r="B104" s="206" t="s">
        <v>211</v>
      </c>
      <c r="C104" s="1"/>
      <c r="D104" s="1"/>
      <c r="E104" s="1"/>
      <c r="F104" s="1"/>
      <c r="G104" s="1"/>
      <c r="H104" s="1"/>
      <c r="I104" s="1"/>
      <c r="J104" s="1"/>
      <c r="K104" s="1"/>
      <c r="L104" s="1"/>
      <c r="M104" s="1"/>
      <c r="N104" s="1"/>
      <c r="O104" s="1"/>
      <c r="P104" s="1"/>
      <c r="Q104" s="1"/>
      <c r="R104" s="1"/>
      <c r="S104" s="1"/>
      <c r="T104" s="1"/>
      <c r="U104" s="1"/>
      <c r="V104" s="7"/>
      <c r="W104" s="69"/>
      <c r="X104" s="69"/>
      <c r="Y104" s="69"/>
      <c r="Z104" s="69"/>
      <c r="AA104" s="69"/>
      <c r="AB104" s="69"/>
      <c r="AC104" s="69"/>
      <c r="AD104" s="69"/>
      <c r="AE104" s="69"/>
      <c r="AF104" s="69"/>
      <c r="AG104" s="112"/>
      <c r="AJ104" s="7"/>
    </row>
    <row r="105" spans="1:36" x14ac:dyDescent="0.2">
      <c r="A105" s="127"/>
      <c r="B105" s="1"/>
      <c r="C105" s="1"/>
      <c r="D105" s="1"/>
      <c r="E105" s="1"/>
      <c r="F105" s="1"/>
      <c r="G105" s="1"/>
      <c r="H105" s="1"/>
      <c r="I105" s="1"/>
      <c r="J105" s="1"/>
      <c r="K105" s="1"/>
      <c r="L105" s="1"/>
      <c r="M105" s="127"/>
      <c r="N105" s="127"/>
      <c r="O105" s="127"/>
      <c r="P105" s="127"/>
      <c r="Q105" s="127"/>
      <c r="R105" s="127"/>
      <c r="S105" s="127"/>
      <c r="T105" s="127"/>
      <c r="U105" s="127"/>
      <c r="V105" s="150"/>
      <c r="W105" s="127"/>
      <c r="X105" s="127"/>
      <c r="Y105" s="127"/>
      <c r="Z105" s="127"/>
    </row>
    <row r="106" spans="1:36" x14ac:dyDescent="0.2">
      <c r="A106" s="127"/>
      <c r="B106" s="1"/>
      <c r="C106" s="1"/>
      <c r="D106" s="1"/>
      <c r="E106" s="1"/>
      <c r="F106" s="1"/>
      <c r="G106" s="1"/>
      <c r="H106" s="1"/>
      <c r="I106" s="1"/>
      <c r="J106" s="1"/>
      <c r="K106" s="1"/>
      <c r="L106" s="1"/>
      <c r="M106" s="127"/>
      <c r="N106" s="127"/>
      <c r="O106" s="127"/>
      <c r="P106" s="127"/>
      <c r="Q106" s="127"/>
      <c r="R106" s="127"/>
      <c r="S106" s="127"/>
      <c r="T106" s="127"/>
      <c r="U106" s="127"/>
      <c r="V106" s="150"/>
      <c r="W106" s="127"/>
      <c r="X106" s="127"/>
      <c r="Y106" s="127"/>
      <c r="Z106" s="127"/>
    </row>
    <row r="107" spans="1:36" x14ac:dyDescent="0.2">
      <c r="A107" s="127"/>
      <c r="B107" s="1"/>
      <c r="C107" s="1"/>
      <c r="D107" s="1"/>
      <c r="E107" s="1"/>
      <c r="F107" s="1"/>
      <c r="G107" s="1"/>
      <c r="H107" s="1"/>
      <c r="I107" s="1"/>
      <c r="J107" s="1"/>
      <c r="K107" s="1"/>
      <c r="L107" s="1"/>
      <c r="M107" s="127"/>
      <c r="N107" s="127"/>
      <c r="O107" s="127"/>
      <c r="P107" s="127"/>
      <c r="Q107" s="127"/>
      <c r="R107" s="127"/>
      <c r="S107" s="127"/>
      <c r="T107" s="127"/>
      <c r="U107" s="127"/>
      <c r="V107" s="150"/>
      <c r="W107" s="127"/>
      <c r="X107" s="127"/>
      <c r="Y107" s="127"/>
      <c r="Z107" s="127"/>
    </row>
    <row r="108" spans="1:36" x14ac:dyDescent="0.2">
      <c r="A108" s="127"/>
      <c r="B108" s="1"/>
      <c r="C108" s="1"/>
      <c r="D108" s="1"/>
      <c r="E108" s="1"/>
      <c r="F108" s="1"/>
      <c r="G108" s="1"/>
      <c r="H108" s="1"/>
      <c r="I108" s="1"/>
      <c r="J108" s="1"/>
      <c r="K108" s="1"/>
      <c r="L108" s="1"/>
      <c r="M108" s="127"/>
      <c r="N108" s="127"/>
      <c r="O108" s="127"/>
      <c r="P108" s="127"/>
      <c r="Q108" s="127"/>
      <c r="R108" s="127"/>
      <c r="S108" s="127"/>
      <c r="T108" s="127"/>
      <c r="U108" s="127"/>
      <c r="V108" s="150"/>
      <c r="W108" s="127"/>
      <c r="X108" s="127"/>
      <c r="Y108" s="127"/>
      <c r="Z108" s="127"/>
    </row>
    <row r="109" spans="1:36" x14ac:dyDescent="0.2">
      <c r="A109" s="127"/>
      <c r="B109" s="1"/>
      <c r="C109" s="1"/>
      <c r="D109" s="1"/>
      <c r="E109" s="1"/>
      <c r="F109" s="1"/>
      <c r="G109" s="1"/>
      <c r="H109" s="1"/>
      <c r="I109" s="1"/>
      <c r="J109" s="1"/>
      <c r="K109" s="1"/>
      <c r="L109" s="1"/>
      <c r="M109" s="127"/>
      <c r="N109" s="127"/>
      <c r="O109" s="127"/>
      <c r="P109" s="127"/>
      <c r="Q109" s="127"/>
      <c r="R109" s="127"/>
      <c r="S109" s="127"/>
      <c r="T109" s="127"/>
      <c r="U109" s="127"/>
      <c r="V109" s="150"/>
      <c r="W109" s="127"/>
      <c r="X109" s="127"/>
      <c r="Y109" s="127"/>
      <c r="Z109" s="127"/>
    </row>
    <row r="110" spans="1:36" x14ac:dyDescent="0.2">
      <c r="A110" s="127"/>
      <c r="B110" s="1"/>
      <c r="C110" s="1"/>
      <c r="D110" s="1"/>
      <c r="E110" s="1"/>
      <c r="F110" s="1"/>
      <c r="G110" s="1"/>
      <c r="H110" s="1"/>
      <c r="I110" s="1"/>
      <c r="J110" s="1"/>
      <c r="K110" s="1"/>
      <c r="L110" s="1"/>
      <c r="M110" s="127"/>
      <c r="N110" s="127"/>
      <c r="O110" s="127"/>
      <c r="P110" s="127"/>
      <c r="Q110" s="127"/>
      <c r="R110" s="127"/>
      <c r="S110" s="127"/>
      <c r="T110" s="127"/>
      <c r="U110" s="127"/>
      <c r="V110" s="150"/>
      <c r="W110" s="127"/>
      <c r="X110" s="127"/>
      <c r="Y110" s="127"/>
      <c r="Z110" s="127"/>
    </row>
    <row r="111" spans="1:36" x14ac:dyDescent="0.2">
      <c r="A111" s="127"/>
      <c r="B111" s="1"/>
      <c r="C111" s="1"/>
      <c r="D111" s="1"/>
      <c r="E111" s="1"/>
      <c r="F111" s="1"/>
      <c r="G111" s="1"/>
      <c r="H111" s="1"/>
      <c r="I111" s="1"/>
      <c r="J111" s="1"/>
      <c r="K111" s="1"/>
      <c r="L111" s="1"/>
      <c r="M111" s="127"/>
      <c r="N111" s="127"/>
      <c r="O111" s="127"/>
      <c r="P111" s="127"/>
      <c r="Q111" s="127"/>
      <c r="R111" s="127"/>
      <c r="S111" s="127"/>
      <c r="T111" s="127"/>
      <c r="U111" s="127"/>
      <c r="V111" s="150"/>
      <c r="W111" s="127"/>
      <c r="X111" s="127"/>
      <c r="Y111" s="127"/>
      <c r="Z111" s="127"/>
    </row>
    <row r="112" spans="1:36" x14ac:dyDescent="0.2">
      <c r="A112" s="127"/>
      <c r="B112" s="1"/>
      <c r="C112" s="1"/>
      <c r="D112" s="1"/>
      <c r="E112" s="1"/>
      <c r="F112" s="1"/>
      <c r="G112" s="1"/>
      <c r="H112" s="1"/>
      <c r="I112" s="1"/>
      <c r="J112" s="1"/>
      <c r="K112" s="1"/>
      <c r="L112" s="1"/>
      <c r="M112" s="127"/>
      <c r="N112" s="127"/>
      <c r="O112" s="127"/>
      <c r="P112" s="127"/>
      <c r="Q112" s="127"/>
      <c r="R112" s="127"/>
      <c r="S112" s="127"/>
      <c r="T112" s="127"/>
      <c r="U112" s="127"/>
      <c r="V112" s="150"/>
      <c r="W112" s="127"/>
      <c r="X112" s="127"/>
      <c r="Y112" s="127"/>
      <c r="Z112" s="127"/>
    </row>
    <row r="113" spans="1:26" x14ac:dyDescent="0.2">
      <c r="A113" s="127"/>
      <c r="B113" s="1"/>
      <c r="C113" s="1"/>
      <c r="D113" s="1"/>
      <c r="E113" s="1"/>
      <c r="F113" s="1"/>
      <c r="G113" s="1"/>
      <c r="H113" s="1"/>
      <c r="I113" s="1"/>
      <c r="J113" s="1"/>
      <c r="K113" s="1"/>
      <c r="L113" s="1"/>
      <c r="M113" s="127"/>
      <c r="N113" s="127"/>
      <c r="O113" s="127"/>
      <c r="P113" s="127"/>
      <c r="Q113" s="127"/>
      <c r="R113" s="127"/>
      <c r="S113" s="127"/>
      <c r="T113" s="127"/>
      <c r="U113" s="127"/>
      <c r="V113" s="150"/>
      <c r="W113" s="127"/>
      <c r="X113" s="127"/>
      <c r="Y113" s="127"/>
      <c r="Z113" s="127"/>
    </row>
    <row r="114" spans="1:26" x14ac:dyDescent="0.2">
      <c r="A114" s="127"/>
      <c r="B114" s="1"/>
      <c r="C114" s="1"/>
      <c r="D114" s="1"/>
      <c r="E114" s="1"/>
      <c r="F114" s="1"/>
      <c r="G114" s="1"/>
      <c r="H114" s="1"/>
      <c r="I114" s="1"/>
      <c r="J114" s="1"/>
      <c r="K114" s="1"/>
      <c r="L114" s="1"/>
      <c r="M114" s="127"/>
      <c r="N114" s="127"/>
      <c r="O114" s="127"/>
      <c r="P114" s="127"/>
      <c r="Q114" s="127"/>
      <c r="R114" s="127"/>
      <c r="S114" s="127"/>
      <c r="T114" s="127"/>
      <c r="U114" s="127"/>
      <c r="V114" s="150"/>
      <c r="W114" s="127"/>
      <c r="X114" s="127"/>
      <c r="Y114" s="127"/>
      <c r="Z114" s="127"/>
    </row>
    <row r="115" spans="1:26" x14ac:dyDescent="0.2">
      <c r="A115" s="127"/>
      <c r="B115" s="1"/>
      <c r="C115" s="1"/>
      <c r="D115" s="1"/>
      <c r="E115" s="1"/>
      <c r="F115" s="1"/>
      <c r="G115" s="1"/>
      <c r="H115" s="1"/>
      <c r="I115" s="1"/>
      <c r="J115" s="1"/>
      <c r="K115" s="1"/>
      <c r="L115" s="1"/>
      <c r="M115" s="127"/>
      <c r="N115" s="127"/>
      <c r="O115" s="127"/>
      <c r="P115" s="127"/>
      <c r="Q115" s="127"/>
      <c r="R115" s="127"/>
      <c r="S115" s="127"/>
      <c r="T115" s="127"/>
      <c r="U115" s="127"/>
      <c r="V115" s="150"/>
      <c r="W115" s="127"/>
      <c r="X115" s="127"/>
      <c r="Y115" s="127"/>
      <c r="Z115" s="127"/>
    </row>
    <row r="116" spans="1:26" x14ac:dyDescent="0.2">
      <c r="A116" s="127"/>
      <c r="B116" s="1"/>
      <c r="C116" s="1"/>
      <c r="D116" s="1"/>
      <c r="E116" s="1"/>
      <c r="F116" s="1"/>
      <c r="G116" s="1"/>
      <c r="H116" s="1"/>
      <c r="I116" s="1"/>
      <c r="J116" s="1"/>
      <c r="K116" s="1"/>
      <c r="L116" s="1"/>
      <c r="M116" s="127"/>
      <c r="N116" s="127"/>
      <c r="O116" s="127"/>
      <c r="P116" s="127"/>
      <c r="Q116" s="127"/>
      <c r="R116" s="127"/>
      <c r="S116" s="127"/>
      <c r="T116" s="127"/>
      <c r="U116" s="127"/>
      <c r="V116" s="150"/>
      <c r="W116" s="127"/>
      <c r="X116" s="127"/>
      <c r="Y116" s="127"/>
      <c r="Z116" s="127"/>
    </row>
    <row r="117" spans="1:26" x14ac:dyDescent="0.2">
      <c r="A117" s="127"/>
      <c r="B117" s="1"/>
      <c r="C117" s="1"/>
      <c r="D117" s="1"/>
      <c r="E117" s="1"/>
      <c r="F117" s="1"/>
      <c r="G117" s="1"/>
      <c r="H117" s="1"/>
      <c r="I117" s="1"/>
      <c r="J117" s="1"/>
      <c r="K117" s="1"/>
      <c r="L117" s="1"/>
      <c r="M117" s="127"/>
      <c r="N117" s="127"/>
      <c r="O117" s="127"/>
      <c r="P117" s="127"/>
      <c r="Q117" s="127"/>
      <c r="R117" s="127"/>
      <c r="S117" s="127"/>
      <c r="T117" s="127"/>
      <c r="U117" s="127"/>
      <c r="V117" s="150"/>
      <c r="W117" s="127"/>
      <c r="X117" s="127"/>
      <c r="Y117" s="127"/>
      <c r="Z117" s="127"/>
    </row>
    <row r="118" spans="1:26" x14ac:dyDescent="0.2">
      <c r="A118" s="127"/>
      <c r="B118" s="1"/>
      <c r="C118" s="1"/>
      <c r="D118" s="1"/>
      <c r="E118" s="1"/>
      <c r="F118" s="1"/>
      <c r="G118" s="1"/>
      <c r="H118" s="1"/>
      <c r="I118" s="1"/>
      <c r="J118" s="1"/>
      <c r="K118" s="1"/>
      <c r="L118" s="1"/>
      <c r="M118" s="127"/>
      <c r="N118" s="127"/>
      <c r="O118" s="127"/>
      <c r="P118" s="127"/>
      <c r="Q118" s="127"/>
      <c r="R118" s="127"/>
      <c r="S118" s="127"/>
      <c r="T118" s="127"/>
      <c r="U118" s="127"/>
      <c r="V118" s="150"/>
      <c r="W118" s="127"/>
      <c r="X118" s="127"/>
      <c r="Y118" s="127"/>
      <c r="Z118" s="127"/>
    </row>
    <row r="119" spans="1:26" x14ac:dyDescent="0.2">
      <c r="A119" s="127"/>
      <c r="B119" s="1"/>
      <c r="C119" s="1"/>
      <c r="D119" s="1"/>
      <c r="E119" s="1"/>
      <c r="F119" s="1"/>
      <c r="G119" s="1"/>
      <c r="H119" s="1"/>
      <c r="I119" s="1"/>
      <c r="J119" s="1"/>
      <c r="K119" s="1"/>
      <c r="L119" s="1"/>
      <c r="M119" s="127"/>
      <c r="N119" s="127"/>
      <c r="O119" s="127"/>
      <c r="P119" s="127"/>
      <c r="Q119" s="127"/>
      <c r="R119" s="127"/>
      <c r="S119" s="127"/>
      <c r="T119" s="127"/>
      <c r="U119" s="127"/>
      <c r="V119" s="150"/>
      <c r="W119" s="127"/>
      <c r="X119" s="127"/>
      <c r="Y119" s="127"/>
      <c r="Z119" s="127"/>
    </row>
    <row r="120" spans="1:26" x14ac:dyDescent="0.2">
      <c r="A120" s="127"/>
      <c r="B120" s="1"/>
      <c r="C120" s="1"/>
      <c r="D120" s="1"/>
      <c r="E120" s="1"/>
      <c r="F120" s="1"/>
      <c r="G120" s="1"/>
      <c r="H120" s="1"/>
      <c r="I120" s="1"/>
      <c r="J120" s="1"/>
      <c r="K120" s="1"/>
      <c r="L120" s="1"/>
      <c r="M120" s="127"/>
      <c r="N120" s="127"/>
      <c r="O120" s="127"/>
      <c r="P120" s="127"/>
      <c r="Q120" s="127"/>
      <c r="R120" s="127"/>
      <c r="S120" s="127"/>
      <c r="T120" s="127"/>
      <c r="U120" s="127"/>
      <c r="V120" s="150"/>
      <c r="W120" s="127"/>
      <c r="X120" s="127"/>
      <c r="Y120" s="127"/>
      <c r="Z120" s="127"/>
    </row>
    <row r="121" spans="1:26" x14ac:dyDescent="0.2">
      <c r="A121" s="127"/>
      <c r="B121" s="1"/>
      <c r="C121" s="1"/>
      <c r="D121" s="1"/>
      <c r="E121" s="1"/>
      <c r="F121" s="1"/>
      <c r="G121" s="1"/>
      <c r="H121" s="1"/>
      <c r="I121" s="1"/>
      <c r="J121" s="1"/>
      <c r="K121" s="1"/>
      <c r="L121" s="1"/>
      <c r="M121" s="127"/>
      <c r="N121" s="127"/>
      <c r="O121" s="127"/>
      <c r="P121" s="127"/>
      <c r="Q121" s="127"/>
      <c r="R121" s="127"/>
      <c r="S121" s="127"/>
      <c r="T121" s="127"/>
      <c r="U121" s="127"/>
      <c r="V121" s="150"/>
      <c r="W121" s="127"/>
      <c r="X121" s="127"/>
      <c r="Y121" s="127"/>
      <c r="Z121" s="127"/>
    </row>
    <row r="122" spans="1:26" x14ac:dyDescent="0.2">
      <c r="A122" s="127"/>
      <c r="B122" s="1"/>
      <c r="C122" s="1"/>
      <c r="D122" s="1"/>
      <c r="E122" s="1"/>
      <c r="F122" s="1"/>
      <c r="G122" s="1"/>
      <c r="H122" s="1"/>
      <c r="I122" s="1"/>
      <c r="J122" s="1"/>
      <c r="K122" s="1"/>
      <c r="L122" s="1"/>
      <c r="M122" s="127"/>
      <c r="N122" s="127"/>
      <c r="O122" s="127"/>
      <c r="P122" s="127"/>
      <c r="Q122" s="127"/>
      <c r="R122" s="127"/>
      <c r="S122" s="127"/>
      <c r="T122" s="127"/>
      <c r="U122" s="127"/>
      <c r="V122" s="150"/>
      <c r="W122" s="127"/>
      <c r="X122" s="127"/>
      <c r="Y122" s="127"/>
      <c r="Z122" s="127"/>
    </row>
    <row r="123" spans="1:26" x14ac:dyDescent="0.2">
      <c r="A123" s="127"/>
      <c r="B123" s="1"/>
      <c r="C123" s="1"/>
      <c r="D123" s="1"/>
      <c r="E123" s="1"/>
      <c r="F123" s="1"/>
      <c r="G123" s="1"/>
      <c r="H123" s="1"/>
      <c r="I123" s="1"/>
      <c r="J123" s="1"/>
      <c r="K123" s="1"/>
      <c r="L123" s="1"/>
      <c r="M123" s="127"/>
      <c r="N123" s="127"/>
      <c r="O123" s="127"/>
      <c r="P123" s="127"/>
      <c r="Q123" s="127"/>
      <c r="R123" s="127"/>
      <c r="S123" s="127"/>
      <c r="T123" s="127"/>
      <c r="U123" s="127"/>
      <c r="V123" s="150"/>
      <c r="W123" s="127"/>
      <c r="X123" s="127"/>
      <c r="Y123" s="127"/>
      <c r="Z123" s="127"/>
    </row>
    <row r="124" spans="1:26" x14ac:dyDescent="0.2">
      <c r="A124" s="127"/>
      <c r="B124" s="1"/>
      <c r="C124" s="1"/>
      <c r="D124" s="1"/>
      <c r="E124" s="1"/>
      <c r="F124" s="1"/>
      <c r="G124" s="1"/>
      <c r="H124" s="1"/>
      <c r="I124" s="1"/>
      <c r="J124" s="1"/>
      <c r="K124" s="1"/>
      <c r="L124" s="1"/>
      <c r="M124" s="127"/>
      <c r="N124" s="127"/>
      <c r="O124" s="127"/>
      <c r="P124" s="127"/>
      <c r="Q124" s="127"/>
      <c r="R124" s="127"/>
      <c r="S124" s="127"/>
      <c r="T124" s="127"/>
      <c r="U124" s="127"/>
      <c r="V124" s="150"/>
      <c r="W124" s="127"/>
      <c r="X124" s="127"/>
      <c r="Y124" s="127"/>
      <c r="Z124" s="127"/>
    </row>
    <row r="125" spans="1:26" x14ac:dyDescent="0.2">
      <c r="A125" s="127"/>
      <c r="B125" s="1"/>
      <c r="C125" s="1"/>
      <c r="D125" s="1"/>
      <c r="E125" s="1"/>
      <c r="F125" s="1"/>
      <c r="G125" s="1"/>
      <c r="H125" s="1"/>
      <c r="I125" s="1"/>
      <c r="J125" s="1"/>
      <c r="K125" s="1"/>
      <c r="L125" s="1"/>
      <c r="M125" s="127"/>
      <c r="N125" s="127"/>
      <c r="O125" s="127"/>
      <c r="P125" s="127"/>
      <c r="Q125" s="127"/>
      <c r="R125" s="127"/>
      <c r="S125" s="127"/>
      <c r="T125" s="127"/>
      <c r="U125" s="127"/>
      <c r="V125" s="150"/>
      <c r="W125" s="127"/>
      <c r="X125" s="127"/>
      <c r="Y125" s="127"/>
      <c r="Z125" s="127"/>
    </row>
    <row r="126" spans="1:26" x14ac:dyDescent="0.2">
      <c r="A126" s="127"/>
      <c r="B126" s="1"/>
      <c r="C126" s="1"/>
      <c r="D126" s="1"/>
      <c r="E126" s="1"/>
      <c r="F126" s="1"/>
      <c r="G126" s="1"/>
      <c r="H126" s="1"/>
      <c r="I126" s="1"/>
      <c r="J126" s="1"/>
      <c r="K126" s="1"/>
      <c r="L126" s="1"/>
      <c r="M126" s="127"/>
      <c r="N126" s="127"/>
      <c r="O126" s="127"/>
      <c r="P126" s="127"/>
      <c r="Q126" s="127"/>
      <c r="R126" s="127"/>
      <c r="S126" s="127"/>
      <c r="T126" s="127"/>
      <c r="U126" s="127"/>
      <c r="V126" s="150"/>
      <c r="W126" s="127"/>
      <c r="X126" s="127"/>
      <c r="Y126" s="127"/>
      <c r="Z126" s="127"/>
    </row>
    <row r="127" spans="1:26" x14ac:dyDescent="0.2">
      <c r="A127" s="127"/>
      <c r="B127" s="1"/>
      <c r="C127" s="1"/>
      <c r="D127" s="1"/>
      <c r="E127" s="1"/>
      <c r="F127" s="1"/>
      <c r="G127" s="1"/>
      <c r="H127" s="1"/>
      <c r="I127" s="1"/>
      <c r="J127" s="1"/>
      <c r="K127" s="1"/>
      <c r="L127" s="1"/>
      <c r="M127" s="127"/>
      <c r="N127" s="127"/>
      <c r="O127" s="127"/>
      <c r="P127" s="127"/>
      <c r="Q127" s="127"/>
      <c r="R127" s="127"/>
      <c r="S127" s="127"/>
      <c r="T127" s="127"/>
      <c r="U127" s="127"/>
      <c r="V127" s="150"/>
      <c r="W127" s="127"/>
      <c r="X127" s="127"/>
      <c r="Y127" s="127"/>
      <c r="Z127" s="127"/>
    </row>
    <row r="128" spans="1:26" x14ac:dyDescent="0.2">
      <c r="A128" s="127"/>
      <c r="B128" s="1"/>
      <c r="C128" s="1"/>
      <c r="D128" s="1"/>
      <c r="E128" s="1"/>
      <c r="F128" s="1"/>
      <c r="G128" s="1"/>
      <c r="H128" s="1"/>
      <c r="I128" s="1"/>
      <c r="J128" s="1"/>
      <c r="K128" s="1"/>
      <c r="L128" s="1"/>
      <c r="M128" s="127"/>
      <c r="N128" s="127"/>
      <c r="O128" s="127"/>
      <c r="P128" s="127"/>
      <c r="Q128" s="127"/>
      <c r="R128" s="127"/>
      <c r="S128" s="127"/>
      <c r="T128" s="127"/>
      <c r="U128" s="127"/>
      <c r="V128" s="150"/>
      <c r="W128" s="127"/>
      <c r="X128" s="127"/>
      <c r="Y128" s="127"/>
      <c r="Z128" s="127"/>
    </row>
    <row r="129" spans="1:26" x14ac:dyDescent="0.2">
      <c r="A129" s="127"/>
      <c r="B129" s="1"/>
      <c r="C129" s="1"/>
      <c r="D129" s="1"/>
      <c r="E129" s="1"/>
      <c r="F129" s="1"/>
      <c r="G129" s="1"/>
      <c r="H129" s="1"/>
      <c r="I129" s="1"/>
      <c r="J129" s="1"/>
      <c r="K129" s="1"/>
      <c r="L129" s="1"/>
      <c r="M129" s="127"/>
      <c r="N129" s="127"/>
      <c r="O129" s="127"/>
      <c r="P129" s="127"/>
      <c r="Q129" s="127"/>
      <c r="R129" s="127"/>
      <c r="S129" s="127"/>
      <c r="T129" s="127"/>
      <c r="U129" s="127"/>
      <c r="V129" s="150"/>
      <c r="W129" s="127"/>
      <c r="X129" s="127"/>
      <c r="Y129" s="127"/>
      <c r="Z129" s="127"/>
    </row>
    <row r="130" spans="1:26" x14ac:dyDescent="0.2">
      <c r="A130" s="127"/>
      <c r="B130" s="1"/>
      <c r="C130" s="1"/>
      <c r="D130" s="1"/>
      <c r="E130" s="1"/>
      <c r="F130" s="1"/>
      <c r="G130" s="1"/>
      <c r="H130" s="1"/>
      <c r="I130" s="1"/>
      <c r="J130" s="1"/>
      <c r="K130" s="1"/>
      <c r="L130" s="1"/>
      <c r="M130" s="127"/>
      <c r="N130" s="127"/>
      <c r="O130" s="127"/>
      <c r="P130" s="127"/>
      <c r="Q130" s="127"/>
      <c r="R130" s="127"/>
      <c r="S130" s="127"/>
      <c r="T130" s="127"/>
      <c r="U130" s="127"/>
      <c r="V130" s="150"/>
      <c r="W130" s="127"/>
      <c r="X130" s="127"/>
      <c r="Y130" s="127"/>
      <c r="Z130" s="127"/>
    </row>
    <row r="131" spans="1:26" x14ac:dyDescent="0.2">
      <c r="A131" s="127"/>
      <c r="B131" s="1"/>
      <c r="C131" s="1"/>
      <c r="D131" s="1"/>
      <c r="E131" s="1"/>
      <c r="F131" s="1"/>
      <c r="G131" s="1"/>
      <c r="H131" s="1"/>
      <c r="I131" s="1"/>
      <c r="J131" s="1"/>
      <c r="K131" s="1"/>
      <c r="L131" s="1"/>
      <c r="M131" s="127"/>
      <c r="N131" s="127"/>
      <c r="O131" s="127"/>
      <c r="P131" s="127"/>
      <c r="Q131" s="127"/>
      <c r="R131" s="127"/>
      <c r="S131" s="127"/>
      <c r="T131" s="127"/>
      <c r="U131" s="127"/>
      <c r="V131" s="150"/>
      <c r="W131" s="127"/>
      <c r="X131" s="127"/>
      <c r="Y131" s="127"/>
      <c r="Z131" s="127"/>
    </row>
    <row r="132" spans="1:26" x14ac:dyDescent="0.2">
      <c r="A132" s="127"/>
      <c r="B132" s="1"/>
      <c r="C132" s="1"/>
      <c r="D132" s="1"/>
      <c r="E132" s="1"/>
      <c r="F132" s="1"/>
      <c r="G132" s="1"/>
      <c r="H132" s="1"/>
      <c r="I132" s="1"/>
      <c r="J132" s="1"/>
      <c r="K132" s="1"/>
      <c r="L132" s="1"/>
      <c r="M132" s="127"/>
      <c r="N132" s="127"/>
      <c r="O132" s="127"/>
      <c r="P132" s="127"/>
      <c r="Q132" s="127"/>
      <c r="R132" s="127"/>
      <c r="S132" s="127"/>
      <c r="T132" s="127"/>
      <c r="U132" s="127"/>
      <c r="V132" s="150"/>
      <c r="W132" s="127"/>
      <c r="X132" s="127"/>
      <c r="Y132" s="127"/>
      <c r="Z132" s="127"/>
    </row>
    <row r="133" spans="1:26" x14ac:dyDescent="0.2">
      <c r="A133" s="127"/>
      <c r="B133" s="1"/>
      <c r="C133" s="1"/>
      <c r="D133" s="1"/>
      <c r="E133" s="1"/>
      <c r="F133" s="1"/>
      <c r="G133" s="1"/>
      <c r="H133" s="1"/>
      <c r="I133" s="1"/>
      <c r="J133" s="1"/>
      <c r="K133" s="1"/>
      <c r="L133" s="1"/>
      <c r="M133" s="127"/>
      <c r="N133" s="127"/>
      <c r="O133" s="127"/>
      <c r="P133" s="127"/>
      <c r="Q133" s="127"/>
      <c r="R133" s="127"/>
      <c r="S133" s="127"/>
      <c r="T133" s="127"/>
      <c r="U133" s="127"/>
      <c r="V133" s="150"/>
      <c r="W133" s="127"/>
      <c r="X133" s="127"/>
      <c r="Y133" s="127"/>
      <c r="Z133" s="127"/>
    </row>
    <row r="134" spans="1:26" x14ac:dyDescent="0.2">
      <c r="A134" s="127"/>
      <c r="B134" s="1"/>
      <c r="C134" s="1"/>
      <c r="D134" s="1"/>
      <c r="E134" s="1"/>
      <c r="F134" s="1"/>
      <c r="G134" s="1"/>
      <c r="H134" s="1"/>
      <c r="I134" s="1"/>
      <c r="J134" s="1"/>
      <c r="K134" s="1"/>
      <c r="L134" s="1"/>
      <c r="M134" s="127"/>
      <c r="N134" s="127"/>
      <c r="O134" s="127"/>
      <c r="P134" s="127"/>
      <c r="Q134" s="127"/>
      <c r="R134" s="127"/>
      <c r="S134" s="127"/>
      <c r="T134" s="127"/>
      <c r="U134" s="127"/>
      <c r="V134" s="150"/>
      <c r="W134" s="127"/>
      <c r="X134" s="127"/>
      <c r="Y134" s="127"/>
      <c r="Z134" s="127"/>
    </row>
    <row r="135" spans="1:26" x14ac:dyDescent="0.2">
      <c r="A135" s="127"/>
      <c r="B135" s="1"/>
      <c r="C135" s="1"/>
      <c r="D135" s="1"/>
      <c r="E135" s="1"/>
      <c r="F135" s="1"/>
      <c r="G135" s="1"/>
      <c r="H135" s="1"/>
      <c r="I135" s="1"/>
      <c r="J135" s="1"/>
      <c r="K135" s="1"/>
      <c r="L135" s="1"/>
      <c r="M135" s="127"/>
      <c r="N135" s="127"/>
      <c r="O135" s="127"/>
      <c r="P135" s="127"/>
      <c r="Q135" s="127"/>
      <c r="R135" s="127"/>
      <c r="S135" s="127"/>
      <c r="T135" s="127"/>
      <c r="U135" s="127"/>
      <c r="V135" s="150"/>
      <c r="W135" s="127"/>
      <c r="X135" s="127"/>
      <c r="Y135" s="127"/>
      <c r="Z135" s="127"/>
    </row>
    <row r="136" spans="1:26" x14ac:dyDescent="0.2">
      <c r="A136" s="127"/>
      <c r="B136" s="1"/>
      <c r="C136" s="1"/>
      <c r="D136" s="1"/>
      <c r="E136" s="1"/>
      <c r="F136" s="1"/>
      <c r="G136" s="1"/>
      <c r="H136" s="1"/>
      <c r="I136" s="1"/>
      <c r="J136" s="1"/>
      <c r="K136" s="1"/>
      <c r="L136" s="1"/>
      <c r="M136" s="127"/>
      <c r="N136" s="127"/>
      <c r="O136" s="127"/>
      <c r="P136" s="127"/>
      <c r="Q136" s="127"/>
      <c r="R136" s="127"/>
      <c r="S136" s="127"/>
      <c r="T136" s="127"/>
      <c r="U136" s="127"/>
      <c r="V136" s="150"/>
      <c r="W136" s="127"/>
      <c r="X136" s="127"/>
      <c r="Y136" s="127"/>
      <c r="Z136" s="127"/>
    </row>
    <row r="137" spans="1:26" x14ac:dyDescent="0.2">
      <c r="A137" s="127"/>
      <c r="B137" s="1"/>
      <c r="C137" s="1"/>
      <c r="D137" s="1"/>
      <c r="E137" s="1"/>
      <c r="F137" s="1"/>
      <c r="G137" s="1"/>
      <c r="H137" s="1"/>
      <c r="I137" s="1"/>
      <c r="J137" s="1"/>
      <c r="K137" s="1"/>
      <c r="L137" s="1"/>
      <c r="M137" s="127"/>
      <c r="N137" s="127"/>
      <c r="O137" s="127"/>
      <c r="P137" s="127"/>
      <c r="Q137" s="127"/>
      <c r="R137" s="127"/>
      <c r="S137" s="127"/>
      <c r="T137" s="127"/>
      <c r="U137" s="127"/>
      <c r="V137" s="150"/>
      <c r="W137" s="127"/>
      <c r="X137" s="127"/>
      <c r="Y137" s="127"/>
      <c r="Z137" s="127"/>
    </row>
    <row r="138" spans="1:26" x14ac:dyDescent="0.2">
      <c r="A138" s="127"/>
      <c r="B138" s="1"/>
      <c r="C138" s="1"/>
      <c r="D138" s="1"/>
      <c r="E138" s="1"/>
      <c r="F138" s="1"/>
      <c r="G138" s="1"/>
      <c r="H138" s="1"/>
      <c r="I138" s="1"/>
      <c r="J138" s="1"/>
      <c r="K138" s="1"/>
      <c r="L138" s="1"/>
      <c r="M138" s="127"/>
      <c r="N138" s="127"/>
      <c r="O138" s="127"/>
      <c r="P138" s="127"/>
      <c r="Q138" s="127"/>
      <c r="R138" s="127"/>
      <c r="S138" s="127"/>
      <c r="T138" s="127"/>
      <c r="U138" s="127"/>
      <c r="V138" s="150"/>
      <c r="W138" s="127"/>
      <c r="X138" s="127"/>
      <c r="Y138" s="127"/>
      <c r="Z138" s="127"/>
    </row>
    <row r="139" spans="1:26" x14ac:dyDescent="0.2">
      <c r="A139" s="127"/>
      <c r="B139" s="1"/>
      <c r="C139" s="1"/>
      <c r="D139" s="1"/>
      <c r="E139" s="1"/>
      <c r="F139" s="1"/>
      <c r="G139" s="1"/>
      <c r="H139" s="1"/>
      <c r="I139" s="1"/>
      <c r="J139" s="1"/>
      <c r="K139" s="1"/>
      <c r="L139" s="1"/>
      <c r="M139" s="127"/>
      <c r="N139" s="127"/>
      <c r="O139" s="127"/>
      <c r="P139" s="127"/>
      <c r="Q139" s="127"/>
      <c r="R139" s="127"/>
      <c r="S139" s="127"/>
      <c r="T139" s="127"/>
      <c r="U139" s="127"/>
      <c r="V139" s="150"/>
      <c r="W139" s="127"/>
      <c r="X139" s="127"/>
      <c r="Y139" s="127"/>
      <c r="Z139" s="127"/>
    </row>
    <row r="140" spans="1:26" x14ac:dyDescent="0.2">
      <c r="A140" s="127"/>
      <c r="B140" s="1"/>
      <c r="C140" s="1"/>
      <c r="D140" s="1"/>
      <c r="E140" s="1"/>
      <c r="F140" s="1"/>
      <c r="G140" s="1"/>
      <c r="H140" s="1"/>
      <c r="I140" s="1"/>
      <c r="J140" s="1"/>
      <c r="K140" s="1"/>
      <c r="L140" s="1"/>
      <c r="M140" s="127"/>
      <c r="N140" s="127"/>
      <c r="O140" s="127"/>
      <c r="P140" s="127"/>
      <c r="Q140" s="127"/>
      <c r="R140" s="127"/>
      <c r="S140" s="127"/>
      <c r="T140" s="127"/>
      <c r="U140" s="127"/>
      <c r="V140" s="150"/>
      <c r="W140" s="127"/>
      <c r="X140" s="127"/>
      <c r="Y140" s="127"/>
      <c r="Z140" s="127"/>
    </row>
    <row r="141" spans="1:26" x14ac:dyDescent="0.2">
      <c r="A141" s="127"/>
      <c r="B141" s="1"/>
      <c r="C141" s="1"/>
      <c r="D141" s="1"/>
      <c r="E141" s="1"/>
      <c r="F141" s="1"/>
      <c r="G141" s="1"/>
      <c r="H141" s="1"/>
      <c r="I141" s="1"/>
      <c r="J141" s="1"/>
      <c r="K141" s="1"/>
      <c r="L141" s="1"/>
      <c r="M141" s="127"/>
      <c r="N141" s="127"/>
      <c r="O141" s="127"/>
      <c r="P141" s="127"/>
      <c r="Q141" s="127"/>
      <c r="R141" s="127"/>
      <c r="S141" s="127"/>
      <c r="T141" s="127"/>
      <c r="U141" s="127"/>
      <c r="V141" s="150"/>
      <c r="W141" s="127"/>
      <c r="X141" s="127"/>
      <c r="Y141" s="127"/>
      <c r="Z141" s="127"/>
    </row>
    <row r="142" spans="1:26" x14ac:dyDescent="0.2">
      <c r="A142" s="127"/>
      <c r="B142" s="1"/>
      <c r="C142" s="1"/>
      <c r="D142" s="1"/>
      <c r="E142" s="1"/>
      <c r="F142" s="1"/>
      <c r="G142" s="1"/>
      <c r="H142" s="1"/>
      <c r="I142" s="1"/>
      <c r="J142" s="1"/>
      <c r="K142" s="1"/>
      <c r="L142" s="1"/>
      <c r="M142" s="127"/>
      <c r="N142" s="127"/>
      <c r="O142" s="127"/>
      <c r="P142" s="127"/>
      <c r="Q142" s="127"/>
      <c r="R142" s="127"/>
      <c r="S142" s="127"/>
      <c r="T142" s="127"/>
      <c r="U142" s="127"/>
      <c r="V142" s="150"/>
      <c r="W142" s="127"/>
      <c r="X142" s="127"/>
      <c r="Y142" s="127"/>
      <c r="Z142" s="127"/>
    </row>
    <row r="143" spans="1:26" x14ac:dyDescent="0.2">
      <c r="A143" s="127"/>
      <c r="B143" s="1"/>
      <c r="C143" s="1"/>
      <c r="D143" s="1"/>
      <c r="E143" s="1"/>
      <c r="F143" s="1"/>
      <c r="G143" s="1"/>
      <c r="H143" s="1"/>
      <c r="I143" s="1"/>
      <c r="J143" s="1"/>
      <c r="K143" s="1"/>
      <c r="L143" s="1"/>
      <c r="M143" s="127"/>
      <c r="N143" s="127"/>
      <c r="O143" s="127"/>
      <c r="P143" s="127"/>
      <c r="Q143" s="127"/>
      <c r="R143" s="127"/>
      <c r="S143" s="127"/>
      <c r="T143" s="127"/>
      <c r="U143" s="127"/>
      <c r="V143" s="150"/>
      <c r="W143" s="127"/>
      <c r="X143" s="127"/>
      <c r="Y143" s="127"/>
      <c r="Z143" s="127"/>
    </row>
    <row r="144" spans="1:26" x14ac:dyDescent="0.2">
      <c r="A144" s="127"/>
      <c r="B144" s="1"/>
      <c r="C144" s="1"/>
      <c r="D144" s="1"/>
      <c r="E144" s="1"/>
      <c r="F144" s="1"/>
      <c r="G144" s="1"/>
      <c r="H144" s="1"/>
      <c r="I144" s="1"/>
      <c r="J144" s="1"/>
      <c r="K144" s="1"/>
      <c r="L144" s="1"/>
      <c r="M144" s="127"/>
      <c r="N144" s="127"/>
      <c r="O144" s="127"/>
      <c r="P144" s="127"/>
      <c r="Q144" s="127"/>
      <c r="R144" s="127"/>
      <c r="S144" s="127"/>
      <c r="T144" s="127"/>
      <c r="U144" s="127"/>
      <c r="V144" s="150"/>
      <c r="W144" s="127"/>
      <c r="X144" s="127"/>
      <c r="Y144" s="127"/>
      <c r="Z144" s="127"/>
    </row>
    <row r="145" spans="1:26" x14ac:dyDescent="0.2">
      <c r="A145" s="127"/>
      <c r="B145" s="1"/>
      <c r="C145" s="1"/>
      <c r="D145" s="1"/>
      <c r="E145" s="1"/>
      <c r="F145" s="1"/>
      <c r="G145" s="1"/>
      <c r="H145" s="1"/>
      <c r="I145" s="1"/>
      <c r="J145" s="1"/>
      <c r="K145" s="1"/>
      <c r="L145" s="1"/>
      <c r="M145" s="127"/>
      <c r="N145" s="127"/>
      <c r="O145" s="127"/>
      <c r="P145" s="127"/>
      <c r="Q145" s="127"/>
      <c r="R145" s="127"/>
      <c r="S145" s="127"/>
      <c r="T145" s="127"/>
      <c r="U145" s="127"/>
      <c r="V145" s="150"/>
      <c r="W145" s="127"/>
      <c r="X145" s="127"/>
      <c r="Y145" s="127"/>
      <c r="Z145" s="127"/>
    </row>
    <row r="146" spans="1:26" x14ac:dyDescent="0.2">
      <c r="A146" s="127"/>
      <c r="B146" s="1"/>
      <c r="C146" s="1"/>
      <c r="D146" s="1"/>
      <c r="E146" s="1"/>
      <c r="F146" s="1"/>
      <c r="G146" s="1"/>
      <c r="H146" s="1"/>
      <c r="I146" s="1"/>
      <c r="J146" s="1"/>
      <c r="K146" s="1"/>
      <c r="L146" s="1"/>
      <c r="M146" s="127"/>
      <c r="N146" s="127"/>
      <c r="O146" s="127"/>
      <c r="P146" s="127"/>
      <c r="Q146" s="127"/>
      <c r="R146" s="127"/>
      <c r="S146" s="127"/>
      <c r="T146" s="127"/>
      <c r="U146" s="127"/>
      <c r="V146" s="150"/>
      <c r="W146" s="127"/>
      <c r="X146" s="127"/>
      <c r="Y146" s="127"/>
      <c r="Z146" s="127"/>
    </row>
    <row r="147" spans="1:26" x14ac:dyDescent="0.2">
      <c r="A147" s="127"/>
      <c r="B147" s="1"/>
      <c r="C147" s="1"/>
      <c r="D147" s="1"/>
      <c r="E147" s="1"/>
      <c r="F147" s="1"/>
      <c r="G147" s="1"/>
      <c r="H147" s="1"/>
      <c r="I147" s="1"/>
      <c r="J147" s="1"/>
      <c r="K147" s="1"/>
      <c r="L147" s="1"/>
      <c r="M147" s="127"/>
      <c r="N147" s="127"/>
      <c r="O147" s="127"/>
      <c r="P147" s="127"/>
      <c r="Q147" s="127"/>
      <c r="R147" s="127"/>
      <c r="S147" s="127"/>
      <c r="T147" s="127"/>
      <c r="U147" s="127"/>
      <c r="V147" s="150"/>
      <c r="W147" s="127"/>
      <c r="X147" s="127"/>
      <c r="Y147" s="127"/>
      <c r="Z147" s="127"/>
    </row>
    <row r="148" spans="1:26" x14ac:dyDescent="0.2">
      <c r="A148" s="127"/>
      <c r="B148" s="1"/>
      <c r="C148" s="1"/>
      <c r="D148" s="1"/>
      <c r="E148" s="1"/>
      <c r="F148" s="1"/>
      <c r="G148" s="1"/>
      <c r="H148" s="1"/>
      <c r="I148" s="1"/>
      <c r="J148" s="1"/>
      <c r="K148" s="1"/>
      <c r="L148" s="1"/>
      <c r="M148" s="127"/>
      <c r="N148" s="127"/>
      <c r="O148" s="127"/>
      <c r="P148" s="127"/>
      <c r="Q148" s="127"/>
      <c r="R148" s="127"/>
      <c r="S148" s="127"/>
      <c r="T148" s="127"/>
      <c r="U148" s="127"/>
      <c r="V148" s="150"/>
      <c r="W148" s="127"/>
      <c r="X148" s="127"/>
      <c r="Y148" s="127"/>
      <c r="Z148" s="127"/>
    </row>
    <row r="149" spans="1:26" x14ac:dyDescent="0.2">
      <c r="A149" s="127"/>
      <c r="B149" s="1"/>
      <c r="C149" s="1"/>
      <c r="D149" s="1"/>
      <c r="E149" s="1"/>
      <c r="F149" s="1"/>
      <c r="G149" s="1"/>
      <c r="H149" s="1"/>
      <c r="I149" s="1"/>
      <c r="J149" s="1"/>
      <c r="K149" s="1"/>
      <c r="L149" s="1"/>
      <c r="M149" s="127"/>
      <c r="N149" s="127"/>
      <c r="O149" s="127"/>
      <c r="P149" s="127"/>
      <c r="Q149" s="127"/>
      <c r="R149" s="127"/>
      <c r="S149" s="127"/>
      <c r="T149" s="127"/>
      <c r="U149" s="127"/>
      <c r="V149" s="150"/>
      <c r="W149" s="127"/>
      <c r="X149" s="127"/>
      <c r="Y149" s="127"/>
      <c r="Z149" s="127"/>
    </row>
    <row r="150" spans="1:26" x14ac:dyDescent="0.2">
      <c r="A150" s="127"/>
      <c r="B150" s="1"/>
      <c r="C150" s="1"/>
      <c r="D150" s="1"/>
      <c r="E150" s="1"/>
      <c r="F150" s="1"/>
      <c r="G150" s="1"/>
      <c r="H150" s="1"/>
      <c r="I150" s="1"/>
      <c r="J150" s="1"/>
      <c r="K150" s="1"/>
      <c r="L150" s="1"/>
      <c r="M150" s="127"/>
      <c r="N150" s="127"/>
      <c r="O150" s="127"/>
      <c r="P150" s="127"/>
      <c r="Q150" s="127"/>
      <c r="R150" s="127"/>
      <c r="S150" s="127"/>
      <c r="T150" s="127"/>
      <c r="U150" s="127"/>
      <c r="V150" s="150"/>
      <c r="W150" s="127"/>
      <c r="X150" s="127"/>
      <c r="Y150" s="127"/>
      <c r="Z150" s="127"/>
    </row>
    <row r="151" spans="1:26" x14ac:dyDescent="0.2">
      <c r="A151" s="127"/>
      <c r="B151" s="1"/>
      <c r="C151" s="1"/>
      <c r="D151" s="1"/>
      <c r="E151" s="1"/>
      <c r="F151" s="1"/>
      <c r="G151" s="1"/>
      <c r="H151" s="1"/>
      <c r="I151" s="1"/>
      <c r="J151" s="1"/>
      <c r="K151" s="1"/>
      <c r="L151" s="1"/>
      <c r="M151" s="127"/>
      <c r="N151" s="127"/>
      <c r="O151" s="127"/>
      <c r="P151" s="127"/>
      <c r="Q151" s="127"/>
      <c r="R151" s="127"/>
      <c r="S151" s="127"/>
      <c r="T151" s="127"/>
      <c r="U151" s="127"/>
      <c r="V151" s="150"/>
      <c r="W151" s="127"/>
      <c r="X151" s="127"/>
      <c r="Y151" s="127"/>
      <c r="Z151" s="127"/>
    </row>
    <row r="152" spans="1:26" x14ac:dyDescent="0.2">
      <c r="A152" s="127"/>
      <c r="B152" s="1"/>
      <c r="C152" s="1"/>
      <c r="D152" s="1"/>
      <c r="E152" s="1"/>
      <c r="F152" s="1"/>
      <c r="G152" s="1"/>
      <c r="H152" s="1"/>
      <c r="I152" s="1"/>
      <c r="J152" s="1"/>
      <c r="K152" s="1"/>
      <c r="L152" s="1"/>
      <c r="M152" s="127"/>
      <c r="N152" s="127"/>
      <c r="O152" s="127"/>
      <c r="P152" s="127"/>
      <c r="Q152" s="127"/>
      <c r="R152" s="127"/>
      <c r="S152" s="127"/>
      <c r="T152" s="127"/>
      <c r="U152" s="127"/>
      <c r="V152" s="150"/>
      <c r="W152" s="127"/>
      <c r="X152" s="127"/>
      <c r="Y152" s="127"/>
      <c r="Z152" s="127"/>
    </row>
    <row r="153" spans="1:26" x14ac:dyDescent="0.2">
      <c r="A153" s="127"/>
      <c r="B153" s="1"/>
      <c r="C153" s="1"/>
      <c r="D153" s="1"/>
      <c r="E153" s="1"/>
      <c r="F153" s="1"/>
      <c r="G153" s="1"/>
      <c r="H153" s="1"/>
      <c r="I153" s="1"/>
      <c r="J153" s="1"/>
      <c r="K153" s="1"/>
      <c r="L153" s="1"/>
      <c r="M153" s="127"/>
      <c r="N153" s="127"/>
      <c r="O153" s="127"/>
      <c r="P153" s="127"/>
      <c r="Q153" s="127"/>
      <c r="R153" s="127"/>
      <c r="S153" s="127"/>
      <c r="T153" s="127"/>
      <c r="U153" s="127"/>
      <c r="V153" s="150"/>
      <c r="W153" s="127"/>
      <c r="X153" s="127"/>
      <c r="Y153" s="127"/>
      <c r="Z153" s="127"/>
    </row>
    <row r="154" spans="1:26" x14ac:dyDescent="0.2">
      <c r="A154" s="127"/>
      <c r="B154" s="1"/>
      <c r="C154" s="1"/>
      <c r="D154" s="1"/>
      <c r="E154" s="1"/>
      <c r="F154" s="1"/>
      <c r="G154" s="1"/>
      <c r="H154" s="1"/>
      <c r="I154" s="1"/>
      <c r="J154" s="1"/>
      <c r="K154" s="1"/>
      <c r="L154" s="1"/>
      <c r="M154" s="127"/>
      <c r="N154" s="127"/>
      <c r="O154" s="127"/>
      <c r="P154" s="127"/>
      <c r="Q154" s="127"/>
      <c r="R154" s="127"/>
      <c r="S154" s="127"/>
      <c r="T154" s="127"/>
      <c r="U154" s="127"/>
      <c r="V154" s="150"/>
      <c r="W154" s="127"/>
      <c r="X154" s="127"/>
      <c r="Y154" s="127"/>
      <c r="Z154" s="127"/>
    </row>
    <row r="155" spans="1:26" x14ac:dyDescent="0.2">
      <c r="A155" s="127"/>
      <c r="B155" s="1"/>
      <c r="C155" s="1"/>
      <c r="D155" s="1"/>
      <c r="E155" s="1"/>
      <c r="F155" s="1"/>
      <c r="G155" s="1"/>
      <c r="H155" s="1"/>
      <c r="I155" s="1"/>
      <c r="J155" s="1"/>
      <c r="K155" s="1"/>
      <c r="L155" s="1"/>
      <c r="M155" s="127"/>
      <c r="N155" s="127"/>
      <c r="O155" s="127"/>
      <c r="P155" s="127"/>
      <c r="Q155" s="127"/>
      <c r="R155" s="127"/>
      <c r="S155" s="127"/>
      <c r="T155" s="127"/>
      <c r="U155" s="127"/>
      <c r="V155" s="150"/>
      <c r="W155" s="127"/>
      <c r="X155" s="127"/>
      <c r="Y155" s="127"/>
      <c r="Z155" s="127"/>
    </row>
    <row r="156" spans="1:26" x14ac:dyDescent="0.2">
      <c r="A156" s="127"/>
      <c r="B156" s="1"/>
      <c r="C156" s="1"/>
      <c r="D156" s="1"/>
      <c r="E156" s="1"/>
      <c r="F156" s="1"/>
      <c r="G156" s="1"/>
      <c r="H156" s="1"/>
      <c r="I156" s="1"/>
      <c r="J156" s="1"/>
      <c r="K156" s="1"/>
      <c r="L156" s="1"/>
      <c r="M156" s="127"/>
      <c r="N156" s="127"/>
      <c r="O156" s="127"/>
      <c r="P156" s="127"/>
      <c r="Q156" s="127"/>
      <c r="R156" s="127"/>
      <c r="S156" s="127"/>
      <c r="T156" s="127"/>
      <c r="U156" s="127"/>
      <c r="V156" s="150"/>
      <c r="W156" s="127"/>
      <c r="X156" s="127"/>
      <c r="Y156" s="127"/>
      <c r="Z156" s="127"/>
    </row>
    <row r="157" spans="1:26" x14ac:dyDescent="0.2">
      <c r="A157" s="127"/>
      <c r="B157" s="1"/>
      <c r="C157" s="1"/>
      <c r="D157" s="1"/>
      <c r="E157" s="1"/>
      <c r="F157" s="1"/>
      <c r="G157" s="1"/>
      <c r="H157" s="1"/>
      <c r="I157" s="1"/>
      <c r="J157" s="1"/>
      <c r="K157" s="1"/>
      <c r="L157" s="1"/>
      <c r="M157" s="127"/>
      <c r="N157" s="127"/>
      <c r="O157" s="127"/>
      <c r="P157" s="127"/>
      <c r="Q157" s="127"/>
      <c r="R157" s="127"/>
      <c r="S157" s="127"/>
      <c r="T157" s="127"/>
      <c r="U157" s="127"/>
      <c r="V157" s="150"/>
      <c r="W157" s="127"/>
      <c r="X157" s="127"/>
      <c r="Y157" s="127"/>
      <c r="Z157" s="127"/>
    </row>
    <row r="158" spans="1:26" x14ac:dyDescent="0.2">
      <c r="A158" s="127"/>
      <c r="B158" s="1"/>
      <c r="C158" s="1"/>
      <c r="D158" s="1"/>
      <c r="E158" s="1"/>
      <c r="F158" s="1"/>
      <c r="G158" s="1"/>
      <c r="H158" s="1"/>
      <c r="I158" s="1"/>
      <c r="J158" s="1"/>
      <c r="K158" s="1"/>
      <c r="L158" s="1"/>
      <c r="M158" s="127"/>
      <c r="N158" s="127"/>
      <c r="O158" s="127"/>
      <c r="P158" s="127"/>
      <c r="Q158" s="127"/>
      <c r="R158" s="127"/>
      <c r="S158" s="127"/>
      <c r="T158" s="127"/>
      <c r="U158" s="127"/>
      <c r="V158" s="150"/>
      <c r="W158" s="127"/>
      <c r="X158" s="127"/>
      <c r="Y158" s="127"/>
      <c r="Z158" s="127"/>
    </row>
    <row r="159" spans="1:26" x14ac:dyDescent="0.2">
      <c r="A159" s="127"/>
      <c r="B159" s="1"/>
      <c r="C159" s="1"/>
      <c r="D159" s="1"/>
      <c r="E159" s="1"/>
      <c r="F159" s="1"/>
      <c r="G159" s="1"/>
      <c r="H159" s="1"/>
      <c r="I159" s="1"/>
      <c r="J159" s="1"/>
      <c r="K159" s="1"/>
      <c r="L159" s="1"/>
      <c r="M159" s="127"/>
      <c r="N159" s="127"/>
      <c r="O159" s="127"/>
      <c r="P159" s="127"/>
      <c r="Q159" s="127"/>
      <c r="R159" s="127"/>
      <c r="S159" s="127"/>
      <c r="T159" s="127"/>
      <c r="U159" s="127"/>
      <c r="V159" s="150"/>
      <c r="W159" s="127"/>
      <c r="X159" s="127"/>
      <c r="Y159" s="127"/>
      <c r="Z159" s="127"/>
    </row>
    <row r="160" spans="1:26" x14ac:dyDescent="0.2">
      <c r="A160" s="127"/>
      <c r="B160" s="1"/>
      <c r="C160" s="1"/>
      <c r="D160" s="1"/>
      <c r="E160" s="1"/>
      <c r="F160" s="1"/>
      <c r="G160" s="1"/>
      <c r="H160" s="1"/>
      <c r="I160" s="1"/>
      <c r="J160" s="1"/>
      <c r="K160" s="1"/>
      <c r="L160" s="1"/>
      <c r="M160" s="127"/>
      <c r="N160" s="127"/>
      <c r="O160" s="127"/>
      <c r="P160" s="127"/>
      <c r="Q160" s="127"/>
      <c r="R160" s="127"/>
      <c r="S160" s="127"/>
      <c r="T160" s="127"/>
      <c r="U160" s="127"/>
      <c r="V160" s="150"/>
      <c r="W160" s="127"/>
      <c r="X160" s="127"/>
      <c r="Y160" s="127"/>
      <c r="Z160" s="127"/>
    </row>
    <row r="161" spans="1:26" x14ac:dyDescent="0.2">
      <c r="A161" s="127"/>
      <c r="B161" s="1"/>
      <c r="C161" s="1"/>
      <c r="D161" s="1"/>
      <c r="E161" s="1"/>
      <c r="F161" s="1"/>
      <c r="G161" s="1"/>
      <c r="H161" s="1"/>
      <c r="I161" s="1"/>
      <c r="J161" s="1"/>
      <c r="K161" s="1"/>
      <c r="L161" s="1"/>
      <c r="M161" s="127"/>
      <c r="N161" s="127"/>
      <c r="O161" s="127"/>
      <c r="P161" s="127"/>
      <c r="Q161" s="127"/>
      <c r="R161" s="127"/>
      <c r="S161" s="127"/>
      <c r="T161" s="127"/>
      <c r="U161" s="127"/>
      <c r="V161" s="150"/>
      <c r="W161" s="127"/>
      <c r="X161" s="127"/>
      <c r="Y161" s="127"/>
      <c r="Z161" s="127"/>
    </row>
    <row r="162" spans="1:26" x14ac:dyDescent="0.2">
      <c r="A162" s="127"/>
      <c r="B162" s="1"/>
      <c r="C162" s="1"/>
      <c r="D162" s="1"/>
      <c r="E162" s="1"/>
      <c r="F162" s="1"/>
      <c r="G162" s="1"/>
      <c r="H162" s="1"/>
      <c r="I162" s="1"/>
      <c r="J162" s="1"/>
      <c r="K162" s="1"/>
      <c r="L162" s="1"/>
      <c r="M162" s="127"/>
      <c r="N162" s="127"/>
      <c r="O162" s="127"/>
      <c r="P162" s="127"/>
      <c r="Q162" s="127"/>
      <c r="R162" s="127"/>
      <c r="S162" s="127"/>
      <c r="T162" s="127"/>
      <c r="U162" s="127"/>
      <c r="V162" s="150"/>
      <c r="W162" s="127"/>
      <c r="X162" s="127"/>
      <c r="Y162" s="127"/>
      <c r="Z162" s="127"/>
    </row>
    <row r="163" spans="1:26" x14ac:dyDescent="0.2">
      <c r="A163" s="127"/>
      <c r="B163" s="1"/>
      <c r="C163" s="1"/>
      <c r="D163" s="1"/>
      <c r="E163" s="1"/>
      <c r="F163" s="1"/>
      <c r="G163" s="1"/>
      <c r="H163" s="1"/>
      <c r="I163" s="1"/>
      <c r="J163" s="1"/>
      <c r="K163" s="1"/>
      <c r="L163" s="1"/>
      <c r="M163" s="127"/>
      <c r="N163" s="127"/>
      <c r="O163" s="127"/>
      <c r="P163" s="127"/>
      <c r="Q163" s="127"/>
      <c r="R163" s="127"/>
      <c r="S163" s="127"/>
      <c r="T163" s="127"/>
      <c r="U163" s="127"/>
      <c r="V163" s="150"/>
      <c r="W163" s="127"/>
      <c r="X163" s="127"/>
      <c r="Y163" s="127"/>
      <c r="Z163" s="127"/>
    </row>
    <row r="164" spans="1:26" x14ac:dyDescent="0.2">
      <c r="A164" s="127"/>
      <c r="B164" s="1"/>
      <c r="C164" s="1"/>
      <c r="D164" s="1"/>
      <c r="E164" s="1"/>
      <c r="F164" s="1"/>
      <c r="G164" s="1"/>
      <c r="H164" s="1"/>
      <c r="I164" s="1"/>
      <c r="J164" s="1"/>
      <c r="K164" s="1"/>
      <c r="L164" s="1"/>
      <c r="M164" s="127"/>
      <c r="N164" s="127"/>
      <c r="O164" s="127"/>
      <c r="P164" s="127"/>
      <c r="Q164" s="127"/>
      <c r="R164" s="127"/>
      <c r="S164" s="127"/>
      <c r="T164" s="127"/>
      <c r="U164" s="127"/>
      <c r="V164" s="150"/>
      <c r="W164" s="127"/>
      <c r="X164" s="127"/>
      <c r="Y164" s="127"/>
      <c r="Z164" s="127"/>
    </row>
    <row r="165" spans="1:26" x14ac:dyDescent="0.2">
      <c r="A165" s="127"/>
      <c r="B165" s="1"/>
      <c r="C165" s="1"/>
      <c r="D165" s="1"/>
      <c r="E165" s="1"/>
      <c r="F165" s="1"/>
      <c r="G165" s="1"/>
      <c r="H165" s="1"/>
      <c r="I165" s="1"/>
      <c r="J165" s="1"/>
      <c r="K165" s="1"/>
      <c r="L165" s="1"/>
      <c r="M165" s="127"/>
      <c r="N165" s="127"/>
      <c r="O165" s="127"/>
      <c r="P165" s="127"/>
      <c r="Q165" s="127"/>
      <c r="R165" s="127"/>
      <c r="S165" s="127"/>
      <c r="T165" s="127"/>
      <c r="U165" s="127"/>
      <c r="V165" s="150"/>
      <c r="W165" s="127"/>
      <c r="X165" s="127"/>
      <c r="Y165" s="127"/>
      <c r="Z165" s="127"/>
    </row>
    <row r="166" spans="1:26" x14ac:dyDescent="0.2">
      <c r="A166" s="127"/>
      <c r="B166" s="1"/>
      <c r="C166" s="1"/>
      <c r="D166" s="1"/>
      <c r="E166" s="1"/>
      <c r="F166" s="1"/>
      <c r="G166" s="1"/>
      <c r="H166" s="1"/>
      <c r="I166" s="1"/>
      <c r="J166" s="1"/>
      <c r="K166" s="1"/>
      <c r="L166" s="1"/>
      <c r="M166" s="127"/>
      <c r="N166" s="127"/>
      <c r="O166" s="127"/>
      <c r="P166" s="127"/>
      <c r="Q166" s="127"/>
      <c r="R166" s="127"/>
      <c r="S166" s="127"/>
      <c r="T166" s="127"/>
      <c r="U166" s="127"/>
      <c r="V166" s="150"/>
      <c r="W166" s="127"/>
      <c r="X166" s="127"/>
      <c r="Y166" s="127"/>
      <c r="Z166" s="127"/>
    </row>
    <row r="167" spans="1:26" x14ac:dyDescent="0.2">
      <c r="A167" s="127"/>
      <c r="B167" s="1"/>
      <c r="C167" s="1"/>
      <c r="D167" s="1"/>
      <c r="E167" s="1"/>
      <c r="F167" s="1"/>
      <c r="G167" s="1"/>
      <c r="H167" s="1"/>
      <c r="I167" s="1"/>
      <c r="J167" s="1"/>
      <c r="K167" s="1"/>
      <c r="L167" s="1"/>
      <c r="M167" s="127"/>
      <c r="N167" s="127"/>
      <c r="O167" s="127"/>
      <c r="P167" s="127"/>
      <c r="Q167" s="127"/>
      <c r="R167" s="127"/>
      <c r="S167" s="127"/>
      <c r="T167" s="127"/>
      <c r="U167" s="127"/>
      <c r="V167" s="150"/>
      <c r="W167" s="127"/>
      <c r="X167" s="127"/>
      <c r="Y167" s="127"/>
      <c r="Z167" s="127"/>
    </row>
    <row r="168" spans="1:26" x14ac:dyDescent="0.2">
      <c r="A168" s="127"/>
      <c r="B168" s="1"/>
      <c r="C168" s="1"/>
      <c r="D168" s="1"/>
      <c r="E168" s="1"/>
      <c r="F168" s="1"/>
      <c r="G168" s="1"/>
      <c r="H168" s="1"/>
      <c r="I168" s="1"/>
      <c r="J168" s="1"/>
      <c r="K168" s="1"/>
      <c r="L168" s="1"/>
      <c r="M168" s="127"/>
      <c r="N168" s="127"/>
      <c r="O168" s="127"/>
      <c r="P168" s="127"/>
      <c r="Q168" s="127"/>
      <c r="R168" s="127"/>
      <c r="S168" s="127"/>
      <c r="T168" s="127"/>
      <c r="U168" s="127"/>
      <c r="V168" s="150"/>
      <c r="W168" s="127"/>
      <c r="X168" s="127"/>
      <c r="Y168" s="127"/>
      <c r="Z168" s="127"/>
    </row>
    <row r="169" spans="1:26" x14ac:dyDescent="0.2">
      <c r="A169" s="127"/>
      <c r="B169" s="1"/>
      <c r="C169" s="1"/>
      <c r="D169" s="1"/>
      <c r="E169" s="1"/>
      <c r="F169" s="1"/>
      <c r="G169" s="1"/>
      <c r="H169" s="1"/>
      <c r="I169" s="1"/>
      <c r="J169" s="1"/>
      <c r="K169" s="1"/>
      <c r="L169" s="1"/>
      <c r="M169" s="127"/>
      <c r="N169" s="127"/>
      <c r="O169" s="127"/>
      <c r="P169" s="127"/>
      <c r="Q169" s="127"/>
      <c r="R169" s="127"/>
      <c r="S169" s="127"/>
      <c r="T169" s="127"/>
      <c r="U169" s="127"/>
      <c r="V169" s="150"/>
      <c r="W169" s="127"/>
      <c r="X169" s="127"/>
      <c r="Y169" s="127"/>
      <c r="Z169" s="127"/>
    </row>
    <row r="170" spans="1:26" x14ac:dyDescent="0.2">
      <c r="A170" s="127"/>
      <c r="B170" s="1"/>
      <c r="C170" s="1"/>
      <c r="D170" s="1"/>
      <c r="E170" s="1"/>
      <c r="F170" s="1"/>
      <c r="G170" s="1"/>
      <c r="H170" s="1"/>
      <c r="I170" s="1"/>
      <c r="J170" s="1"/>
      <c r="K170" s="1"/>
      <c r="L170" s="1"/>
      <c r="M170" s="127"/>
      <c r="N170" s="127"/>
      <c r="O170" s="127"/>
      <c r="P170" s="127"/>
      <c r="Q170" s="127"/>
      <c r="R170" s="127"/>
      <c r="S170" s="127"/>
      <c r="T170" s="127"/>
      <c r="U170" s="127"/>
      <c r="V170" s="150"/>
      <c r="W170" s="127"/>
      <c r="X170" s="127"/>
      <c r="Y170" s="127"/>
      <c r="Z170" s="127"/>
    </row>
    <row r="171" spans="1:26" x14ac:dyDescent="0.2">
      <c r="A171" s="127"/>
      <c r="B171" s="1"/>
      <c r="C171" s="1"/>
      <c r="D171" s="1"/>
      <c r="E171" s="1"/>
      <c r="F171" s="1"/>
      <c r="G171" s="1"/>
      <c r="H171" s="1"/>
      <c r="I171" s="1"/>
      <c r="J171" s="1"/>
      <c r="K171" s="1"/>
      <c r="L171" s="1"/>
      <c r="M171" s="127"/>
      <c r="N171" s="127"/>
      <c r="O171" s="127"/>
      <c r="P171" s="127"/>
      <c r="Q171" s="127"/>
      <c r="R171" s="127"/>
      <c r="S171" s="127"/>
      <c r="T171" s="127"/>
      <c r="U171" s="127"/>
      <c r="V171" s="150"/>
      <c r="W171" s="127"/>
      <c r="X171" s="127"/>
      <c r="Y171" s="127"/>
      <c r="Z171" s="127"/>
    </row>
    <row r="172" spans="1:26" x14ac:dyDescent="0.2">
      <c r="A172" s="127"/>
      <c r="B172" s="1"/>
      <c r="C172" s="1"/>
      <c r="D172" s="1"/>
      <c r="E172" s="1"/>
      <c r="F172" s="1"/>
      <c r="G172" s="1"/>
      <c r="H172" s="1"/>
      <c r="I172" s="1"/>
      <c r="J172" s="1"/>
      <c r="K172" s="1"/>
      <c r="L172" s="1"/>
      <c r="M172" s="127"/>
      <c r="N172" s="127"/>
      <c r="O172" s="127"/>
      <c r="P172" s="127"/>
      <c r="Q172" s="127"/>
      <c r="R172" s="127"/>
      <c r="S172" s="127"/>
      <c r="T172" s="127"/>
      <c r="U172" s="127"/>
      <c r="V172" s="150"/>
      <c r="W172" s="127"/>
      <c r="X172" s="127"/>
      <c r="Y172" s="127"/>
      <c r="Z172" s="127"/>
    </row>
    <row r="173" spans="1:26" x14ac:dyDescent="0.2">
      <c r="A173" s="127"/>
      <c r="B173" s="1"/>
      <c r="C173" s="1"/>
      <c r="D173" s="1"/>
      <c r="E173" s="1"/>
      <c r="F173" s="1"/>
      <c r="G173" s="1"/>
      <c r="H173" s="1"/>
      <c r="I173" s="1"/>
      <c r="J173" s="1"/>
      <c r="K173" s="1"/>
      <c r="L173" s="1"/>
      <c r="M173" s="127"/>
      <c r="N173" s="127"/>
      <c r="O173" s="127"/>
      <c r="P173" s="127"/>
      <c r="Q173" s="127"/>
      <c r="R173" s="127"/>
      <c r="S173" s="127"/>
      <c r="T173" s="127"/>
      <c r="U173" s="127"/>
      <c r="V173" s="150"/>
      <c r="W173" s="127"/>
      <c r="X173" s="127"/>
      <c r="Y173" s="127"/>
      <c r="Z173" s="127"/>
    </row>
    <row r="174" spans="1:26" x14ac:dyDescent="0.2">
      <c r="A174" s="127"/>
      <c r="B174" s="1"/>
      <c r="C174" s="1"/>
      <c r="D174" s="1"/>
      <c r="E174" s="1"/>
      <c r="F174" s="1"/>
      <c r="G174" s="1"/>
      <c r="H174" s="1"/>
      <c r="I174" s="1"/>
      <c r="J174" s="1"/>
      <c r="K174" s="1"/>
      <c r="L174" s="1"/>
      <c r="M174" s="127"/>
      <c r="N174" s="127"/>
      <c r="O174" s="127"/>
      <c r="P174" s="127"/>
      <c r="Q174" s="127"/>
      <c r="R174" s="127"/>
      <c r="S174" s="127"/>
      <c r="T174" s="127"/>
      <c r="U174" s="127"/>
      <c r="V174" s="150"/>
      <c r="W174" s="127"/>
      <c r="X174" s="127"/>
      <c r="Y174" s="127"/>
      <c r="Z174" s="127"/>
    </row>
    <row r="175" spans="1:26" x14ac:dyDescent="0.2">
      <c r="A175" s="127"/>
      <c r="B175" s="1"/>
      <c r="C175" s="1"/>
      <c r="D175" s="1"/>
      <c r="E175" s="1"/>
      <c r="F175" s="1"/>
      <c r="G175" s="1"/>
      <c r="H175" s="1"/>
      <c r="I175" s="1"/>
      <c r="J175" s="1"/>
      <c r="K175" s="1"/>
      <c r="L175" s="1"/>
      <c r="M175" s="127"/>
      <c r="N175" s="127"/>
      <c r="O175" s="127"/>
      <c r="P175" s="127"/>
      <c r="Q175" s="127"/>
      <c r="R175" s="127"/>
      <c r="S175" s="127"/>
      <c r="T175" s="127"/>
      <c r="U175" s="127"/>
      <c r="V175" s="150"/>
      <c r="W175" s="127"/>
      <c r="X175" s="127"/>
      <c r="Y175" s="127"/>
      <c r="Z175" s="127"/>
    </row>
    <row r="176" spans="1:26" x14ac:dyDescent="0.2">
      <c r="A176" s="127"/>
      <c r="B176" s="1"/>
      <c r="C176" s="1"/>
      <c r="D176" s="1"/>
      <c r="E176" s="1"/>
      <c r="F176" s="1"/>
      <c r="G176" s="1"/>
      <c r="H176" s="1"/>
      <c r="I176" s="1"/>
      <c r="J176" s="1"/>
      <c r="K176" s="1"/>
      <c r="L176" s="1"/>
      <c r="M176" s="127"/>
      <c r="N176" s="127"/>
      <c r="O176" s="127"/>
      <c r="P176" s="127"/>
      <c r="Q176" s="127"/>
      <c r="R176" s="127"/>
      <c r="S176" s="127"/>
      <c r="T176" s="127"/>
      <c r="U176" s="127"/>
      <c r="V176" s="150"/>
      <c r="W176" s="127"/>
      <c r="X176" s="127"/>
      <c r="Y176" s="127"/>
      <c r="Z176" s="127"/>
    </row>
    <row r="177" spans="1:26" x14ac:dyDescent="0.2">
      <c r="A177" s="127"/>
      <c r="B177" s="1"/>
      <c r="C177" s="1"/>
      <c r="D177" s="1"/>
      <c r="E177" s="1"/>
      <c r="F177" s="1"/>
      <c r="G177" s="1"/>
      <c r="H177" s="1"/>
      <c r="I177" s="1"/>
      <c r="J177" s="1"/>
      <c r="K177" s="1"/>
      <c r="L177" s="1"/>
      <c r="M177" s="127"/>
      <c r="N177" s="127"/>
      <c r="O177" s="127"/>
      <c r="P177" s="127"/>
      <c r="Q177" s="127"/>
      <c r="R177" s="127"/>
      <c r="S177" s="127"/>
      <c r="T177" s="127"/>
      <c r="U177" s="127"/>
      <c r="V177" s="150"/>
      <c r="W177" s="127"/>
      <c r="X177" s="127"/>
      <c r="Y177" s="127"/>
      <c r="Z177" s="127"/>
    </row>
    <row r="178" spans="1:26" x14ac:dyDescent="0.2">
      <c r="A178" s="127"/>
      <c r="B178" s="1"/>
      <c r="C178" s="1"/>
      <c r="D178" s="1"/>
      <c r="E178" s="1"/>
      <c r="F178" s="1"/>
      <c r="G178" s="1"/>
      <c r="H178" s="1"/>
      <c r="I178" s="1"/>
      <c r="J178" s="1"/>
      <c r="K178" s="1"/>
      <c r="L178" s="1"/>
      <c r="M178" s="127"/>
      <c r="N178" s="127"/>
      <c r="O178" s="127"/>
      <c r="P178" s="127"/>
      <c r="Q178" s="127"/>
      <c r="R178" s="127"/>
      <c r="S178" s="127"/>
      <c r="T178" s="127"/>
      <c r="U178" s="127"/>
      <c r="V178" s="150"/>
      <c r="W178" s="127"/>
      <c r="X178" s="127"/>
      <c r="Y178" s="127"/>
      <c r="Z178" s="127"/>
    </row>
    <row r="179" spans="1:26" x14ac:dyDescent="0.2">
      <c r="A179" s="127"/>
      <c r="B179" s="1"/>
      <c r="C179" s="1"/>
      <c r="D179" s="1"/>
      <c r="E179" s="1"/>
      <c r="F179" s="1"/>
      <c r="G179" s="1"/>
      <c r="H179" s="1"/>
      <c r="I179" s="1"/>
      <c r="J179" s="1"/>
      <c r="K179" s="1"/>
      <c r="L179" s="1"/>
      <c r="M179" s="127"/>
      <c r="N179" s="127"/>
      <c r="O179" s="127"/>
      <c r="P179" s="127"/>
      <c r="Q179" s="127"/>
      <c r="R179" s="127"/>
      <c r="S179" s="127"/>
      <c r="T179" s="127"/>
      <c r="U179" s="127"/>
      <c r="V179" s="150"/>
      <c r="W179" s="127"/>
      <c r="X179" s="127"/>
      <c r="Y179" s="127"/>
      <c r="Z179" s="127"/>
    </row>
    <row r="180" spans="1:26" x14ac:dyDescent="0.2">
      <c r="A180" s="127"/>
      <c r="B180" s="1"/>
      <c r="C180" s="1"/>
      <c r="D180" s="1"/>
      <c r="E180" s="1"/>
      <c r="F180" s="1"/>
      <c r="G180" s="1"/>
      <c r="H180" s="1"/>
      <c r="I180" s="1"/>
      <c r="J180" s="1"/>
      <c r="K180" s="1"/>
      <c r="L180" s="1"/>
      <c r="M180" s="127"/>
      <c r="N180" s="127"/>
      <c r="O180" s="127"/>
      <c r="P180" s="127"/>
      <c r="Q180" s="127"/>
      <c r="R180" s="127"/>
      <c r="S180" s="127"/>
      <c r="T180" s="127"/>
      <c r="U180" s="127"/>
      <c r="V180" s="150"/>
      <c r="W180" s="127"/>
      <c r="X180" s="127"/>
      <c r="Y180" s="127"/>
      <c r="Z180" s="127"/>
    </row>
    <row r="181" spans="1:26" x14ac:dyDescent="0.2">
      <c r="A181" s="127"/>
      <c r="B181" s="1"/>
      <c r="C181" s="1"/>
      <c r="D181" s="1"/>
      <c r="E181" s="1"/>
      <c r="F181" s="1"/>
      <c r="G181" s="1"/>
      <c r="H181" s="1"/>
      <c r="I181" s="1"/>
      <c r="J181" s="1"/>
      <c r="K181" s="1"/>
      <c r="L181" s="1"/>
      <c r="M181" s="127"/>
      <c r="N181" s="127"/>
      <c r="O181" s="127"/>
      <c r="P181" s="127"/>
      <c r="Q181" s="127"/>
      <c r="R181" s="127"/>
      <c r="S181" s="127"/>
      <c r="T181" s="127"/>
      <c r="U181" s="127"/>
      <c r="V181" s="150"/>
      <c r="W181" s="127"/>
      <c r="X181" s="127"/>
      <c r="Y181" s="127"/>
      <c r="Z181" s="127"/>
    </row>
    <row r="182" spans="1:26" x14ac:dyDescent="0.2">
      <c r="B182" s="1"/>
      <c r="C182" s="1"/>
      <c r="D182" s="1"/>
      <c r="E182" s="1"/>
      <c r="F182" s="1"/>
      <c r="G182" s="1"/>
      <c r="H182" s="1"/>
      <c r="I182" s="1"/>
      <c r="J182" s="1"/>
      <c r="K182" s="1"/>
      <c r="L182" s="1"/>
    </row>
    <row r="183" spans="1:26" x14ac:dyDescent="0.2">
      <c r="B183" s="1"/>
      <c r="C183" s="1"/>
      <c r="D183" s="1"/>
      <c r="E183" s="1"/>
      <c r="F183" s="1"/>
      <c r="G183" s="1"/>
      <c r="H183" s="1"/>
      <c r="I183" s="1"/>
      <c r="J183" s="1"/>
      <c r="K183" s="1"/>
      <c r="L183" s="1"/>
    </row>
    <row r="184" spans="1:26" x14ac:dyDescent="0.2">
      <c r="B184" s="1"/>
      <c r="C184" s="1"/>
      <c r="D184" s="1"/>
      <c r="E184" s="1"/>
      <c r="F184" s="1"/>
      <c r="G184" s="1"/>
      <c r="H184" s="1"/>
      <c r="I184" s="1"/>
      <c r="J184" s="1"/>
      <c r="K184" s="1"/>
      <c r="L184" s="1"/>
    </row>
    <row r="185" spans="1:26" x14ac:dyDescent="0.2">
      <c r="B185" s="1"/>
      <c r="C185" s="1"/>
      <c r="D185" s="1"/>
      <c r="E185" s="1"/>
      <c r="F185" s="1"/>
      <c r="G185" s="1"/>
      <c r="H185" s="1"/>
      <c r="I185" s="1"/>
      <c r="J185" s="1"/>
      <c r="K185" s="1"/>
      <c r="L185" s="1"/>
    </row>
    <row r="186" spans="1:26" x14ac:dyDescent="0.2">
      <c r="B186" s="1"/>
      <c r="C186" s="1"/>
      <c r="D186" s="1"/>
      <c r="E186" s="1"/>
      <c r="F186" s="1"/>
      <c r="G186" s="1"/>
      <c r="H186" s="1"/>
      <c r="I186" s="1"/>
      <c r="J186" s="1"/>
      <c r="K186" s="1"/>
      <c r="L186" s="1"/>
    </row>
    <row r="187" spans="1:26" x14ac:dyDescent="0.2">
      <c r="B187" s="1"/>
      <c r="C187" s="1"/>
      <c r="D187" s="1"/>
      <c r="E187" s="1"/>
      <c r="F187" s="1"/>
      <c r="G187" s="1"/>
      <c r="H187" s="1"/>
      <c r="I187" s="1"/>
      <c r="J187" s="1"/>
      <c r="K187" s="1"/>
      <c r="L187" s="1"/>
    </row>
    <row r="188" spans="1:26" x14ac:dyDescent="0.2">
      <c r="B188" s="1"/>
      <c r="C188" s="1"/>
      <c r="D188" s="1"/>
      <c r="E188" s="1"/>
      <c r="F188" s="1"/>
      <c r="G188" s="1"/>
      <c r="H188" s="1"/>
      <c r="I188" s="1"/>
      <c r="J188" s="1"/>
      <c r="K188" s="1"/>
      <c r="L188" s="1"/>
    </row>
    <row r="189" spans="1:26" x14ac:dyDescent="0.2">
      <c r="B189" s="1"/>
      <c r="C189" s="1"/>
      <c r="D189" s="1"/>
      <c r="E189" s="1"/>
      <c r="F189" s="1"/>
      <c r="G189" s="1"/>
      <c r="H189" s="1"/>
      <c r="I189" s="1"/>
      <c r="J189" s="1"/>
      <c r="K189" s="1"/>
      <c r="L189" s="1"/>
    </row>
    <row r="190" spans="1:26" x14ac:dyDescent="0.2">
      <c r="B190" s="1"/>
      <c r="C190" s="1"/>
      <c r="D190" s="1"/>
      <c r="E190" s="1"/>
      <c r="F190" s="1"/>
      <c r="G190" s="1"/>
      <c r="H190" s="1"/>
      <c r="I190" s="1"/>
      <c r="J190" s="1"/>
      <c r="K190" s="1"/>
      <c r="L190" s="1"/>
    </row>
    <row r="191" spans="1:26" x14ac:dyDescent="0.2">
      <c r="B191" s="1"/>
      <c r="C191" s="1"/>
      <c r="D191" s="1"/>
      <c r="E191" s="1"/>
      <c r="F191" s="1"/>
      <c r="G191" s="1"/>
      <c r="H191" s="1"/>
      <c r="I191" s="1"/>
      <c r="J191" s="1"/>
      <c r="K191" s="1"/>
      <c r="L191" s="1"/>
    </row>
    <row r="192" spans="1:26" x14ac:dyDescent="0.2">
      <c r="B192" s="1"/>
      <c r="C192" s="1"/>
      <c r="D192" s="1"/>
      <c r="E192" s="1"/>
      <c r="F192" s="1"/>
      <c r="G192" s="1"/>
      <c r="H192" s="1"/>
      <c r="I192" s="1"/>
      <c r="J192" s="1"/>
      <c r="K192" s="1"/>
      <c r="L192" s="1"/>
    </row>
    <row r="193" spans="2:12" x14ac:dyDescent="0.2">
      <c r="B193" s="1"/>
      <c r="C193" s="1"/>
      <c r="D193" s="1"/>
      <c r="E193" s="1"/>
      <c r="F193" s="1"/>
      <c r="G193" s="1"/>
      <c r="H193" s="1"/>
      <c r="I193" s="1"/>
      <c r="J193" s="1"/>
      <c r="K193" s="1"/>
      <c r="L193" s="1"/>
    </row>
    <row r="194" spans="2:12" x14ac:dyDescent="0.2">
      <c r="B194" s="1"/>
      <c r="C194" s="1"/>
      <c r="D194" s="1"/>
      <c r="E194" s="1"/>
      <c r="F194" s="1"/>
      <c r="G194" s="1"/>
      <c r="H194" s="1"/>
      <c r="I194" s="1"/>
      <c r="J194" s="1"/>
      <c r="K194" s="1"/>
      <c r="L194" s="1"/>
    </row>
    <row r="195" spans="2:12" x14ac:dyDescent="0.2">
      <c r="B195" s="1"/>
      <c r="C195" s="1"/>
      <c r="D195" s="1"/>
      <c r="E195" s="1"/>
      <c r="F195" s="1"/>
      <c r="G195" s="1"/>
      <c r="H195" s="1"/>
      <c r="I195" s="1"/>
      <c r="J195" s="1"/>
      <c r="K195" s="1"/>
      <c r="L195" s="1"/>
    </row>
    <row r="196" spans="2:12" x14ac:dyDescent="0.2">
      <c r="B196" s="1"/>
      <c r="C196" s="1"/>
      <c r="D196" s="1"/>
      <c r="E196" s="1"/>
      <c r="F196" s="1"/>
      <c r="G196" s="1"/>
      <c r="H196" s="1"/>
      <c r="I196" s="1"/>
      <c r="J196" s="1"/>
      <c r="K196" s="1"/>
      <c r="L196" s="1"/>
    </row>
    <row r="197" spans="2:12" x14ac:dyDescent="0.2">
      <c r="B197" s="1"/>
      <c r="C197" s="1"/>
      <c r="D197" s="1"/>
      <c r="E197" s="1"/>
      <c r="F197" s="1"/>
      <c r="G197" s="1"/>
      <c r="H197" s="1"/>
      <c r="I197" s="1"/>
      <c r="J197" s="1"/>
      <c r="K197" s="1"/>
      <c r="L197" s="1"/>
    </row>
    <row r="198" spans="2:12" x14ac:dyDescent="0.2">
      <c r="B198" s="1"/>
      <c r="C198" s="1"/>
      <c r="D198" s="1"/>
      <c r="E198" s="1"/>
      <c r="F198" s="1"/>
      <c r="G198" s="1"/>
      <c r="H198" s="1"/>
      <c r="I198" s="1"/>
      <c r="J198" s="1"/>
      <c r="K198" s="1"/>
      <c r="L198" s="1"/>
    </row>
    <row r="199" spans="2:12" x14ac:dyDescent="0.2">
      <c r="B199" s="1"/>
      <c r="C199" s="1"/>
      <c r="D199" s="1"/>
      <c r="E199" s="1"/>
      <c r="F199" s="1"/>
      <c r="G199" s="1"/>
      <c r="H199" s="1"/>
      <c r="I199" s="1"/>
      <c r="J199" s="1"/>
      <c r="K199" s="1"/>
      <c r="L199" s="1"/>
    </row>
    <row r="200" spans="2:12" x14ac:dyDescent="0.2">
      <c r="B200" s="1"/>
      <c r="C200" s="1"/>
      <c r="D200" s="1"/>
      <c r="E200" s="1"/>
      <c r="F200" s="1"/>
      <c r="G200" s="1"/>
      <c r="H200" s="1"/>
      <c r="I200" s="1"/>
      <c r="J200" s="1"/>
      <c r="K200" s="1"/>
      <c r="L200" s="1"/>
    </row>
    <row r="201" spans="2:12" x14ac:dyDescent="0.2">
      <c r="B201" s="1"/>
      <c r="C201" s="1"/>
      <c r="D201" s="1"/>
      <c r="E201" s="1"/>
      <c r="F201" s="1"/>
      <c r="G201" s="1"/>
      <c r="H201" s="1"/>
      <c r="I201" s="1"/>
      <c r="J201" s="1"/>
      <c r="K201" s="1"/>
      <c r="L201" s="1"/>
    </row>
    <row r="202" spans="2:12" x14ac:dyDescent="0.2">
      <c r="B202" s="1"/>
      <c r="C202" s="1"/>
      <c r="D202" s="1"/>
      <c r="E202" s="1"/>
      <c r="F202" s="1"/>
      <c r="G202" s="1"/>
      <c r="H202" s="1"/>
      <c r="I202" s="1"/>
      <c r="J202" s="1"/>
      <c r="K202" s="1"/>
      <c r="L202" s="1"/>
    </row>
    <row r="203" spans="2:12" x14ac:dyDescent="0.2">
      <c r="B203" s="1"/>
      <c r="C203" s="1"/>
      <c r="D203" s="1"/>
      <c r="E203" s="1"/>
      <c r="F203" s="1"/>
      <c r="G203" s="1"/>
      <c r="H203" s="1"/>
      <c r="I203" s="1"/>
      <c r="J203" s="1"/>
      <c r="K203" s="1"/>
      <c r="L203" s="1"/>
    </row>
    <row r="204" spans="2:12" x14ac:dyDescent="0.2">
      <c r="B204" s="1"/>
      <c r="C204" s="1"/>
      <c r="D204" s="1"/>
      <c r="E204" s="1"/>
      <c r="F204" s="1"/>
      <c r="G204" s="1"/>
      <c r="H204" s="1"/>
      <c r="I204" s="1"/>
      <c r="J204" s="1"/>
      <c r="K204" s="1"/>
      <c r="L204" s="1"/>
    </row>
    <row r="205" spans="2:12" x14ac:dyDescent="0.2">
      <c r="B205" s="1"/>
      <c r="C205" s="1"/>
      <c r="D205" s="1"/>
      <c r="E205" s="1"/>
      <c r="F205" s="1"/>
      <c r="G205" s="1"/>
      <c r="H205" s="1"/>
      <c r="I205" s="1"/>
      <c r="J205" s="1"/>
      <c r="K205" s="1"/>
      <c r="L205" s="1"/>
    </row>
    <row r="206" spans="2:12" x14ac:dyDescent="0.2">
      <c r="B206" s="1"/>
      <c r="C206" s="1"/>
      <c r="D206" s="1"/>
      <c r="E206" s="1"/>
      <c r="F206" s="1"/>
      <c r="G206" s="1"/>
      <c r="H206" s="1"/>
      <c r="I206" s="1"/>
      <c r="J206" s="1"/>
      <c r="K206" s="1"/>
      <c r="L206" s="1"/>
    </row>
    <row r="207" spans="2:12" x14ac:dyDescent="0.2">
      <c r="B207" s="1"/>
      <c r="C207" s="1"/>
      <c r="D207" s="1"/>
      <c r="E207" s="1"/>
      <c r="F207" s="1"/>
      <c r="G207" s="1"/>
      <c r="H207" s="1"/>
      <c r="I207" s="1"/>
      <c r="J207" s="1"/>
      <c r="K207" s="1"/>
      <c r="L207" s="1"/>
    </row>
    <row r="208" spans="2:12" x14ac:dyDescent="0.2">
      <c r="B208" s="1"/>
      <c r="C208" s="1"/>
      <c r="D208" s="1"/>
      <c r="E208" s="1"/>
      <c r="F208" s="1"/>
      <c r="G208" s="1"/>
      <c r="H208" s="1"/>
      <c r="I208" s="1"/>
      <c r="J208" s="1"/>
      <c r="K208" s="1"/>
      <c r="L208" s="1"/>
    </row>
    <row r="209" spans="2:12" x14ac:dyDescent="0.2">
      <c r="B209" s="1"/>
      <c r="C209" s="1"/>
      <c r="D209" s="1"/>
      <c r="E209" s="1"/>
      <c r="F209" s="1"/>
      <c r="G209" s="1"/>
      <c r="H209" s="1"/>
      <c r="I209" s="1"/>
      <c r="J209" s="1"/>
      <c r="K209" s="1"/>
      <c r="L209" s="1"/>
    </row>
    <row r="210" spans="2:12" x14ac:dyDescent="0.2">
      <c r="B210" s="1"/>
      <c r="C210" s="1"/>
      <c r="D210" s="1"/>
      <c r="E210" s="1"/>
      <c r="F210" s="1"/>
      <c r="G210" s="1"/>
      <c r="H210" s="1"/>
      <c r="I210" s="1"/>
      <c r="J210" s="1"/>
      <c r="K210" s="1"/>
      <c r="L210" s="1"/>
    </row>
    <row r="211" spans="2:12" x14ac:dyDescent="0.2">
      <c r="B211" s="1"/>
      <c r="C211" s="1"/>
      <c r="D211" s="1"/>
      <c r="E211" s="1"/>
      <c r="F211" s="1"/>
      <c r="G211" s="1"/>
      <c r="H211" s="1"/>
      <c r="I211" s="1"/>
      <c r="J211" s="1"/>
      <c r="K211" s="1"/>
      <c r="L211" s="1"/>
    </row>
    <row r="212" spans="2:12" x14ac:dyDescent="0.2">
      <c r="B212" s="1"/>
      <c r="C212" s="1"/>
      <c r="D212" s="1"/>
      <c r="E212" s="1"/>
      <c r="F212" s="1"/>
      <c r="G212" s="1"/>
      <c r="H212" s="1"/>
      <c r="I212" s="1"/>
      <c r="J212" s="1"/>
      <c r="K212" s="1"/>
      <c r="L212" s="1"/>
    </row>
    <row r="213" spans="2:12" x14ac:dyDescent="0.2">
      <c r="B213" s="1"/>
      <c r="C213" s="1"/>
      <c r="D213" s="1"/>
      <c r="E213" s="1"/>
      <c r="F213" s="1"/>
      <c r="G213" s="1"/>
      <c r="H213" s="1"/>
      <c r="I213" s="1"/>
      <c r="J213" s="1"/>
      <c r="K213" s="1"/>
      <c r="L213" s="1"/>
    </row>
    <row r="214" spans="2:12" x14ac:dyDescent="0.2">
      <c r="B214" s="1"/>
      <c r="C214" s="1"/>
      <c r="D214" s="1"/>
      <c r="E214" s="1"/>
      <c r="F214" s="1"/>
      <c r="G214" s="1"/>
      <c r="H214" s="1"/>
      <c r="I214" s="1"/>
      <c r="J214" s="1"/>
      <c r="K214" s="1"/>
      <c r="L214" s="1"/>
    </row>
    <row r="215" spans="2:12" x14ac:dyDescent="0.2">
      <c r="B215" s="1"/>
      <c r="C215" s="1"/>
      <c r="D215" s="1"/>
      <c r="E215" s="1"/>
      <c r="F215" s="1"/>
      <c r="G215" s="1"/>
      <c r="H215" s="1"/>
      <c r="I215" s="1"/>
      <c r="J215" s="1"/>
      <c r="K215" s="1"/>
      <c r="L215" s="1"/>
    </row>
    <row r="216" spans="2:12" x14ac:dyDescent="0.2">
      <c r="B216" s="1"/>
      <c r="C216" s="1"/>
      <c r="D216" s="1"/>
      <c r="E216" s="1"/>
      <c r="F216" s="1"/>
      <c r="G216" s="1"/>
      <c r="H216" s="1"/>
      <c r="I216" s="1"/>
      <c r="J216" s="1"/>
      <c r="K216" s="1"/>
      <c r="L216" s="1"/>
    </row>
    <row r="217" spans="2:12" x14ac:dyDescent="0.2">
      <c r="B217" s="1"/>
      <c r="C217" s="1"/>
      <c r="D217" s="1"/>
      <c r="E217" s="1"/>
      <c r="F217" s="1"/>
      <c r="G217" s="1"/>
      <c r="H217" s="1"/>
      <c r="I217" s="1"/>
      <c r="J217" s="1"/>
      <c r="K217" s="1"/>
      <c r="L217" s="1"/>
    </row>
    <row r="218" spans="2:12" x14ac:dyDescent="0.2">
      <c r="B218" s="1"/>
      <c r="C218" s="1"/>
      <c r="D218" s="1"/>
      <c r="E218" s="1"/>
      <c r="F218" s="1"/>
      <c r="G218" s="1"/>
      <c r="H218" s="1"/>
      <c r="I218" s="1"/>
      <c r="J218" s="1"/>
      <c r="K218" s="1"/>
      <c r="L218" s="1"/>
    </row>
    <row r="219" spans="2:12" x14ac:dyDescent="0.2">
      <c r="B219" s="1"/>
      <c r="C219" s="1"/>
      <c r="D219" s="1"/>
      <c r="E219" s="1"/>
      <c r="F219" s="1"/>
      <c r="G219" s="1"/>
      <c r="H219" s="1"/>
      <c r="I219" s="1"/>
      <c r="J219" s="1"/>
      <c r="K219" s="1"/>
      <c r="L219" s="1"/>
    </row>
    <row r="220" spans="2:12" x14ac:dyDescent="0.2">
      <c r="B220" s="1"/>
      <c r="C220" s="1"/>
      <c r="D220" s="1"/>
      <c r="E220" s="1"/>
      <c r="F220" s="1"/>
      <c r="G220" s="1"/>
      <c r="H220" s="1"/>
      <c r="I220" s="1"/>
      <c r="J220" s="1"/>
      <c r="K220" s="1"/>
      <c r="L220" s="1"/>
    </row>
    <row r="221" spans="2:12" x14ac:dyDescent="0.2">
      <c r="B221" s="1"/>
      <c r="C221" s="1"/>
      <c r="D221" s="1"/>
      <c r="E221" s="1"/>
      <c r="F221" s="1"/>
      <c r="G221" s="1"/>
      <c r="H221" s="1"/>
      <c r="I221" s="1"/>
      <c r="J221" s="1"/>
      <c r="K221" s="1"/>
      <c r="L221" s="1"/>
    </row>
    <row r="222" spans="2:12" x14ac:dyDescent="0.2">
      <c r="B222" s="1"/>
      <c r="C222" s="1"/>
      <c r="D222" s="1"/>
      <c r="E222" s="1"/>
      <c r="F222" s="1"/>
      <c r="G222" s="1"/>
      <c r="H222" s="1"/>
      <c r="I222" s="1"/>
      <c r="J222" s="1"/>
      <c r="K222" s="1"/>
      <c r="L222" s="1"/>
    </row>
    <row r="223" spans="2:12" x14ac:dyDescent="0.2">
      <c r="B223" s="1"/>
      <c r="C223" s="1"/>
      <c r="D223" s="1"/>
      <c r="E223" s="1"/>
      <c r="F223" s="1"/>
      <c r="G223" s="1"/>
      <c r="H223" s="1"/>
      <c r="I223" s="1"/>
      <c r="J223" s="1"/>
      <c r="K223" s="1"/>
      <c r="L223" s="1"/>
    </row>
    <row r="224" spans="2:12" x14ac:dyDescent="0.2">
      <c r="B224" s="1"/>
      <c r="C224" s="1"/>
      <c r="D224" s="1"/>
      <c r="E224" s="1"/>
      <c r="F224" s="1"/>
      <c r="G224" s="1"/>
      <c r="H224" s="1"/>
      <c r="I224" s="1"/>
      <c r="J224" s="1"/>
      <c r="K224" s="1"/>
      <c r="L224" s="1"/>
    </row>
    <row r="225" spans="2:12" x14ac:dyDescent="0.2">
      <c r="B225" s="1"/>
      <c r="C225" s="1"/>
      <c r="D225" s="1"/>
      <c r="E225" s="1"/>
      <c r="F225" s="1"/>
      <c r="G225" s="1"/>
      <c r="H225" s="1"/>
      <c r="I225" s="1"/>
      <c r="J225" s="1"/>
      <c r="K225" s="1"/>
      <c r="L225" s="1"/>
    </row>
    <row r="226" spans="2:12" x14ac:dyDescent="0.2">
      <c r="B226" s="1"/>
      <c r="C226" s="1"/>
      <c r="D226" s="1"/>
      <c r="E226" s="1"/>
      <c r="F226" s="1"/>
      <c r="G226" s="1"/>
      <c r="H226" s="1"/>
      <c r="I226" s="1"/>
      <c r="J226" s="1"/>
      <c r="K226" s="1"/>
      <c r="L226" s="1"/>
    </row>
    <row r="227" spans="2:12" x14ac:dyDescent="0.2">
      <c r="B227" s="1"/>
      <c r="C227" s="1"/>
      <c r="D227" s="1"/>
      <c r="E227" s="1"/>
      <c r="F227" s="1"/>
      <c r="G227" s="1"/>
      <c r="H227" s="1"/>
      <c r="I227" s="1"/>
      <c r="J227" s="1"/>
      <c r="K227" s="1"/>
      <c r="L227" s="1"/>
    </row>
    <row r="228" spans="2:12" x14ac:dyDescent="0.2">
      <c r="B228" s="1"/>
      <c r="C228" s="1"/>
      <c r="D228" s="1"/>
      <c r="E228" s="1"/>
      <c r="F228" s="1"/>
      <c r="G228" s="1"/>
      <c r="H228" s="1"/>
      <c r="I228" s="1"/>
      <c r="J228" s="1"/>
      <c r="K228" s="1"/>
      <c r="L228" s="1"/>
    </row>
    <row r="229" spans="2:12" x14ac:dyDescent="0.2">
      <c r="B229" s="1"/>
      <c r="C229" s="1"/>
      <c r="D229" s="1"/>
      <c r="E229" s="1"/>
      <c r="F229" s="1"/>
      <c r="G229" s="1"/>
      <c r="H229" s="1"/>
      <c r="I229" s="1"/>
      <c r="J229" s="1"/>
      <c r="K229" s="1"/>
      <c r="L229" s="1"/>
    </row>
    <row r="230" spans="2:12" x14ac:dyDescent="0.2">
      <c r="B230" s="1"/>
      <c r="C230" s="1"/>
      <c r="D230" s="1"/>
      <c r="E230" s="1"/>
      <c r="F230" s="1"/>
      <c r="G230" s="1"/>
      <c r="H230" s="1"/>
      <c r="I230" s="1"/>
      <c r="J230" s="1"/>
      <c r="K230" s="1"/>
      <c r="L230" s="1"/>
    </row>
    <row r="231" spans="2:12" x14ac:dyDescent="0.2">
      <c r="B231" s="1"/>
      <c r="C231" s="1"/>
      <c r="D231" s="1"/>
      <c r="E231" s="1"/>
      <c r="F231" s="1"/>
      <c r="G231" s="1"/>
      <c r="H231" s="1"/>
      <c r="I231" s="1"/>
      <c r="J231" s="1"/>
      <c r="K231" s="1"/>
      <c r="L231" s="1"/>
    </row>
    <row r="232" spans="2:12" x14ac:dyDescent="0.2">
      <c r="B232" s="1"/>
      <c r="C232" s="1"/>
      <c r="D232" s="1"/>
      <c r="E232" s="1"/>
      <c r="F232" s="1"/>
      <c r="G232" s="1"/>
      <c r="H232" s="1"/>
      <c r="I232" s="1"/>
      <c r="J232" s="1"/>
      <c r="K232" s="1"/>
      <c r="L232" s="1"/>
    </row>
    <row r="233" spans="2:12" x14ac:dyDescent="0.2">
      <c r="B233" s="1"/>
      <c r="C233" s="1"/>
      <c r="D233" s="1"/>
      <c r="E233" s="1"/>
      <c r="F233" s="1"/>
      <c r="G233" s="1"/>
      <c r="H233" s="1"/>
      <c r="I233" s="1"/>
      <c r="J233" s="1"/>
      <c r="K233" s="1"/>
      <c r="L233" s="1"/>
    </row>
    <row r="234" spans="2:12" x14ac:dyDescent="0.2">
      <c r="B234" s="1"/>
      <c r="C234" s="1"/>
      <c r="D234" s="1"/>
      <c r="E234" s="1"/>
      <c r="F234" s="1"/>
      <c r="G234" s="1"/>
      <c r="H234" s="1"/>
      <c r="I234" s="1"/>
      <c r="J234" s="1"/>
      <c r="K234" s="1"/>
      <c r="L234" s="1"/>
    </row>
    <row r="235" spans="2:12" x14ac:dyDescent="0.2">
      <c r="B235" s="1"/>
      <c r="C235" s="1"/>
      <c r="D235" s="1"/>
      <c r="E235" s="1"/>
      <c r="F235" s="1"/>
      <c r="G235" s="1"/>
      <c r="H235" s="1"/>
      <c r="I235" s="1"/>
      <c r="J235" s="1"/>
      <c r="K235" s="1"/>
      <c r="L235" s="1"/>
    </row>
    <row r="236" spans="2:12" x14ac:dyDescent="0.2">
      <c r="B236" s="1"/>
      <c r="C236" s="1"/>
      <c r="D236" s="1"/>
      <c r="E236" s="1"/>
      <c r="F236" s="1"/>
      <c r="G236" s="1"/>
      <c r="H236" s="1"/>
      <c r="I236" s="1"/>
      <c r="J236" s="1"/>
      <c r="K236" s="1"/>
      <c r="L236" s="1"/>
    </row>
    <row r="237" spans="2:12" x14ac:dyDescent="0.2">
      <c r="B237" s="1"/>
      <c r="C237" s="1"/>
      <c r="D237" s="1"/>
      <c r="E237" s="1"/>
      <c r="F237" s="1"/>
      <c r="G237" s="1"/>
      <c r="H237" s="1"/>
      <c r="I237" s="1"/>
      <c r="J237" s="1"/>
      <c r="K237" s="1"/>
      <c r="L237" s="1"/>
    </row>
    <row r="238" spans="2:12" x14ac:dyDescent="0.2">
      <c r="B238" s="1"/>
      <c r="C238" s="1"/>
      <c r="D238" s="1"/>
      <c r="E238" s="1"/>
      <c r="F238" s="1"/>
      <c r="G238" s="1"/>
      <c r="H238" s="1"/>
      <c r="I238" s="1"/>
      <c r="J238" s="1"/>
      <c r="K238" s="1"/>
      <c r="L238" s="1"/>
    </row>
    <row r="239" spans="2:12" x14ac:dyDescent="0.2">
      <c r="B239" s="1"/>
      <c r="C239" s="1"/>
      <c r="D239" s="1"/>
      <c r="E239" s="1"/>
      <c r="F239" s="1"/>
      <c r="G239" s="1"/>
      <c r="H239" s="1"/>
      <c r="I239" s="1"/>
      <c r="J239" s="1"/>
      <c r="K239" s="1"/>
      <c r="L239" s="1"/>
    </row>
    <row r="240" spans="2:12" x14ac:dyDescent="0.2">
      <c r="B240" s="1"/>
      <c r="C240" s="1"/>
      <c r="D240" s="1"/>
      <c r="E240" s="1"/>
      <c r="F240" s="1"/>
      <c r="G240" s="1"/>
      <c r="H240" s="1"/>
      <c r="I240" s="1"/>
      <c r="J240" s="1"/>
      <c r="K240" s="1"/>
      <c r="L240" s="1"/>
    </row>
    <row r="241" spans="2:12" x14ac:dyDescent="0.2">
      <c r="B241" s="1"/>
      <c r="C241" s="1"/>
      <c r="D241" s="1"/>
      <c r="E241" s="1"/>
      <c r="F241" s="1"/>
      <c r="G241" s="1"/>
      <c r="H241" s="1"/>
      <c r="I241" s="1"/>
      <c r="J241" s="1"/>
      <c r="K241" s="1"/>
      <c r="L241" s="1"/>
    </row>
    <row r="242" spans="2:12" x14ac:dyDescent="0.2">
      <c r="B242" s="1"/>
      <c r="C242" s="1"/>
      <c r="D242" s="1"/>
      <c r="E242" s="1"/>
      <c r="F242" s="1"/>
      <c r="G242" s="1"/>
      <c r="H242" s="1"/>
      <c r="I242" s="1"/>
      <c r="J242" s="1"/>
      <c r="K242" s="1"/>
      <c r="L242" s="1"/>
    </row>
    <row r="243" spans="2:12" x14ac:dyDescent="0.2">
      <c r="B243" s="1"/>
      <c r="C243" s="1"/>
      <c r="D243" s="1"/>
      <c r="E243" s="1"/>
      <c r="F243" s="1"/>
      <c r="G243" s="1"/>
      <c r="H243" s="1"/>
      <c r="I243" s="1"/>
      <c r="J243" s="1"/>
      <c r="K243" s="1"/>
      <c r="L243" s="1"/>
    </row>
    <row r="244" spans="2:12" x14ac:dyDescent="0.2">
      <c r="B244" s="1"/>
      <c r="C244" s="1"/>
      <c r="D244" s="1"/>
      <c r="E244" s="1"/>
      <c r="F244" s="1"/>
      <c r="G244" s="1"/>
      <c r="H244" s="1"/>
      <c r="I244" s="1"/>
      <c r="J244" s="1"/>
      <c r="K244" s="1"/>
      <c r="L244" s="1"/>
    </row>
    <row r="245" spans="2:12" x14ac:dyDescent="0.2">
      <c r="B245" s="1"/>
      <c r="C245" s="1"/>
      <c r="D245" s="1"/>
      <c r="E245" s="1"/>
      <c r="F245" s="1"/>
      <c r="G245" s="1"/>
      <c r="H245" s="1"/>
      <c r="I245" s="1"/>
      <c r="J245" s="1"/>
      <c r="K245" s="1"/>
      <c r="L245" s="1"/>
    </row>
    <row r="246" spans="2:12" x14ac:dyDescent="0.2">
      <c r="B246" s="1"/>
      <c r="C246" s="1"/>
      <c r="D246" s="1"/>
      <c r="E246" s="1"/>
      <c r="F246" s="1"/>
      <c r="G246" s="1"/>
      <c r="H246" s="1"/>
      <c r="I246" s="1"/>
      <c r="J246" s="1"/>
      <c r="K246" s="1"/>
      <c r="L246" s="1"/>
    </row>
    <row r="247" spans="2:12" x14ac:dyDescent="0.2">
      <c r="B247" s="1"/>
      <c r="C247" s="1"/>
      <c r="D247" s="1"/>
      <c r="E247" s="1"/>
      <c r="F247" s="1"/>
      <c r="G247" s="1"/>
      <c r="H247" s="1"/>
      <c r="I247" s="1"/>
      <c r="J247" s="1"/>
      <c r="K247" s="1"/>
      <c r="L247" s="1"/>
    </row>
    <row r="248" spans="2:12" x14ac:dyDescent="0.2">
      <c r="B248" s="1"/>
      <c r="C248" s="1"/>
      <c r="D248" s="1"/>
      <c r="E248" s="1"/>
      <c r="F248" s="1"/>
      <c r="G248" s="1"/>
      <c r="H248" s="1"/>
      <c r="I248" s="1"/>
      <c r="J248" s="1"/>
      <c r="K248" s="1"/>
      <c r="L248" s="1"/>
    </row>
    <row r="249" spans="2:12" x14ac:dyDescent="0.2">
      <c r="B249" s="1"/>
      <c r="C249" s="1"/>
      <c r="D249" s="1"/>
      <c r="E249" s="1"/>
      <c r="F249" s="1"/>
      <c r="G249" s="1"/>
      <c r="H249" s="1"/>
      <c r="I249" s="1"/>
      <c r="J249" s="1"/>
      <c r="K249" s="1"/>
      <c r="L249" s="1"/>
    </row>
    <row r="250" spans="2:12" x14ac:dyDescent="0.2">
      <c r="B250" s="1"/>
      <c r="C250" s="1"/>
      <c r="D250" s="1"/>
      <c r="E250" s="1"/>
      <c r="F250" s="1"/>
      <c r="G250" s="1"/>
      <c r="H250" s="1"/>
      <c r="I250" s="1"/>
      <c r="J250" s="1"/>
      <c r="K250" s="1"/>
      <c r="L250" s="1"/>
    </row>
    <row r="251" spans="2:12" x14ac:dyDescent="0.2">
      <c r="B251" s="1"/>
      <c r="C251" s="1"/>
      <c r="D251" s="1"/>
      <c r="E251" s="1"/>
      <c r="F251" s="1"/>
      <c r="G251" s="1"/>
      <c r="H251" s="1"/>
      <c r="I251" s="1"/>
      <c r="J251" s="1"/>
      <c r="K251" s="1"/>
      <c r="L251" s="1"/>
    </row>
    <row r="252" spans="2:12" x14ac:dyDescent="0.2">
      <c r="B252" s="1"/>
      <c r="C252" s="1"/>
      <c r="D252" s="1"/>
      <c r="E252" s="1"/>
      <c r="F252" s="1"/>
      <c r="G252" s="1"/>
      <c r="H252" s="1"/>
      <c r="I252" s="1"/>
      <c r="J252" s="1"/>
      <c r="K252" s="1"/>
      <c r="L252" s="1"/>
    </row>
    <row r="253" spans="2:12" x14ac:dyDescent="0.2">
      <c r="B253" s="1"/>
      <c r="C253" s="1"/>
      <c r="D253" s="1"/>
      <c r="E253" s="1"/>
      <c r="F253" s="1"/>
      <c r="G253" s="1"/>
      <c r="H253" s="1"/>
      <c r="I253" s="1"/>
      <c r="J253" s="1"/>
      <c r="K253" s="1"/>
      <c r="L253" s="1"/>
    </row>
    <row r="254" spans="2:12" x14ac:dyDescent="0.2">
      <c r="B254" s="1"/>
      <c r="C254" s="1"/>
      <c r="D254" s="1"/>
      <c r="E254" s="1"/>
      <c r="F254" s="1"/>
      <c r="G254" s="1"/>
      <c r="H254" s="1"/>
      <c r="I254" s="1"/>
      <c r="J254" s="1"/>
      <c r="K254" s="1"/>
      <c r="L254" s="1"/>
    </row>
    <row r="255" spans="2:12" x14ac:dyDescent="0.2">
      <c r="B255" s="1"/>
      <c r="C255" s="1"/>
      <c r="D255" s="1"/>
      <c r="E255" s="1"/>
      <c r="F255" s="1"/>
      <c r="G255" s="1"/>
      <c r="H255" s="1"/>
      <c r="I255" s="1"/>
      <c r="J255" s="1"/>
      <c r="K255" s="1"/>
      <c r="L255" s="1"/>
    </row>
    <row r="256" spans="2:12" x14ac:dyDescent="0.2">
      <c r="B256" s="1"/>
      <c r="C256" s="1"/>
      <c r="D256" s="1"/>
      <c r="E256" s="1"/>
      <c r="F256" s="1"/>
      <c r="G256" s="1"/>
      <c r="H256" s="1"/>
      <c r="I256" s="1"/>
      <c r="J256" s="1"/>
      <c r="K256" s="1"/>
      <c r="L256" s="1"/>
    </row>
    <row r="257" spans="2:12" x14ac:dyDescent="0.2">
      <c r="B257" s="1"/>
      <c r="C257" s="1"/>
      <c r="D257" s="1"/>
      <c r="E257" s="1"/>
      <c r="F257" s="1"/>
      <c r="G257" s="1"/>
      <c r="H257" s="1"/>
      <c r="I257" s="1"/>
      <c r="J257" s="1"/>
      <c r="K257" s="1"/>
      <c r="L257" s="1"/>
    </row>
    <row r="258" spans="2:12" x14ac:dyDescent="0.2">
      <c r="B258" s="1"/>
      <c r="C258" s="1"/>
      <c r="D258" s="1"/>
      <c r="E258" s="1"/>
      <c r="F258" s="1"/>
      <c r="G258" s="1"/>
      <c r="H258" s="1"/>
      <c r="I258" s="1"/>
      <c r="J258" s="1"/>
      <c r="K258" s="1"/>
      <c r="L258" s="1"/>
    </row>
    <row r="259" spans="2:12" x14ac:dyDescent="0.2">
      <c r="B259" s="1"/>
      <c r="C259" s="1"/>
      <c r="D259" s="1"/>
      <c r="E259" s="1"/>
      <c r="F259" s="1"/>
      <c r="G259" s="1"/>
      <c r="H259" s="1"/>
      <c r="I259" s="1"/>
      <c r="J259" s="1"/>
      <c r="K259" s="1"/>
      <c r="L259" s="1"/>
    </row>
    <row r="260" spans="2:12" x14ac:dyDescent="0.2">
      <c r="B260" s="1"/>
      <c r="C260" s="1"/>
      <c r="D260" s="1"/>
      <c r="E260" s="1"/>
      <c r="F260" s="1"/>
      <c r="G260" s="1"/>
      <c r="H260" s="1"/>
      <c r="I260" s="1"/>
      <c r="J260" s="1"/>
      <c r="K260" s="1"/>
      <c r="L260" s="1"/>
    </row>
    <row r="261" spans="2:12" x14ac:dyDescent="0.2">
      <c r="B261" s="1"/>
      <c r="C261" s="1"/>
      <c r="D261" s="1"/>
      <c r="E261" s="1"/>
      <c r="F261" s="1"/>
      <c r="G261" s="1"/>
      <c r="H261" s="1"/>
      <c r="I261" s="1"/>
      <c r="J261" s="1"/>
      <c r="K261" s="1"/>
      <c r="L261" s="1"/>
    </row>
    <row r="262" spans="2:12" x14ac:dyDescent="0.2">
      <c r="B262" s="1"/>
      <c r="C262" s="1"/>
      <c r="D262" s="1"/>
      <c r="E262" s="1"/>
      <c r="F262" s="1"/>
      <c r="G262" s="1"/>
      <c r="H262" s="1"/>
      <c r="I262" s="1"/>
      <c r="J262" s="1"/>
      <c r="K262" s="1"/>
      <c r="L262" s="1"/>
    </row>
    <row r="263" spans="2:12" x14ac:dyDescent="0.2">
      <c r="B263" s="1"/>
      <c r="C263" s="1"/>
      <c r="D263" s="1"/>
      <c r="E263" s="1"/>
      <c r="F263" s="1"/>
      <c r="G263" s="1"/>
      <c r="H263" s="1"/>
      <c r="I263" s="1"/>
      <c r="J263" s="1"/>
      <c r="K263" s="1"/>
      <c r="L263" s="1"/>
    </row>
    <row r="264" spans="2:12" x14ac:dyDescent="0.2">
      <c r="B264" s="1"/>
      <c r="C264" s="1"/>
      <c r="D264" s="1"/>
      <c r="E264" s="1"/>
      <c r="F264" s="1"/>
      <c r="G264" s="1"/>
      <c r="H264" s="1"/>
      <c r="I264" s="1"/>
      <c r="J264" s="1"/>
      <c r="K264" s="1"/>
      <c r="L264" s="1"/>
    </row>
    <row r="265" spans="2:12" x14ac:dyDescent="0.2">
      <c r="B265" s="1"/>
      <c r="C265" s="1"/>
      <c r="D265" s="1"/>
      <c r="E265" s="1"/>
      <c r="F265" s="1"/>
      <c r="G265" s="1"/>
      <c r="H265" s="1"/>
      <c r="I265" s="1"/>
      <c r="J265" s="1"/>
      <c r="K265" s="1"/>
      <c r="L265" s="1"/>
    </row>
    <row r="266" spans="2:12" x14ac:dyDescent="0.2">
      <c r="B266" s="1"/>
      <c r="C266" s="1"/>
      <c r="D266" s="1"/>
      <c r="E266" s="1"/>
      <c r="F266" s="1"/>
      <c r="G266" s="1"/>
      <c r="H266" s="1"/>
      <c r="I266" s="1"/>
      <c r="J266" s="1"/>
      <c r="K266" s="1"/>
      <c r="L266" s="1"/>
    </row>
    <row r="267" spans="2:12" x14ac:dyDescent="0.2">
      <c r="B267" s="1"/>
      <c r="C267" s="1"/>
      <c r="D267" s="1"/>
      <c r="E267" s="1"/>
      <c r="F267" s="1"/>
      <c r="G267" s="1"/>
      <c r="H267" s="1"/>
      <c r="I267" s="1"/>
      <c r="J267" s="1"/>
      <c r="K267" s="1"/>
      <c r="L267" s="1"/>
    </row>
    <row r="268" spans="2:12" x14ac:dyDescent="0.2">
      <c r="B268" s="1"/>
      <c r="C268" s="1"/>
      <c r="D268" s="1"/>
      <c r="E268" s="1"/>
      <c r="F268" s="1"/>
      <c r="G268" s="1"/>
      <c r="H268" s="1"/>
      <c r="I268" s="1"/>
      <c r="J268" s="1"/>
      <c r="K268" s="1"/>
      <c r="L268" s="1"/>
    </row>
    <row r="269" spans="2:12" x14ac:dyDescent="0.2">
      <c r="B269" s="1"/>
      <c r="C269" s="1"/>
      <c r="D269" s="1"/>
      <c r="E269" s="1"/>
      <c r="F269" s="1"/>
      <c r="G269" s="1"/>
      <c r="H269" s="1"/>
      <c r="I269" s="1"/>
      <c r="J269" s="1"/>
      <c r="K269" s="1"/>
      <c r="L269" s="1"/>
    </row>
    <row r="270" spans="2:12" x14ac:dyDescent="0.2">
      <c r="B270" s="1"/>
      <c r="C270" s="1"/>
      <c r="D270" s="1"/>
      <c r="E270" s="1"/>
      <c r="F270" s="1"/>
      <c r="G270" s="1"/>
      <c r="H270" s="1"/>
      <c r="I270" s="1"/>
      <c r="J270" s="1"/>
      <c r="K270" s="1"/>
      <c r="L270" s="1"/>
    </row>
    <row r="271" spans="2:12" x14ac:dyDescent="0.2">
      <c r="B271" s="1"/>
      <c r="C271" s="1"/>
      <c r="D271" s="1"/>
      <c r="E271" s="1"/>
      <c r="F271" s="1"/>
      <c r="G271" s="1"/>
      <c r="H271" s="1"/>
      <c r="I271" s="1"/>
      <c r="J271" s="1"/>
      <c r="K271" s="1"/>
      <c r="L271" s="1"/>
    </row>
    <row r="272" spans="2:12" x14ac:dyDescent="0.2">
      <c r="B272" s="1"/>
      <c r="C272" s="1"/>
      <c r="D272" s="1"/>
      <c r="E272" s="1"/>
      <c r="F272" s="1"/>
      <c r="G272" s="1"/>
      <c r="H272" s="1"/>
      <c r="I272" s="1"/>
      <c r="J272" s="1"/>
      <c r="K272" s="1"/>
      <c r="L272" s="1"/>
    </row>
    <row r="273" spans="2:12" x14ac:dyDescent="0.2">
      <c r="B273" s="1"/>
      <c r="C273" s="1"/>
      <c r="D273" s="1"/>
      <c r="E273" s="1"/>
      <c r="F273" s="1"/>
      <c r="G273" s="1"/>
      <c r="H273" s="1"/>
      <c r="I273" s="1"/>
      <c r="J273" s="1"/>
      <c r="K273" s="1"/>
      <c r="L273" s="1"/>
    </row>
    <row r="274" spans="2:12" x14ac:dyDescent="0.2">
      <c r="B274" s="1"/>
      <c r="C274" s="1"/>
      <c r="D274" s="1"/>
      <c r="E274" s="1"/>
      <c r="F274" s="1"/>
      <c r="G274" s="1"/>
      <c r="H274" s="1"/>
      <c r="I274" s="1"/>
      <c r="J274" s="1"/>
      <c r="K274" s="1"/>
      <c r="L274" s="1"/>
    </row>
    <row r="275" spans="2:12" x14ac:dyDescent="0.2">
      <c r="B275" s="1"/>
      <c r="C275" s="1"/>
      <c r="D275" s="1"/>
      <c r="E275" s="1"/>
      <c r="F275" s="1"/>
      <c r="G275" s="1"/>
      <c r="H275" s="1"/>
      <c r="I275" s="1"/>
      <c r="J275" s="1"/>
      <c r="K275" s="1"/>
      <c r="L275" s="1"/>
    </row>
    <row r="276" spans="2:12" x14ac:dyDescent="0.2">
      <c r="B276" s="1"/>
      <c r="C276" s="1"/>
      <c r="D276" s="1"/>
      <c r="E276" s="1"/>
      <c r="F276" s="1"/>
      <c r="G276" s="1"/>
      <c r="H276" s="1"/>
      <c r="I276" s="1"/>
      <c r="J276" s="1"/>
      <c r="K276" s="1"/>
      <c r="L276" s="1"/>
    </row>
    <row r="277" spans="2:12" x14ac:dyDescent="0.2">
      <c r="B277" s="1"/>
      <c r="C277" s="1"/>
      <c r="D277" s="1"/>
      <c r="E277" s="1"/>
      <c r="F277" s="1"/>
      <c r="G277" s="1"/>
      <c r="H277" s="1"/>
      <c r="I277" s="1"/>
      <c r="J277" s="1"/>
      <c r="K277" s="1"/>
      <c r="L277" s="1"/>
    </row>
    <row r="278" spans="2:12" x14ac:dyDescent="0.2">
      <c r="B278" s="1"/>
      <c r="C278" s="1"/>
      <c r="D278" s="1"/>
      <c r="E278" s="1"/>
      <c r="F278" s="1"/>
      <c r="G278" s="1"/>
      <c r="H278" s="1"/>
      <c r="I278" s="1"/>
      <c r="J278" s="1"/>
      <c r="K278" s="1"/>
      <c r="L278" s="1"/>
    </row>
    <row r="279" spans="2:12" x14ac:dyDescent="0.2">
      <c r="B279" s="1"/>
      <c r="C279" s="1"/>
      <c r="D279" s="1"/>
      <c r="E279" s="1"/>
      <c r="F279" s="1"/>
      <c r="G279" s="1"/>
      <c r="H279" s="1"/>
      <c r="I279" s="1"/>
      <c r="J279" s="1"/>
      <c r="K279" s="1"/>
      <c r="L279" s="1"/>
    </row>
    <row r="280" spans="2:12" x14ac:dyDescent="0.2">
      <c r="B280" s="1"/>
      <c r="C280" s="1"/>
      <c r="D280" s="1"/>
      <c r="E280" s="1"/>
      <c r="F280" s="1"/>
      <c r="G280" s="1"/>
      <c r="H280" s="1"/>
      <c r="I280" s="1"/>
      <c r="J280" s="1"/>
      <c r="K280" s="1"/>
      <c r="L280" s="1"/>
    </row>
    <row r="281" spans="2:12" x14ac:dyDescent="0.2">
      <c r="B281" s="1"/>
      <c r="C281" s="1"/>
      <c r="D281" s="1"/>
      <c r="E281" s="1"/>
      <c r="F281" s="1"/>
      <c r="G281" s="1"/>
      <c r="H281" s="1"/>
      <c r="I281" s="1"/>
      <c r="J281" s="1"/>
      <c r="K281" s="1"/>
      <c r="L281" s="1"/>
    </row>
    <row r="282" spans="2:12" x14ac:dyDescent="0.2">
      <c r="B282" s="1"/>
      <c r="C282" s="1"/>
      <c r="D282" s="1"/>
      <c r="E282" s="1"/>
      <c r="F282" s="1"/>
      <c r="G282" s="1"/>
      <c r="H282" s="1"/>
      <c r="I282" s="1"/>
      <c r="J282" s="1"/>
      <c r="K282" s="1"/>
      <c r="L282" s="1"/>
    </row>
    <row r="283" spans="2:12" x14ac:dyDescent="0.2">
      <c r="B283" s="1"/>
      <c r="C283" s="1"/>
      <c r="D283" s="1"/>
      <c r="E283" s="1"/>
      <c r="F283" s="1"/>
      <c r="G283" s="1"/>
      <c r="H283" s="1"/>
      <c r="I283" s="1"/>
      <c r="J283" s="1"/>
      <c r="K283" s="1"/>
      <c r="L283" s="1"/>
    </row>
    <row r="284" spans="2:12" x14ac:dyDescent="0.2">
      <c r="B284" s="1"/>
      <c r="C284" s="1"/>
      <c r="D284" s="1"/>
      <c r="E284" s="1"/>
      <c r="F284" s="1"/>
      <c r="G284" s="1"/>
      <c r="H284" s="1"/>
      <c r="I284" s="1"/>
      <c r="J284" s="1"/>
      <c r="K284" s="1"/>
      <c r="L284" s="1"/>
    </row>
    <row r="285" spans="2:12" x14ac:dyDescent="0.2">
      <c r="B285" s="1"/>
      <c r="C285" s="1"/>
      <c r="D285" s="1"/>
      <c r="E285" s="1"/>
      <c r="F285" s="1"/>
      <c r="G285" s="1"/>
      <c r="H285" s="1"/>
      <c r="I285" s="1"/>
      <c r="J285" s="1"/>
      <c r="K285" s="1"/>
      <c r="L285" s="1"/>
    </row>
    <row r="286" spans="2:12" x14ac:dyDescent="0.2">
      <c r="B286" s="1"/>
      <c r="C286" s="1"/>
      <c r="D286" s="1"/>
      <c r="E286" s="1"/>
      <c r="F286" s="1"/>
      <c r="G286" s="1"/>
      <c r="H286" s="1"/>
      <c r="I286" s="1"/>
      <c r="J286" s="1"/>
      <c r="K286" s="1"/>
      <c r="L286" s="1"/>
    </row>
    <row r="287" spans="2:12" x14ac:dyDescent="0.2">
      <c r="B287" s="1"/>
      <c r="C287" s="1"/>
      <c r="D287" s="1"/>
      <c r="E287" s="1"/>
      <c r="F287" s="1"/>
      <c r="G287" s="1"/>
      <c r="H287" s="1"/>
      <c r="I287" s="1"/>
      <c r="J287" s="1"/>
      <c r="K287" s="1"/>
      <c r="L287" s="1"/>
    </row>
    <row r="288" spans="2:12" x14ac:dyDescent="0.2">
      <c r="B288" s="1"/>
      <c r="C288" s="1"/>
      <c r="D288" s="1"/>
      <c r="E288" s="1"/>
      <c r="F288" s="1"/>
      <c r="G288" s="1"/>
      <c r="H288" s="1"/>
      <c r="I288" s="1"/>
      <c r="J288" s="1"/>
      <c r="K288" s="1"/>
      <c r="L288" s="1"/>
    </row>
    <row r="289" spans="2:12" x14ac:dyDescent="0.2">
      <c r="B289" s="1"/>
      <c r="C289" s="1"/>
      <c r="D289" s="1"/>
      <c r="E289" s="1"/>
      <c r="F289" s="1"/>
      <c r="G289" s="1"/>
      <c r="H289" s="1"/>
      <c r="I289" s="1"/>
      <c r="J289" s="1"/>
      <c r="K289" s="1"/>
      <c r="L289" s="1"/>
    </row>
    <row r="290" spans="2:12" x14ac:dyDescent="0.2">
      <c r="B290" s="1"/>
      <c r="C290" s="1"/>
      <c r="D290" s="1"/>
      <c r="E290" s="1"/>
      <c r="F290" s="1"/>
      <c r="G290" s="1"/>
      <c r="H290" s="1"/>
      <c r="I290" s="1"/>
      <c r="J290" s="1"/>
      <c r="K290" s="1"/>
      <c r="L290" s="1"/>
    </row>
    <row r="291" spans="2:12" x14ac:dyDescent="0.2">
      <c r="B291" s="1"/>
      <c r="C291" s="1"/>
      <c r="D291" s="1"/>
      <c r="E291" s="1"/>
      <c r="F291" s="1"/>
      <c r="G291" s="1"/>
      <c r="H291" s="1"/>
      <c r="I291" s="1"/>
      <c r="J291" s="1"/>
      <c r="K291" s="1"/>
      <c r="L291" s="1"/>
    </row>
    <row r="292" spans="2:12" x14ac:dyDescent="0.2">
      <c r="B292" s="1"/>
      <c r="C292" s="1"/>
      <c r="D292" s="1"/>
      <c r="E292" s="1"/>
      <c r="F292" s="1"/>
      <c r="G292" s="1"/>
      <c r="H292" s="1"/>
      <c r="I292" s="1"/>
      <c r="J292" s="1"/>
      <c r="K292" s="1"/>
      <c r="L292" s="1"/>
    </row>
    <row r="293" spans="2:12" x14ac:dyDescent="0.2">
      <c r="B293" s="1"/>
      <c r="C293" s="1"/>
      <c r="D293" s="1"/>
      <c r="E293" s="1"/>
      <c r="F293" s="1"/>
      <c r="G293" s="1"/>
      <c r="H293" s="1"/>
      <c r="I293" s="1"/>
      <c r="J293" s="1"/>
      <c r="K293" s="1"/>
      <c r="L293" s="1"/>
    </row>
    <row r="294" spans="2:12" x14ac:dyDescent="0.2">
      <c r="B294" s="1"/>
      <c r="C294" s="1"/>
      <c r="D294" s="1"/>
      <c r="E294" s="1"/>
      <c r="F294" s="1"/>
      <c r="G294" s="1"/>
      <c r="H294" s="1"/>
      <c r="I294" s="1"/>
      <c r="J294" s="1"/>
      <c r="K294" s="1"/>
      <c r="L294" s="1"/>
    </row>
    <row r="295" spans="2:12" x14ac:dyDescent="0.2">
      <c r="B295" s="1"/>
      <c r="C295" s="1"/>
      <c r="D295" s="1"/>
      <c r="E295" s="1"/>
      <c r="F295" s="1"/>
      <c r="G295" s="1"/>
      <c r="H295" s="1"/>
      <c r="I295" s="1"/>
      <c r="J295" s="1"/>
      <c r="K295" s="1"/>
      <c r="L295" s="1"/>
    </row>
    <row r="296" spans="2:12" x14ac:dyDescent="0.2">
      <c r="B296" s="1"/>
      <c r="C296" s="1"/>
      <c r="D296" s="1"/>
      <c r="E296" s="1"/>
      <c r="F296" s="1"/>
      <c r="G296" s="1"/>
      <c r="H296" s="1"/>
      <c r="I296" s="1"/>
      <c r="J296" s="1"/>
      <c r="K296" s="1"/>
      <c r="L296" s="1"/>
    </row>
    <row r="297" spans="2:12" x14ac:dyDescent="0.2">
      <c r="B297" s="1"/>
      <c r="C297" s="1"/>
      <c r="D297" s="1"/>
      <c r="E297" s="1"/>
      <c r="F297" s="1"/>
      <c r="G297" s="1"/>
      <c r="H297" s="1"/>
      <c r="I297" s="1"/>
      <c r="J297" s="1"/>
      <c r="K297" s="1"/>
      <c r="L297" s="1"/>
    </row>
    <row r="298" spans="2:12" x14ac:dyDescent="0.2">
      <c r="B298" s="1"/>
      <c r="C298" s="1"/>
      <c r="D298" s="1"/>
      <c r="E298" s="1"/>
      <c r="F298" s="1"/>
      <c r="G298" s="1"/>
      <c r="H298" s="1"/>
      <c r="I298" s="1"/>
      <c r="J298" s="1"/>
      <c r="K298" s="1"/>
      <c r="L298" s="1"/>
    </row>
    <row r="299" spans="2:12" x14ac:dyDescent="0.2">
      <c r="B299" s="1"/>
      <c r="C299" s="1"/>
      <c r="D299" s="1"/>
      <c r="E299" s="1"/>
      <c r="F299" s="1"/>
      <c r="G299" s="1"/>
      <c r="H299" s="1"/>
      <c r="I299" s="1"/>
      <c r="J299" s="1"/>
      <c r="K299" s="1"/>
      <c r="L299" s="1"/>
    </row>
    <row r="300" spans="2:12" x14ac:dyDescent="0.2">
      <c r="B300" s="1"/>
      <c r="C300" s="1"/>
      <c r="D300" s="1"/>
      <c r="E300" s="1"/>
      <c r="F300" s="1"/>
      <c r="G300" s="1"/>
      <c r="H300" s="1"/>
      <c r="I300" s="1"/>
      <c r="J300" s="1"/>
      <c r="K300" s="1"/>
      <c r="L300" s="1"/>
    </row>
    <row r="301" spans="2:12" x14ac:dyDescent="0.2">
      <c r="B301" s="1"/>
      <c r="C301" s="1"/>
      <c r="D301" s="1"/>
      <c r="E301" s="1"/>
      <c r="F301" s="1"/>
      <c r="G301" s="1"/>
      <c r="H301" s="1"/>
      <c r="I301" s="1"/>
      <c r="J301" s="1"/>
      <c r="K301" s="1"/>
      <c r="L301" s="1"/>
    </row>
    <row r="302" spans="2:12" x14ac:dyDescent="0.2">
      <c r="B302" s="1"/>
      <c r="C302" s="1"/>
      <c r="D302" s="1"/>
      <c r="E302" s="1"/>
      <c r="F302" s="1"/>
      <c r="G302" s="1"/>
      <c r="H302" s="1"/>
      <c r="I302" s="1"/>
      <c r="J302" s="1"/>
      <c r="K302" s="1"/>
      <c r="L302" s="1"/>
    </row>
    <row r="303" spans="2:12" x14ac:dyDescent="0.2">
      <c r="B303" s="1"/>
      <c r="C303" s="1"/>
      <c r="D303" s="1"/>
      <c r="E303" s="1"/>
      <c r="F303" s="1"/>
      <c r="G303" s="1"/>
      <c r="H303" s="1"/>
      <c r="I303" s="1"/>
      <c r="J303" s="1"/>
      <c r="K303" s="1"/>
      <c r="L303" s="1"/>
    </row>
    <row r="304" spans="2:12" x14ac:dyDescent="0.2">
      <c r="B304" s="1"/>
      <c r="C304" s="1"/>
      <c r="D304" s="1"/>
      <c r="E304" s="1"/>
      <c r="F304" s="1"/>
      <c r="G304" s="1"/>
      <c r="H304" s="1"/>
      <c r="I304" s="1"/>
      <c r="J304" s="1"/>
      <c r="K304" s="1"/>
      <c r="L304" s="1"/>
    </row>
    <row r="305" spans="2:12" x14ac:dyDescent="0.2">
      <c r="B305" s="1"/>
      <c r="C305" s="1"/>
      <c r="D305" s="1"/>
      <c r="E305" s="1"/>
      <c r="F305" s="1"/>
      <c r="G305" s="1"/>
      <c r="H305" s="1"/>
      <c r="I305" s="1"/>
      <c r="J305" s="1"/>
      <c r="K305" s="1"/>
      <c r="L305" s="1"/>
    </row>
    <row r="306" spans="2:12" x14ac:dyDescent="0.2">
      <c r="B306" s="1"/>
      <c r="C306" s="1"/>
      <c r="D306" s="1"/>
      <c r="E306" s="1"/>
      <c r="F306" s="1"/>
      <c r="G306" s="1"/>
      <c r="H306" s="1"/>
      <c r="I306" s="1"/>
      <c r="J306" s="1"/>
      <c r="K306" s="1"/>
      <c r="L306" s="1"/>
    </row>
    <row r="307" spans="2:12" x14ac:dyDescent="0.2">
      <c r="B307" s="1"/>
      <c r="C307" s="1"/>
      <c r="D307" s="1"/>
      <c r="E307" s="1"/>
      <c r="F307" s="1"/>
      <c r="G307" s="1"/>
      <c r="H307" s="1"/>
      <c r="I307" s="1"/>
      <c r="J307" s="1"/>
      <c r="K307" s="1"/>
      <c r="L307" s="1"/>
    </row>
    <row r="308" spans="2:12" x14ac:dyDescent="0.2">
      <c r="B308" s="1"/>
      <c r="C308" s="1"/>
      <c r="D308" s="1"/>
      <c r="E308" s="1"/>
      <c r="F308" s="1"/>
      <c r="G308" s="1"/>
      <c r="H308" s="1"/>
      <c r="I308" s="1"/>
      <c r="J308" s="1"/>
      <c r="K308" s="1"/>
      <c r="L308" s="1"/>
    </row>
    <row r="309" spans="2:12" x14ac:dyDescent="0.2">
      <c r="B309" s="1"/>
      <c r="C309" s="1"/>
      <c r="D309" s="1"/>
      <c r="E309" s="1"/>
      <c r="F309" s="1"/>
      <c r="G309" s="1"/>
      <c r="H309" s="1"/>
      <c r="I309" s="1"/>
      <c r="J309" s="1"/>
      <c r="K309" s="1"/>
      <c r="L309" s="1"/>
    </row>
    <row r="310" spans="2:12" x14ac:dyDescent="0.2">
      <c r="B310" s="1"/>
      <c r="C310" s="1"/>
      <c r="D310" s="1"/>
      <c r="E310" s="1"/>
      <c r="F310" s="1"/>
      <c r="G310" s="1"/>
      <c r="H310" s="1"/>
      <c r="I310" s="1"/>
      <c r="J310" s="1"/>
      <c r="K310" s="1"/>
      <c r="L310" s="1"/>
    </row>
    <row r="311" spans="2:12" x14ac:dyDescent="0.2">
      <c r="B311" s="1"/>
      <c r="C311" s="1"/>
      <c r="D311" s="1"/>
      <c r="E311" s="1"/>
      <c r="F311" s="1"/>
      <c r="G311" s="1"/>
      <c r="H311" s="1"/>
      <c r="I311" s="1"/>
      <c r="J311" s="1"/>
      <c r="K311" s="1"/>
      <c r="L311" s="1"/>
    </row>
    <row r="312" spans="2:12" x14ac:dyDescent="0.2">
      <c r="B312" s="1"/>
      <c r="C312" s="1"/>
      <c r="D312" s="1"/>
      <c r="E312" s="1"/>
      <c r="F312" s="1"/>
      <c r="G312" s="1"/>
      <c r="H312" s="1"/>
      <c r="I312" s="1"/>
      <c r="J312" s="1"/>
      <c r="K312" s="1"/>
      <c r="L312" s="1"/>
    </row>
    <row r="313" spans="2:12" x14ac:dyDescent="0.2">
      <c r="B313" s="1"/>
      <c r="C313" s="1"/>
      <c r="D313" s="1"/>
      <c r="E313" s="1"/>
      <c r="F313" s="1"/>
      <c r="G313" s="1"/>
      <c r="H313" s="1"/>
      <c r="I313" s="1"/>
      <c r="J313" s="1"/>
      <c r="K313" s="1"/>
      <c r="L313" s="1"/>
    </row>
    <row r="314" spans="2:12" x14ac:dyDescent="0.2">
      <c r="B314" s="1"/>
      <c r="C314" s="1"/>
      <c r="D314" s="1"/>
      <c r="E314" s="1"/>
      <c r="F314" s="1"/>
      <c r="G314" s="1"/>
      <c r="H314" s="1"/>
      <c r="I314" s="1"/>
      <c r="J314" s="1"/>
      <c r="K314" s="1"/>
      <c r="L314" s="1"/>
    </row>
    <row r="315" spans="2:12" x14ac:dyDescent="0.2">
      <c r="B315" s="1"/>
      <c r="C315" s="1"/>
      <c r="D315" s="1"/>
      <c r="E315" s="1"/>
      <c r="F315" s="1"/>
      <c r="G315" s="1"/>
      <c r="H315" s="1"/>
      <c r="I315" s="1"/>
      <c r="J315" s="1"/>
      <c r="K315" s="1"/>
      <c r="L315" s="1"/>
    </row>
    <row r="316" spans="2:12" x14ac:dyDescent="0.2">
      <c r="B316" s="1"/>
      <c r="C316" s="1"/>
      <c r="D316" s="1"/>
      <c r="E316" s="1"/>
      <c r="F316" s="1"/>
      <c r="G316" s="1"/>
      <c r="H316" s="1"/>
      <c r="I316" s="1"/>
      <c r="J316" s="1"/>
      <c r="K316" s="1"/>
      <c r="L316" s="1"/>
    </row>
    <row r="317" spans="2:12" x14ac:dyDescent="0.2">
      <c r="B317" s="1"/>
      <c r="C317" s="1"/>
      <c r="D317" s="1"/>
      <c r="E317" s="1"/>
      <c r="F317" s="1"/>
      <c r="G317" s="1"/>
      <c r="H317" s="1"/>
      <c r="I317" s="1"/>
      <c r="J317" s="1"/>
      <c r="K317" s="1"/>
      <c r="L317" s="1"/>
    </row>
    <row r="318" spans="2:12" x14ac:dyDescent="0.2">
      <c r="B318" s="1"/>
      <c r="C318" s="1"/>
      <c r="D318" s="1"/>
      <c r="E318" s="1"/>
      <c r="F318" s="1"/>
      <c r="G318" s="1"/>
      <c r="H318" s="1"/>
      <c r="I318" s="1"/>
      <c r="J318" s="1"/>
      <c r="K318" s="1"/>
      <c r="L318" s="1"/>
    </row>
    <row r="319" spans="2:12" x14ac:dyDescent="0.2">
      <c r="B319" s="1"/>
      <c r="C319" s="1"/>
      <c r="D319" s="1"/>
      <c r="E319" s="1"/>
      <c r="F319" s="1"/>
      <c r="G319" s="1"/>
      <c r="H319" s="1"/>
      <c r="I319" s="1"/>
      <c r="J319" s="1"/>
      <c r="K319" s="1"/>
      <c r="L319" s="1"/>
    </row>
    <row r="320" spans="2:12" x14ac:dyDescent="0.2">
      <c r="B320" s="1"/>
      <c r="C320" s="1"/>
      <c r="D320" s="1"/>
      <c r="E320" s="1"/>
      <c r="F320" s="1"/>
      <c r="G320" s="1"/>
      <c r="H320" s="1"/>
      <c r="I320" s="1"/>
      <c r="J320" s="1"/>
      <c r="K320" s="1"/>
      <c r="L320" s="1"/>
    </row>
    <row r="321" spans="2:12" x14ac:dyDescent="0.2">
      <c r="B321" s="1"/>
      <c r="C321" s="1"/>
      <c r="D321" s="1"/>
      <c r="E321" s="1"/>
      <c r="F321" s="1"/>
      <c r="G321" s="1"/>
      <c r="H321" s="1"/>
      <c r="I321" s="1"/>
      <c r="J321" s="1"/>
      <c r="K321" s="1"/>
      <c r="L321" s="1"/>
    </row>
    <row r="322" spans="2:12" x14ac:dyDescent="0.2">
      <c r="B322" s="1"/>
      <c r="C322" s="1"/>
      <c r="D322" s="1"/>
      <c r="E322" s="1"/>
      <c r="F322" s="1"/>
      <c r="G322" s="1"/>
      <c r="H322" s="1"/>
      <c r="I322" s="1"/>
      <c r="J322" s="1"/>
      <c r="K322" s="1"/>
      <c r="L322" s="1"/>
    </row>
    <row r="323" spans="2:12" x14ac:dyDescent="0.2">
      <c r="B323" s="1"/>
      <c r="C323" s="1"/>
      <c r="D323" s="1"/>
      <c r="E323" s="1"/>
      <c r="F323" s="1"/>
      <c r="G323" s="1"/>
      <c r="H323" s="1"/>
      <c r="I323" s="1"/>
      <c r="J323" s="1"/>
      <c r="K323" s="1"/>
      <c r="L323" s="1"/>
    </row>
    <row r="324" spans="2:12" x14ac:dyDescent="0.2">
      <c r="B324" s="1"/>
      <c r="C324" s="1"/>
      <c r="D324" s="1"/>
      <c r="E324" s="1"/>
      <c r="F324" s="1"/>
      <c r="G324" s="1"/>
      <c r="H324" s="1"/>
      <c r="I324" s="1"/>
      <c r="J324" s="1"/>
      <c r="K324" s="1"/>
      <c r="L324" s="1"/>
    </row>
    <row r="325" spans="2:12" x14ac:dyDescent="0.2">
      <c r="B325" s="1"/>
      <c r="C325" s="1"/>
      <c r="D325" s="1"/>
      <c r="E325" s="1"/>
      <c r="F325" s="1"/>
      <c r="G325" s="1"/>
      <c r="H325" s="1"/>
      <c r="I325" s="1"/>
      <c r="J325" s="1"/>
      <c r="K325" s="1"/>
      <c r="L325" s="1"/>
    </row>
    <row r="326" spans="2:12" x14ac:dyDescent="0.2">
      <c r="B326" s="1"/>
      <c r="C326" s="1"/>
      <c r="D326" s="1"/>
      <c r="E326" s="1"/>
      <c r="F326" s="1"/>
      <c r="G326" s="1"/>
      <c r="H326" s="1"/>
      <c r="I326" s="1"/>
      <c r="J326" s="1"/>
      <c r="K326" s="1"/>
      <c r="L326" s="1"/>
    </row>
    <row r="327" spans="2:12" x14ac:dyDescent="0.2">
      <c r="B327" s="1"/>
      <c r="C327" s="1"/>
      <c r="D327" s="1"/>
      <c r="E327" s="1"/>
      <c r="F327" s="1"/>
      <c r="G327" s="1"/>
      <c r="H327" s="1"/>
      <c r="I327" s="1"/>
      <c r="J327" s="1"/>
      <c r="K327" s="1"/>
      <c r="L327" s="1"/>
    </row>
    <row r="328" spans="2:12" x14ac:dyDescent="0.2">
      <c r="B328" s="1"/>
      <c r="C328" s="1"/>
      <c r="D328" s="1"/>
      <c r="E328" s="1"/>
      <c r="F328" s="1"/>
      <c r="G328" s="1"/>
      <c r="H328" s="1"/>
      <c r="I328" s="1"/>
      <c r="J328" s="1"/>
      <c r="K328" s="1"/>
      <c r="L328" s="1"/>
    </row>
    <row r="329" spans="2:12" x14ac:dyDescent="0.2">
      <c r="B329" s="1"/>
      <c r="C329" s="1"/>
      <c r="D329" s="1"/>
      <c r="E329" s="1"/>
      <c r="F329" s="1"/>
      <c r="G329" s="1"/>
      <c r="H329" s="1"/>
      <c r="I329" s="1"/>
      <c r="J329" s="1"/>
      <c r="K329" s="1"/>
      <c r="L329" s="1"/>
    </row>
    <row r="330" spans="2:12" x14ac:dyDescent="0.2">
      <c r="B330" s="1"/>
      <c r="C330" s="1"/>
      <c r="D330" s="1"/>
      <c r="E330" s="1"/>
      <c r="F330" s="1"/>
      <c r="G330" s="1"/>
      <c r="H330" s="1"/>
      <c r="I330" s="1"/>
      <c r="J330" s="1"/>
      <c r="K330" s="1"/>
      <c r="L330" s="1"/>
    </row>
    <row r="331" spans="2:12" x14ac:dyDescent="0.2">
      <c r="B331" s="1"/>
      <c r="C331" s="1"/>
      <c r="D331" s="1"/>
      <c r="E331" s="1"/>
      <c r="F331" s="1"/>
      <c r="G331" s="1"/>
      <c r="H331" s="1"/>
      <c r="I331" s="1"/>
      <c r="J331" s="1"/>
      <c r="K331" s="1"/>
      <c r="L331" s="1"/>
    </row>
    <row r="332" spans="2:12" x14ac:dyDescent="0.2">
      <c r="B332" s="1"/>
      <c r="C332" s="1"/>
      <c r="D332" s="1"/>
      <c r="E332" s="1"/>
      <c r="F332" s="1"/>
      <c r="G332" s="1"/>
      <c r="H332" s="1"/>
      <c r="I332" s="1"/>
      <c r="J332" s="1"/>
      <c r="K332" s="1"/>
      <c r="L332" s="1"/>
    </row>
    <row r="333" spans="2:12" x14ac:dyDescent="0.2">
      <c r="B333" s="1"/>
      <c r="C333" s="1"/>
      <c r="D333" s="1"/>
      <c r="E333" s="1"/>
      <c r="F333" s="1"/>
      <c r="G333" s="1"/>
      <c r="H333" s="1"/>
      <c r="I333" s="1"/>
      <c r="J333" s="1"/>
      <c r="K333" s="1"/>
      <c r="L333" s="1"/>
    </row>
    <row r="334" spans="2:12" x14ac:dyDescent="0.2">
      <c r="B334" s="1"/>
      <c r="C334" s="1"/>
      <c r="D334" s="1"/>
      <c r="E334" s="1"/>
      <c r="F334" s="1"/>
      <c r="G334" s="1"/>
      <c r="H334" s="1"/>
      <c r="I334" s="1"/>
      <c r="J334" s="1"/>
      <c r="K334" s="1"/>
      <c r="L334" s="1"/>
    </row>
    <row r="335" spans="2:12" x14ac:dyDescent="0.2">
      <c r="B335" s="1"/>
      <c r="C335" s="1"/>
      <c r="D335" s="1"/>
      <c r="E335" s="1"/>
      <c r="F335" s="1"/>
      <c r="G335" s="1"/>
      <c r="H335" s="1"/>
      <c r="I335" s="1"/>
      <c r="J335" s="1"/>
      <c r="K335" s="1"/>
      <c r="L335" s="1"/>
    </row>
    <row r="336" spans="2:12" x14ac:dyDescent="0.2">
      <c r="B336" s="1"/>
      <c r="C336" s="1"/>
      <c r="D336" s="1"/>
      <c r="E336" s="1"/>
      <c r="F336" s="1"/>
      <c r="G336" s="1"/>
      <c r="H336" s="1"/>
      <c r="I336" s="1"/>
      <c r="J336" s="1"/>
      <c r="K336" s="1"/>
      <c r="L336" s="1"/>
    </row>
    <row r="337" spans="2:12" x14ac:dyDescent="0.2">
      <c r="B337" s="1"/>
      <c r="C337" s="1"/>
      <c r="D337" s="1"/>
      <c r="E337" s="1"/>
      <c r="F337" s="1"/>
      <c r="G337" s="1"/>
      <c r="H337" s="1"/>
      <c r="I337" s="1"/>
      <c r="J337" s="1"/>
      <c r="K337" s="1"/>
      <c r="L337" s="1"/>
    </row>
    <row r="338" spans="2:12" x14ac:dyDescent="0.2">
      <c r="B338" s="1"/>
      <c r="C338" s="1"/>
      <c r="D338" s="1"/>
      <c r="E338" s="1"/>
      <c r="F338" s="1"/>
      <c r="G338" s="1"/>
      <c r="H338" s="1"/>
      <c r="I338" s="1"/>
      <c r="J338" s="1"/>
      <c r="K338" s="1"/>
      <c r="L338" s="1"/>
    </row>
    <row r="339" spans="2:12" x14ac:dyDescent="0.2">
      <c r="B339" s="1"/>
      <c r="C339" s="1"/>
      <c r="D339" s="1"/>
      <c r="E339" s="1"/>
      <c r="F339" s="1"/>
      <c r="G339" s="1"/>
      <c r="H339" s="1"/>
      <c r="I339" s="1"/>
      <c r="J339" s="1"/>
      <c r="K339" s="1"/>
      <c r="L339" s="1"/>
    </row>
    <row r="340" spans="2:12" x14ac:dyDescent="0.2">
      <c r="B340" s="1"/>
      <c r="C340" s="1"/>
      <c r="D340" s="1"/>
      <c r="E340" s="1"/>
      <c r="F340" s="1"/>
      <c r="G340" s="1"/>
      <c r="H340" s="1"/>
      <c r="I340" s="1"/>
      <c r="J340" s="1"/>
      <c r="K340" s="1"/>
      <c r="L340" s="1"/>
    </row>
    <row r="341" spans="2:12" x14ac:dyDescent="0.2">
      <c r="B341" s="1"/>
      <c r="C341" s="1"/>
      <c r="D341" s="1"/>
      <c r="E341" s="1"/>
      <c r="F341" s="1"/>
      <c r="G341" s="1"/>
      <c r="H341" s="1"/>
      <c r="I341" s="1"/>
      <c r="J341" s="1"/>
      <c r="K341" s="1"/>
      <c r="L341" s="1"/>
    </row>
    <row r="342" spans="2:12" x14ac:dyDescent="0.2">
      <c r="B342" s="1"/>
      <c r="C342" s="1"/>
      <c r="D342" s="1"/>
      <c r="E342" s="1"/>
      <c r="F342" s="1"/>
      <c r="G342" s="1"/>
      <c r="H342" s="1"/>
      <c r="I342" s="1"/>
      <c r="J342" s="1"/>
      <c r="K342" s="1"/>
      <c r="L342" s="1"/>
    </row>
    <row r="343" spans="2:12" x14ac:dyDescent="0.2">
      <c r="B343" s="1"/>
      <c r="C343" s="1"/>
      <c r="D343" s="1"/>
      <c r="E343" s="1"/>
      <c r="F343" s="1"/>
      <c r="G343" s="1"/>
      <c r="H343" s="1"/>
      <c r="I343" s="1"/>
      <c r="J343" s="1"/>
      <c r="K343" s="1"/>
      <c r="L343" s="1"/>
    </row>
    <row r="344" spans="2:12" x14ac:dyDescent="0.2">
      <c r="B344" s="1"/>
      <c r="C344" s="1"/>
      <c r="D344" s="1"/>
      <c r="E344" s="1"/>
      <c r="F344" s="1"/>
      <c r="G344" s="1"/>
      <c r="H344" s="1"/>
      <c r="I344" s="1"/>
      <c r="J344" s="1"/>
      <c r="K344" s="1"/>
      <c r="L344" s="1"/>
    </row>
    <row r="345" spans="2:12" x14ac:dyDescent="0.2">
      <c r="B345" s="1"/>
      <c r="C345" s="1"/>
      <c r="D345" s="1"/>
      <c r="E345" s="1"/>
      <c r="F345" s="1"/>
      <c r="G345" s="1"/>
      <c r="H345" s="1"/>
      <c r="I345" s="1"/>
      <c r="J345" s="1"/>
      <c r="K345" s="1"/>
      <c r="L345" s="1"/>
    </row>
    <row r="346" spans="2:12" x14ac:dyDescent="0.2">
      <c r="B346" s="1"/>
      <c r="C346" s="1"/>
      <c r="D346" s="1"/>
      <c r="E346" s="1"/>
      <c r="F346" s="1"/>
      <c r="G346" s="1"/>
      <c r="H346" s="1"/>
      <c r="I346" s="1"/>
      <c r="J346" s="1"/>
      <c r="K346" s="1"/>
      <c r="L346" s="1"/>
    </row>
    <row r="347" spans="2:12" x14ac:dyDescent="0.2">
      <c r="B347" s="1"/>
      <c r="C347" s="1"/>
      <c r="D347" s="1"/>
      <c r="E347" s="1"/>
      <c r="F347" s="1"/>
      <c r="G347" s="1"/>
      <c r="H347" s="1"/>
      <c r="I347" s="1"/>
      <c r="J347" s="1"/>
      <c r="K347" s="1"/>
      <c r="L347" s="1"/>
    </row>
    <row r="348" spans="2:12" x14ac:dyDescent="0.2">
      <c r="B348" s="1"/>
      <c r="C348" s="1"/>
      <c r="D348" s="1"/>
      <c r="E348" s="1"/>
      <c r="F348" s="1"/>
      <c r="G348" s="1"/>
      <c r="H348" s="1"/>
      <c r="I348" s="1"/>
      <c r="J348" s="1"/>
      <c r="K348" s="1"/>
      <c r="L348" s="1"/>
    </row>
    <row r="349" spans="2:12" x14ac:dyDescent="0.2">
      <c r="B349" s="1"/>
      <c r="C349" s="1"/>
      <c r="D349" s="1"/>
      <c r="E349" s="1"/>
      <c r="F349" s="1"/>
      <c r="G349" s="1"/>
      <c r="H349" s="1"/>
      <c r="I349" s="1"/>
      <c r="J349" s="1"/>
      <c r="K349" s="1"/>
      <c r="L349" s="1"/>
    </row>
    <row r="350" spans="2:12" x14ac:dyDescent="0.2">
      <c r="B350" s="1"/>
      <c r="C350" s="1"/>
      <c r="D350" s="1"/>
      <c r="E350" s="1"/>
      <c r="F350" s="1"/>
      <c r="G350" s="1"/>
      <c r="H350" s="1"/>
      <c r="I350" s="1"/>
      <c r="J350" s="1"/>
      <c r="K350" s="1"/>
      <c r="L350" s="1"/>
    </row>
    <row r="351" spans="2:12" x14ac:dyDescent="0.2">
      <c r="B351" s="1"/>
      <c r="C351" s="1"/>
      <c r="D351" s="1"/>
      <c r="E351" s="1"/>
      <c r="F351" s="1"/>
      <c r="G351" s="1"/>
      <c r="H351" s="1"/>
      <c r="I351" s="1"/>
      <c r="J351" s="1"/>
      <c r="K351" s="1"/>
      <c r="L351" s="1"/>
    </row>
    <row r="352" spans="2:12" x14ac:dyDescent="0.2">
      <c r="B352" s="1"/>
      <c r="C352" s="1"/>
      <c r="D352" s="1"/>
      <c r="E352" s="1"/>
      <c r="F352" s="1"/>
      <c r="G352" s="1"/>
      <c r="H352" s="1"/>
      <c r="I352" s="1"/>
      <c r="J352" s="1"/>
      <c r="K352" s="1"/>
      <c r="L352" s="1"/>
    </row>
    <row r="353" spans="2:12" x14ac:dyDescent="0.2">
      <c r="B353" s="1"/>
      <c r="C353" s="1"/>
      <c r="D353" s="1"/>
      <c r="E353" s="1"/>
      <c r="F353" s="1"/>
      <c r="G353" s="1"/>
      <c r="H353" s="1"/>
      <c r="I353" s="1"/>
      <c r="J353" s="1"/>
      <c r="K353" s="1"/>
      <c r="L353" s="1"/>
    </row>
    <row r="354" spans="2:12" x14ac:dyDescent="0.2">
      <c r="B354" s="1"/>
      <c r="C354" s="1"/>
      <c r="D354" s="1"/>
      <c r="E354" s="1"/>
      <c r="F354" s="1"/>
      <c r="G354" s="1"/>
      <c r="H354" s="1"/>
      <c r="I354" s="1"/>
      <c r="J354" s="1"/>
      <c r="K354" s="1"/>
      <c r="L354" s="1"/>
    </row>
    <row r="355" spans="2:12" x14ac:dyDescent="0.2">
      <c r="B355" s="1"/>
      <c r="C355" s="1"/>
      <c r="D355" s="1"/>
      <c r="E355" s="1"/>
      <c r="F355" s="1"/>
      <c r="G355" s="1"/>
      <c r="H355" s="1"/>
      <c r="I355" s="1"/>
      <c r="J355" s="1"/>
      <c r="K355" s="1"/>
      <c r="L355" s="1"/>
    </row>
    <row r="356" spans="2:12" x14ac:dyDescent="0.2">
      <c r="B356" s="1"/>
      <c r="C356" s="1"/>
      <c r="D356" s="1"/>
      <c r="E356" s="1"/>
      <c r="F356" s="1"/>
      <c r="G356" s="1"/>
      <c r="H356" s="1"/>
      <c r="I356" s="1"/>
      <c r="J356" s="1"/>
      <c r="K356" s="1"/>
      <c r="L356" s="1"/>
    </row>
    <row r="357" spans="2:12" x14ac:dyDescent="0.2">
      <c r="B357" s="1"/>
      <c r="C357" s="1"/>
      <c r="D357" s="1"/>
      <c r="E357" s="1"/>
      <c r="F357" s="1"/>
      <c r="G357" s="1"/>
      <c r="H357" s="1"/>
      <c r="I357" s="1"/>
      <c r="J357" s="1"/>
      <c r="K357" s="1"/>
      <c r="L357" s="1"/>
    </row>
    <row r="358" spans="2:12" x14ac:dyDescent="0.2">
      <c r="B358" s="1"/>
      <c r="C358" s="1"/>
      <c r="D358" s="1"/>
      <c r="E358" s="1"/>
      <c r="F358" s="1"/>
      <c r="G358" s="1"/>
      <c r="H358" s="1"/>
      <c r="I358" s="1"/>
      <c r="J358" s="1"/>
      <c r="K358" s="1"/>
      <c r="L358" s="1"/>
    </row>
    <row r="359" spans="2:12" x14ac:dyDescent="0.2">
      <c r="B359" s="1"/>
      <c r="C359" s="1"/>
      <c r="D359" s="1"/>
      <c r="E359" s="1"/>
      <c r="F359" s="1"/>
      <c r="G359" s="1"/>
      <c r="H359" s="1"/>
      <c r="I359" s="1"/>
      <c r="J359" s="1"/>
      <c r="K359" s="1"/>
      <c r="L359" s="1"/>
    </row>
    <row r="360" spans="2:12" x14ac:dyDescent="0.2">
      <c r="B360" s="1"/>
      <c r="C360" s="1"/>
      <c r="D360" s="1"/>
      <c r="E360" s="1"/>
      <c r="F360" s="1"/>
      <c r="G360" s="1"/>
      <c r="H360" s="1"/>
      <c r="I360" s="1"/>
      <c r="J360" s="1"/>
      <c r="K360" s="1"/>
      <c r="L360" s="1"/>
    </row>
    <row r="361" spans="2:12" x14ac:dyDescent="0.2">
      <c r="B361" s="1"/>
      <c r="C361" s="1"/>
      <c r="D361" s="1"/>
      <c r="E361" s="1"/>
      <c r="F361" s="1"/>
      <c r="G361" s="1"/>
      <c r="H361" s="1"/>
      <c r="I361" s="1"/>
      <c r="J361" s="1"/>
      <c r="K361" s="1"/>
      <c r="L361" s="1"/>
    </row>
    <row r="362" spans="2:12" x14ac:dyDescent="0.2">
      <c r="B362" s="1"/>
      <c r="C362" s="1"/>
      <c r="D362" s="1"/>
      <c r="E362" s="1"/>
      <c r="F362" s="1"/>
      <c r="G362" s="1"/>
      <c r="H362" s="1"/>
      <c r="I362" s="1"/>
      <c r="J362" s="1"/>
      <c r="K362" s="1"/>
      <c r="L362" s="1"/>
    </row>
    <row r="363" spans="2:12" x14ac:dyDescent="0.2">
      <c r="B363" s="1"/>
      <c r="C363" s="1"/>
      <c r="D363" s="1"/>
      <c r="E363" s="1"/>
      <c r="F363" s="1"/>
      <c r="G363" s="1"/>
      <c r="H363" s="1"/>
      <c r="I363" s="1"/>
      <c r="J363" s="1"/>
      <c r="K363" s="1"/>
      <c r="L363" s="1"/>
    </row>
    <row r="364" spans="2:12" x14ac:dyDescent="0.2">
      <c r="B364" s="1"/>
      <c r="C364" s="1"/>
      <c r="D364" s="1"/>
      <c r="E364" s="1"/>
      <c r="F364" s="1"/>
      <c r="G364" s="1"/>
      <c r="H364" s="1"/>
      <c r="I364" s="1"/>
      <c r="J364" s="1"/>
      <c r="K364" s="1"/>
      <c r="L364" s="1"/>
    </row>
    <row r="365" spans="2:12" x14ac:dyDescent="0.2">
      <c r="B365" s="1"/>
      <c r="C365" s="1"/>
      <c r="D365" s="1"/>
      <c r="E365" s="1"/>
      <c r="F365" s="1"/>
      <c r="G365" s="1"/>
      <c r="H365" s="1"/>
      <c r="I365" s="1"/>
      <c r="J365" s="1"/>
      <c r="K365" s="1"/>
      <c r="L365" s="1"/>
    </row>
    <row r="366" spans="2:12" x14ac:dyDescent="0.2">
      <c r="B366" s="1"/>
      <c r="C366" s="1"/>
      <c r="D366" s="1"/>
      <c r="E366" s="1"/>
      <c r="F366" s="1"/>
      <c r="G366" s="1"/>
      <c r="H366" s="1"/>
      <c r="I366" s="1"/>
      <c r="J366" s="1"/>
      <c r="K366" s="1"/>
      <c r="L366" s="1"/>
    </row>
    <row r="367" spans="2:12" x14ac:dyDescent="0.2">
      <c r="B367" s="1"/>
      <c r="C367" s="1"/>
      <c r="D367" s="1"/>
      <c r="E367" s="1"/>
      <c r="F367" s="1"/>
      <c r="G367" s="1"/>
      <c r="H367" s="1"/>
      <c r="I367" s="1"/>
      <c r="J367" s="1"/>
      <c r="K367" s="1"/>
      <c r="L367" s="1"/>
    </row>
    <row r="368" spans="2:12" x14ac:dyDescent="0.2">
      <c r="B368" s="1"/>
      <c r="C368" s="1"/>
      <c r="D368" s="1"/>
      <c r="E368" s="1"/>
      <c r="F368" s="1"/>
      <c r="G368" s="1"/>
      <c r="H368" s="1"/>
      <c r="I368" s="1"/>
      <c r="J368" s="1"/>
      <c r="K368" s="1"/>
      <c r="L368" s="1"/>
    </row>
    <row r="369" spans="2:12" x14ac:dyDescent="0.2">
      <c r="B369" s="1"/>
      <c r="C369" s="1"/>
      <c r="D369" s="1"/>
      <c r="E369" s="1"/>
      <c r="F369" s="1"/>
      <c r="G369" s="1"/>
      <c r="H369" s="1"/>
      <c r="I369" s="1"/>
      <c r="J369" s="1"/>
      <c r="K369" s="1"/>
      <c r="L369" s="1"/>
    </row>
    <row r="370" spans="2:12" x14ac:dyDescent="0.2">
      <c r="B370" s="1"/>
      <c r="C370" s="1"/>
      <c r="D370" s="1"/>
      <c r="E370" s="1"/>
      <c r="F370" s="1"/>
      <c r="G370" s="1"/>
      <c r="H370" s="1"/>
      <c r="I370" s="1"/>
      <c r="J370" s="1"/>
      <c r="K370" s="1"/>
      <c r="L370" s="1"/>
    </row>
    <row r="371" spans="2:12" x14ac:dyDescent="0.2">
      <c r="B371" s="1"/>
      <c r="C371" s="1"/>
      <c r="D371" s="1"/>
      <c r="E371" s="1"/>
      <c r="F371" s="1"/>
      <c r="G371" s="1"/>
      <c r="H371" s="1"/>
      <c r="I371" s="1"/>
      <c r="J371" s="1"/>
      <c r="K371" s="1"/>
      <c r="L371" s="1"/>
    </row>
    <row r="372" spans="2:12" x14ac:dyDescent="0.2">
      <c r="B372" s="1"/>
      <c r="C372" s="1"/>
      <c r="D372" s="1"/>
      <c r="E372" s="1"/>
      <c r="F372" s="1"/>
      <c r="G372" s="1"/>
      <c r="H372" s="1"/>
      <c r="I372" s="1"/>
      <c r="J372" s="1"/>
      <c r="K372" s="1"/>
      <c r="L372" s="1"/>
    </row>
    <row r="373" spans="2:12" x14ac:dyDescent="0.2">
      <c r="B373" s="1"/>
      <c r="C373" s="1"/>
      <c r="D373" s="1"/>
      <c r="E373" s="1"/>
      <c r="F373" s="1"/>
      <c r="G373" s="1"/>
      <c r="H373" s="1"/>
      <c r="I373" s="1"/>
      <c r="J373" s="1"/>
      <c r="K373" s="1"/>
      <c r="L373" s="1"/>
    </row>
    <row r="374" spans="2:12" x14ac:dyDescent="0.2">
      <c r="B374" s="1"/>
      <c r="C374" s="1"/>
      <c r="D374" s="1"/>
      <c r="E374" s="1"/>
      <c r="F374" s="1"/>
      <c r="G374" s="1"/>
      <c r="H374" s="1"/>
      <c r="I374" s="1"/>
      <c r="J374" s="1"/>
      <c r="K374" s="1"/>
      <c r="L374" s="1"/>
    </row>
    <row r="375" spans="2:12" x14ac:dyDescent="0.2">
      <c r="B375" s="1"/>
      <c r="C375" s="1"/>
      <c r="D375" s="1"/>
      <c r="E375" s="1"/>
      <c r="F375" s="1"/>
      <c r="G375" s="1"/>
      <c r="H375" s="1"/>
      <c r="I375" s="1"/>
      <c r="J375" s="1"/>
      <c r="K375" s="1"/>
      <c r="L375" s="1"/>
    </row>
    <row r="376" spans="2:12" x14ac:dyDescent="0.2">
      <c r="B376" s="1"/>
      <c r="C376" s="1"/>
      <c r="D376" s="1"/>
      <c r="E376" s="1"/>
      <c r="F376" s="1"/>
      <c r="G376" s="1"/>
      <c r="H376" s="1"/>
      <c r="I376" s="1"/>
      <c r="J376" s="1"/>
      <c r="K376" s="1"/>
      <c r="L376" s="1"/>
    </row>
    <row r="377" spans="2:12" x14ac:dyDescent="0.2">
      <c r="B377" s="1"/>
      <c r="C377" s="1"/>
      <c r="D377" s="1"/>
      <c r="E377" s="1"/>
      <c r="F377" s="1"/>
      <c r="G377" s="1"/>
      <c r="H377" s="1"/>
      <c r="I377" s="1"/>
      <c r="J377" s="1"/>
      <c r="K377" s="1"/>
      <c r="L377" s="1"/>
    </row>
    <row r="378" spans="2:12" x14ac:dyDescent="0.2">
      <c r="B378" s="1"/>
      <c r="C378" s="1"/>
      <c r="D378" s="1"/>
      <c r="E378" s="1"/>
      <c r="F378" s="1"/>
      <c r="G378" s="1"/>
      <c r="H378" s="1"/>
      <c r="I378" s="1"/>
      <c r="J378" s="1"/>
      <c r="K378" s="1"/>
      <c r="L378" s="1"/>
    </row>
    <row r="379" spans="2:12" x14ac:dyDescent="0.2">
      <c r="B379" s="1"/>
      <c r="C379" s="1"/>
      <c r="D379" s="1"/>
      <c r="E379" s="1"/>
      <c r="F379" s="1"/>
      <c r="G379" s="1"/>
      <c r="H379" s="1"/>
      <c r="I379" s="1"/>
      <c r="J379" s="1"/>
      <c r="K379" s="1"/>
      <c r="L379" s="1"/>
    </row>
    <row r="380" spans="2:12" x14ac:dyDescent="0.2">
      <c r="B380" s="1"/>
      <c r="C380" s="1"/>
      <c r="D380" s="1"/>
      <c r="E380" s="1"/>
      <c r="F380" s="1"/>
      <c r="G380" s="1"/>
      <c r="H380" s="1"/>
      <c r="I380" s="1"/>
      <c r="J380" s="1"/>
      <c r="K380" s="1"/>
      <c r="L380" s="1"/>
    </row>
    <row r="381" spans="2:12" x14ac:dyDescent="0.2">
      <c r="B381" s="1"/>
      <c r="C381" s="1"/>
      <c r="D381" s="1"/>
      <c r="E381" s="1"/>
      <c r="F381" s="1"/>
      <c r="G381" s="1"/>
      <c r="H381" s="1"/>
      <c r="I381" s="1"/>
      <c r="J381" s="1"/>
      <c r="K381" s="1"/>
      <c r="L381" s="1"/>
    </row>
    <row r="382" spans="2:12" x14ac:dyDescent="0.2">
      <c r="B382" s="1"/>
      <c r="C382" s="1"/>
      <c r="D382" s="1"/>
      <c r="E382" s="1"/>
      <c r="F382" s="1"/>
      <c r="G382" s="1"/>
      <c r="H382" s="1"/>
      <c r="I382" s="1"/>
      <c r="J382" s="1"/>
      <c r="K382" s="1"/>
      <c r="L382" s="1"/>
    </row>
    <row r="383" spans="2:12" x14ac:dyDescent="0.2">
      <c r="B383" s="1"/>
      <c r="C383" s="1"/>
      <c r="D383" s="1"/>
      <c r="E383" s="1"/>
      <c r="F383" s="1"/>
      <c r="G383" s="1"/>
      <c r="H383" s="1"/>
      <c r="I383" s="1"/>
      <c r="J383" s="1"/>
      <c r="K383" s="1"/>
      <c r="L383" s="1"/>
    </row>
    <row r="384" spans="2:12" x14ac:dyDescent="0.2">
      <c r="B384" s="1"/>
      <c r="C384" s="1"/>
      <c r="D384" s="1"/>
      <c r="E384" s="1"/>
      <c r="F384" s="1"/>
      <c r="G384" s="1"/>
      <c r="H384" s="1"/>
      <c r="I384" s="1"/>
      <c r="J384" s="1"/>
      <c r="K384" s="1"/>
      <c r="L384" s="1"/>
    </row>
    <row r="385" spans="2:12" x14ac:dyDescent="0.2">
      <c r="B385" s="1"/>
      <c r="C385" s="1"/>
      <c r="D385" s="1"/>
      <c r="E385" s="1"/>
      <c r="F385" s="1"/>
      <c r="G385" s="1"/>
      <c r="H385" s="1"/>
      <c r="I385" s="1"/>
      <c r="J385" s="1"/>
      <c r="K385" s="1"/>
      <c r="L385" s="1"/>
    </row>
    <row r="386" spans="2:12" x14ac:dyDescent="0.2">
      <c r="B386" s="1"/>
      <c r="C386" s="1"/>
      <c r="D386" s="1"/>
      <c r="E386" s="1"/>
      <c r="F386" s="1"/>
      <c r="G386" s="1"/>
      <c r="H386" s="1"/>
      <c r="I386" s="1"/>
      <c r="J386" s="1"/>
      <c r="K386" s="1"/>
      <c r="L386" s="1"/>
    </row>
    <row r="387" spans="2:12" x14ac:dyDescent="0.2">
      <c r="B387" s="1"/>
      <c r="C387" s="1"/>
      <c r="D387" s="1"/>
      <c r="E387" s="1"/>
      <c r="F387" s="1"/>
      <c r="G387" s="1"/>
      <c r="H387" s="1"/>
      <c r="I387" s="1"/>
      <c r="J387" s="1"/>
      <c r="K387" s="1"/>
      <c r="L387" s="1"/>
    </row>
    <row r="388" spans="2:12" x14ac:dyDescent="0.2">
      <c r="B388" s="1"/>
      <c r="C388" s="1"/>
      <c r="D388" s="1"/>
      <c r="E388" s="1"/>
      <c r="F388" s="1"/>
      <c r="G388" s="1"/>
      <c r="H388" s="1"/>
      <c r="I388" s="1"/>
      <c r="J388" s="1"/>
      <c r="K388" s="1"/>
      <c r="L388" s="1"/>
    </row>
    <row r="389" spans="2:12" x14ac:dyDescent="0.2">
      <c r="B389" s="1"/>
      <c r="C389" s="1"/>
      <c r="D389" s="1"/>
      <c r="E389" s="1"/>
      <c r="F389" s="1"/>
      <c r="G389" s="1"/>
      <c r="H389" s="1"/>
      <c r="I389" s="1"/>
      <c r="J389" s="1"/>
      <c r="K389" s="1"/>
      <c r="L389" s="1"/>
    </row>
    <row r="390" spans="2:12" x14ac:dyDescent="0.2">
      <c r="B390" s="1"/>
      <c r="C390" s="1"/>
      <c r="D390" s="1"/>
      <c r="E390" s="1"/>
      <c r="F390" s="1"/>
      <c r="G390" s="1"/>
      <c r="H390" s="1"/>
      <c r="I390" s="1"/>
      <c r="J390" s="1"/>
      <c r="K390" s="1"/>
      <c r="L390" s="1"/>
    </row>
    <row r="391" spans="2:12" x14ac:dyDescent="0.2">
      <c r="B391" s="1"/>
      <c r="C391" s="1"/>
      <c r="D391" s="1"/>
      <c r="E391" s="1"/>
      <c r="F391" s="1"/>
      <c r="G391" s="1"/>
      <c r="H391" s="1"/>
      <c r="I391" s="1"/>
      <c r="J391" s="1"/>
      <c r="K391" s="1"/>
      <c r="L391" s="1"/>
    </row>
    <row r="392" spans="2:12" x14ac:dyDescent="0.2">
      <c r="B392" s="1"/>
      <c r="C392" s="1"/>
      <c r="D392" s="1"/>
      <c r="E392" s="1"/>
      <c r="F392" s="1"/>
      <c r="G392" s="1"/>
      <c r="H392" s="1"/>
      <c r="I392" s="1"/>
      <c r="J392" s="1"/>
      <c r="K392" s="1"/>
      <c r="L392" s="1"/>
    </row>
    <row r="393" spans="2:12" x14ac:dyDescent="0.2">
      <c r="B393" s="1"/>
      <c r="C393" s="1"/>
      <c r="D393" s="1"/>
      <c r="E393" s="1"/>
      <c r="F393" s="1"/>
      <c r="G393" s="1"/>
      <c r="H393" s="1"/>
      <c r="I393" s="1"/>
      <c r="J393" s="1"/>
      <c r="K393" s="1"/>
      <c r="L393" s="1"/>
    </row>
    <row r="394" spans="2:12" x14ac:dyDescent="0.2">
      <c r="B394" s="1"/>
      <c r="C394" s="1"/>
      <c r="D394" s="1"/>
      <c r="E394" s="1"/>
      <c r="F394" s="1"/>
      <c r="G394" s="1"/>
      <c r="H394" s="1"/>
      <c r="I394" s="1"/>
      <c r="J394" s="1"/>
      <c r="K394" s="1"/>
      <c r="L394" s="1"/>
    </row>
    <row r="395" spans="2:12" x14ac:dyDescent="0.2">
      <c r="B395" s="1"/>
      <c r="C395" s="1"/>
      <c r="D395" s="1"/>
      <c r="E395" s="1"/>
      <c r="F395" s="1"/>
      <c r="G395" s="1"/>
      <c r="H395" s="1"/>
      <c r="I395" s="1"/>
      <c r="J395" s="1"/>
      <c r="K395" s="1"/>
      <c r="L395" s="1"/>
    </row>
    <row r="396" spans="2:12" x14ac:dyDescent="0.2">
      <c r="B396" s="1"/>
      <c r="C396" s="1"/>
      <c r="D396" s="1"/>
      <c r="E396" s="1"/>
      <c r="F396" s="1"/>
      <c r="G396" s="1"/>
      <c r="H396" s="1"/>
      <c r="I396" s="1"/>
      <c r="J396" s="1"/>
      <c r="K396" s="1"/>
      <c r="L396" s="1"/>
    </row>
    <row r="397" spans="2:12" x14ac:dyDescent="0.2">
      <c r="B397" s="1"/>
      <c r="C397" s="1"/>
      <c r="D397" s="1"/>
      <c r="E397" s="1"/>
      <c r="F397" s="1"/>
      <c r="G397" s="1"/>
      <c r="H397" s="1"/>
      <c r="I397" s="1"/>
      <c r="J397" s="1"/>
      <c r="K397" s="1"/>
      <c r="L397" s="1"/>
    </row>
    <row r="398" spans="2:12" x14ac:dyDescent="0.2">
      <c r="B398" s="1"/>
      <c r="C398" s="1"/>
      <c r="D398" s="1"/>
      <c r="E398" s="1"/>
      <c r="F398" s="1"/>
      <c r="G398" s="1"/>
      <c r="H398" s="1"/>
      <c r="I398" s="1"/>
      <c r="J398" s="1"/>
      <c r="K398" s="1"/>
      <c r="L398" s="1"/>
    </row>
    <row r="399" spans="2:12" x14ac:dyDescent="0.2">
      <c r="B399" s="1"/>
      <c r="C399" s="1"/>
      <c r="D399" s="1"/>
      <c r="E399" s="1"/>
      <c r="F399" s="1"/>
      <c r="G399" s="1"/>
      <c r="H399" s="1"/>
      <c r="I399" s="1"/>
      <c r="J399" s="1"/>
      <c r="K399" s="1"/>
      <c r="L399" s="1"/>
    </row>
    <row r="400" spans="2:12" x14ac:dyDescent="0.2">
      <c r="B400" s="1"/>
      <c r="C400" s="1"/>
      <c r="D400" s="1"/>
      <c r="E400" s="1"/>
      <c r="F400" s="1"/>
      <c r="G400" s="1"/>
      <c r="H400" s="1"/>
      <c r="I400" s="1"/>
      <c r="J400" s="1"/>
      <c r="K400" s="1"/>
      <c r="L400" s="1"/>
    </row>
    <row r="401" spans="2:12" x14ac:dyDescent="0.2">
      <c r="B401" s="1"/>
      <c r="C401" s="1"/>
      <c r="D401" s="1"/>
      <c r="E401" s="1"/>
      <c r="F401" s="1"/>
      <c r="G401" s="1"/>
      <c r="H401" s="1"/>
      <c r="I401" s="1"/>
      <c r="J401" s="1"/>
      <c r="K401" s="1"/>
      <c r="L401" s="1"/>
    </row>
    <row r="402" spans="2:12" x14ac:dyDescent="0.2">
      <c r="B402" s="1"/>
      <c r="C402" s="1"/>
      <c r="D402" s="1"/>
      <c r="E402" s="1"/>
      <c r="F402" s="1"/>
      <c r="G402" s="1"/>
      <c r="H402" s="1"/>
      <c r="I402" s="1"/>
      <c r="J402" s="1"/>
      <c r="K402" s="1"/>
      <c r="L402" s="1"/>
    </row>
    <row r="403" spans="2:12" x14ac:dyDescent="0.2">
      <c r="B403" s="1"/>
      <c r="C403" s="1"/>
      <c r="D403" s="1"/>
      <c r="E403" s="1"/>
      <c r="F403" s="1"/>
      <c r="G403" s="1"/>
      <c r="H403" s="1"/>
      <c r="I403" s="1"/>
      <c r="J403" s="1"/>
      <c r="K403" s="1"/>
      <c r="L403" s="1"/>
    </row>
    <row r="404" spans="2:12" x14ac:dyDescent="0.2">
      <c r="B404" s="1"/>
      <c r="C404" s="1"/>
      <c r="D404" s="1"/>
      <c r="E404" s="1"/>
      <c r="F404" s="1"/>
      <c r="G404" s="1"/>
      <c r="H404" s="1"/>
      <c r="I404" s="1"/>
      <c r="J404" s="1"/>
      <c r="K404" s="1"/>
      <c r="L404" s="1"/>
    </row>
    <row r="405" spans="2:12" x14ac:dyDescent="0.2">
      <c r="B405" s="1"/>
      <c r="C405" s="1"/>
      <c r="D405" s="1"/>
      <c r="E405" s="1"/>
      <c r="F405" s="1"/>
      <c r="G405" s="1"/>
      <c r="H405" s="1"/>
      <c r="I405" s="1"/>
      <c r="J405" s="1"/>
      <c r="K405" s="1"/>
      <c r="L405" s="1"/>
    </row>
    <row r="406" spans="2:12" x14ac:dyDescent="0.2">
      <c r="B406" s="1"/>
      <c r="C406" s="1"/>
      <c r="D406" s="1"/>
      <c r="E406" s="1"/>
      <c r="F406" s="1"/>
      <c r="G406" s="1"/>
      <c r="H406" s="1"/>
      <c r="I406" s="1"/>
      <c r="J406" s="1"/>
      <c r="K406" s="1"/>
      <c r="L406" s="1"/>
    </row>
    <row r="407" spans="2:12" x14ac:dyDescent="0.2">
      <c r="B407" s="1"/>
      <c r="C407" s="1"/>
      <c r="D407" s="1"/>
      <c r="E407" s="1"/>
      <c r="F407" s="1"/>
      <c r="G407" s="1"/>
      <c r="H407" s="1"/>
      <c r="I407" s="1"/>
      <c r="J407" s="1"/>
      <c r="K407" s="1"/>
      <c r="L407" s="1"/>
    </row>
    <row r="408" spans="2:12" x14ac:dyDescent="0.2">
      <c r="B408" s="1"/>
      <c r="C408" s="1"/>
      <c r="D408" s="1"/>
      <c r="E408" s="1"/>
      <c r="F408" s="1"/>
      <c r="G408" s="1"/>
      <c r="H408" s="1"/>
      <c r="I408" s="1"/>
      <c r="J408" s="1"/>
      <c r="K408" s="1"/>
      <c r="L408" s="1"/>
    </row>
    <row r="409" spans="2:12" x14ac:dyDescent="0.2">
      <c r="B409" s="1"/>
      <c r="C409" s="1"/>
      <c r="D409" s="1"/>
      <c r="E409" s="1"/>
      <c r="F409" s="1"/>
      <c r="G409" s="1"/>
      <c r="H409" s="1"/>
      <c r="I409" s="1"/>
      <c r="J409" s="1"/>
      <c r="K409" s="1"/>
      <c r="L409" s="1"/>
    </row>
    <row r="410" spans="2:12" x14ac:dyDescent="0.2">
      <c r="B410" s="1"/>
      <c r="C410" s="1"/>
      <c r="D410" s="1"/>
      <c r="E410" s="1"/>
      <c r="F410" s="1"/>
      <c r="G410" s="1"/>
      <c r="H410" s="1"/>
      <c r="I410" s="1"/>
      <c r="J410" s="1"/>
      <c r="K410" s="1"/>
      <c r="L410" s="1"/>
    </row>
    <row r="411" spans="2:12" x14ac:dyDescent="0.2">
      <c r="B411" s="1"/>
      <c r="C411" s="1"/>
      <c r="D411" s="1"/>
      <c r="E411" s="1"/>
      <c r="F411" s="1"/>
      <c r="G411" s="1"/>
      <c r="H411" s="1"/>
      <c r="I411" s="1"/>
      <c r="J411" s="1"/>
      <c r="K411" s="1"/>
      <c r="L411" s="1"/>
    </row>
    <row r="412" spans="2:12" x14ac:dyDescent="0.2">
      <c r="B412" s="1"/>
      <c r="C412" s="1"/>
      <c r="D412" s="1"/>
      <c r="E412" s="1"/>
      <c r="F412" s="1"/>
      <c r="G412" s="1"/>
      <c r="H412" s="1"/>
      <c r="I412" s="1"/>
      <c r="J412" s="1"/>
      <c r="K412" s="1"/>
      <c r="L412" s="1"/>
    </row>
    <row r="413" spans="2:12" x14ac:dyDescent="0.2">
      <c r="B413" s="1"/>
      <c r="C413" s="1"/>
      <c r="D413" s="1"/>
      <c r="E413" s="1"/>
      <c r="F413" s="1"/>
      <c r="G413" s="1"/>
      <c r="H413" s="1"/>
      <c r="I413" s="1"/>
      <c r="J413" s="1"/>
      <c r="K413" s="1"/>
      <c r="L413" s="1"/>
    </row>
    <row r="414" spans="2:12" x14ac:dyDescent="0.2">
      <c r="B414" s="1"/>
      <c r="C414" s="1"/>
      <c r="D414" s="1"/>
      <c r="E414" s="1"/>
      <c r="F414" s="1"/>
      <c r="G414" s="1"/>
      <c r="H414" s="1"/>
      <c r="I414" s="1"/>
      <c r="J414" s="1"/>
      <c r="K414" s="1"/>
      <c r="L414" s="1"/>
    </row>
    <row r="415" spans="2:12" x14ac:dyDescent="0.2">
      <c r="B415" s="1"/>
      <c r="C415" s="1"/>
      <c r="D415" s="1"/>
      <c r="E415" s="1"/>
      <c r="F415" s="1"/>
      <c r="G415" s="1"/>
      <c r="H415" s="1"/>
      <c r="I415" s="1"/>
      <c r="J415" s="1"/>
      <c r="K415" s="1"/>
      <c r="L415" s="1"/>
    </row>
    <row r="416" spans="2:12" x14ac:dyDescent="0.2">
      <c r="B416" s="1"/>
      <c r="C416" s="1"/>
      <c r="D416" s="1"/>
      <c r="E416" s="1"/>
      <c r="F416" s="1"/>
      <c r="G416" s="1"/>
      <c r="H416" s="1"/>
      <c r="I416" s="1"/>
      <c r="J416" s="1"/>
      <c r="K416" s="1"/>
      <c r="L416" s="1"/>
    </row>
    <row r="417" spans="2:12" x14ac:dyDescent="0.2">
      <c r="B417" s="1"/>
      <c r="C417" s="1"/>
      <c r="D417" s="1"/>
      <c r="E417" s="1"/>
      <c r="F417" s="1"/>
      <c r="G417" s="1"/>
      <c r="H417" s="1"/>
      <c r="I417" s="1"/>
      <c r="J417" s="1"/>
      <c r="K417" s="1"/>
      <c r="L417" s="1"/>
    </row>
    <row r="418" spans="2:12" x14ac:dyDescent="0.2">
      <c r="B418" s="1"/>
      <c r="C418" s="1"/>
      <c r="D418" s="1"/>
      <c r="E418" s="1"/>
      <c r="F418" s="1"/>
      <c r="G418" s="1"/>
      <c r="H418" s="1"/>
      <c r="I418" s="1"/>
      <c r="J418" s="1"/>
      <c r="K418" s="1"/>
      <c r="L418" s="1"/>
    </row>
    <row r="419" spans="2:12" x14ac:dyDescent="0.2">
      <c r="B419" s="1"/>
      <c r="C419" s="1"/>
      <c r="D419" s="1"/>
      <c r="E419" s="1"/>
      <c r="F419" s="1"/>
      <c r="G419" s="1"/>
      <c r="H419" s="1"/>
      <c r="I419" s="1"/>
      <c r="J419" s="1"/>
      <c r="K419" s="1"/>
      <c r="L419" s="1"/>
    </row>
    <row r="420" spans="2:12" x14ac:dyDescent="0.2">
      <c r="B420" s="1"/>
      <c r="C420" s="1"/>
      <c r="D420" s="1"/>
      <c r="E420" s="1"/>
      <c r="F420" s="1"/>
      <c r="G420" s="1"/>
      <c r="H420" s="1"/>
      <c r="I420" s="1"/>
      <c r="J420" s="1"/>
      <c r="K420" s="1"/>
      <c r="L420" s="1"/>
    </row>
    <row r="421" spans="2:12" x14ac:dyDescent="0.2">
      <c r="B421" s="1"/>
      <c r="C421" s="1"/>
      <c r="D421" s="1"/>
      <c r="E421" s="1"/>
      <c r="F421" s="1"/>
      <c r="G421" s="1"/>
      <c r="H421" s="1"/>
      <c r="I421" s="1"/>
      <c r="J421" s="1"/>
      <c r="K421" s="1"/>
      <c r="L421" s="1"/>
    </row>
    <row r="422" spans="2:12" x14ac:dyDescent="0.2">
      <c r="B422" s="1"/>
      <c r="C422" s="1"/>
      <c r="D422" s="1"/>
      <c r="E422" s="1"/>
      <c r="F422" s="1"/>
      <c r="G422" s="1"/>
      <c r="H422" s="1"/>
      <c r="I422" s="1"/>
      <c r="J422" s="1"/>
      <c r="K422" s="1"/>
      <c r="L422" s="1"/>
    </row>
    <row r="423" spans="2:12" x14ac:dyDescent="0.2">
      <c r="B423" s="1"/>
      <c r="C423" s="1"/>
      <c r="D423" s="1"/>
      <c r="E423" s="1"/>
      <c r="F423" s="1"/>
      <c r="G423" s="1"/>
      <c r="H423" s="1"/>
      <c r="I423" s="1"/>
      <c r="J423" s="1"/>
      <c r="K423" s="1"/>
      <c r="L423" s="1"/>
    </row>
    <row r="424" spans="2:12" x14ac:dyDescent="0.2">
      <c r="B424" s="1"/>
      <c r="C424" s="1"/>
      <c r="D424" s="1"/>
      <c r="E424" s="1"/>
      <c r="F424" s="1"/>
      <c r="G424" s="1"/>
      <c r="H424" s="1"/>
      <c r="I424" s="1"/>
      <c r="J424" s="1"/>
      <c r="K424" s="1"/>
      <c r="L424" s="1"/>
    </row>
    <row r="425" spans="2:12" x14ac:dyDescent="0.2">
      <c r="B425" s="1"/>
      <c r="C425" s="1"/>
      <c r="D425" s="1"/>
      <c r="E425" s="1"/>
      <c r="F425" s="1"/>
      <c r="G425" s="1"/>
      <c r="H425" s="1"/>
      <c r="I425" s="1"/>
      <c r="J425" s="1"/>
      <c r="K425" s="1"/>
      <c r="L425" s="1"/>
    </row>
    <row r="426" spans="2:12" x14ac:dyDescent="0.2">
      <c r="B426" s="1"/>
      <c r="C426" s="1"/>
      <c r="D426" s="1"/>
      <c r="E426" s="1"/>
      <c r="F426" s="1"/>
      <c r="G426" s="1"/>
      <c r="H426" s="1"/>
      <c r="I426" s="1"/>
      <c r="J426" s="1"/>
      <c r="K426" s="1"/>
      <c r="L426" s="1"/>
    </row>
    <row r="427" spans="2:12" x14ac:dyDescent="0.2">
      <c r="B427" s="1"/>
      <c r="C427" s="1"/>
      <c r="D427" s="1"/>
      <c r="E427" s="1"/>
      <c r="F427" s="1"/>
      <c r="G427" s="1"/>
      <c r="H427" s="1"/>
      <c r="I427" s="1"/>
      <c r="J427" s="1"/>
      <c r="K427" s="1"/>
      <c r="L427" s="1"/>
    </row>
    <row r="428" spans="2:12" x14ac:dyDescent="0.2">
      <c r="B428" s="1"/>
      <c r="C428" s="1"/>
      <c r="D428" s="1"/>
      <c r="E428" s="1"/>
      <c r="F428" s="1"/>
      <c r="G428" s="1"/>
      <c r="H428" s="1"/>
      <c r="I428" s="1"/>
      <c r="J428" s="1"/>
      <c r="K428" s="1"/>
      <c r="L428" s="1"/>
    </row>
    <row r="429" spans="2:12" x14ac:dyDescent="0.2">
      <c r="B429" s="1"/>
      <c r="C429" s="1"/>
      <c r="D429" s="1"/>
      <c r="E429" s="1"/>
      <c r="F429" s="1"/>
      <c r="G429" s="1"/>
      <c r="H429" s="1"/>
      <c r="I429" s="1"/>
      <c r="J429" s="1"/>
      <c r="K429" s="1"/>
      <c r="L429" s="1"/>
    </row>
    <row r="430" spans="2:12" x14ac:dyDescent="0.2">
      <c r="B430" s="1"/>
      <c r="C430" s="1"/>
      <c r="D430" s="1"/>
      <c r="E430" s="1"/>
      <c r="F430" s="1"/>
      <c r="G430" s="1"/>
      <c r="H430" s="1"/>
      <c r="I430" s="1"/>
      <c r="J430" s="1"/>
      <c r="K430" s="1"/>
      <c r="L430" s="1"/>
    </row>
    <row r="431" spans="2:12" x14ac:dyDescent="0.2">
      <c r="B431" s="1"/>
      <c r="C431" s="1"/>
      <c r="D431" s="1"/>
      <c r="E431" s="1"/>
      <c r="F431" s="1"/>
      <c r="G431" s="1"/>
      <c r="H431" s="1"/>
      <c r="I431" s="1"/>
      <c r="J431" s="1"/>
      <c r="K431" s="1"/>
      <c r="L431" s="1"/>
    </row>
    <row r="432" spans="2:12" x14ac:dyDescent="0.2">
      <c r="B432" s="1"/>
      <c r="C432" s="1"/>
      <c r="D432" s="1"/>
      <c r="E432" s="1"/>
      <c r="F432" s="1"/>
      <c r="G432" s="1"/>
      <c r="H432" s="1"/>
      <c r="I432" s="1"/>
      <c r="J432" s="1"/>
      <c r="K432" s="1"/>
      <c r="L432" s="1"/>
    </row>
    <row r="433" spans="2:12" x14ac:dyDescent="0.2">
      <c r="B433" s="1"/>
      <c r="C433" s="1"/>
      <c r="D433" s="1"/>
      <c r="E433" s="1"/>
      <c r="F433" s="1"/>
      <c r="G433" s="1"/>
      <c r="H433" s="1"/>
      <c r="I433" s="1"/>
      <c r="J433" s="1"/>
      <c r="K433" s="1"/>
      <c r="L433" s="1"/>
    </row>
    <row r="434" spans="2:12" x14ac:dyDescent="0.2">
      <c r="B434" s="1"/>
      <c r="C434" s="1"/>
      <c r="D434" s="1"/>
      <c r="E434" s="1"/>
      <c r="F434" s="1"/>
      <c r="G434" s="1"/>
      <c r="H434" s="1"/>
      <c r="I434" s="1"/>
      <c r="J434" s="1"/>
      <c r="K434" s="1"/>
      <c r="L434" s="1"/>
    </row>
    <row r="435" spans="2:12" x14ac:dyDescent="0.2">
      <c r="B435" s="1"/>
      <c r="C435" s="1"/>
      <c r="D435" s="1"/>
      <c r="E435" s="1"/>
      <c r="F435" s="1"/>
      <c r="G435" s="1"/>
      <c r="H435" s="1"/>
      <c r="I435" s="1"/>
      <c r="J435" s="1"/>
      <c r="K435" s="1"/>
      <c r="L435" s="1"/>
    </row>
    <row r="436" spans="2:12" x14ac:dyDescent="0.2">
      <c r="B436" s="1"/>
      <c r="C436" s="1"/>
      <c r="D436" s="1"/>
      <c r="E436" s="1"/>
      <c r="F436" s="1"/>
      <c r="G436" s="1"/>
      <c r="H436" s="1"/>
      <c r="I436" s="1"/>
      <c r="J436" s="1"/>
      <c r="K436" s="1"/>
      <c r="L436" s="1"/>
    </row>
    <row r="437" spans="2:12" x14ac:dyDescent="0.2">
      <c r="B437" s="1"/>
      <c r="C437" s="1"/>
      <c r="D437" s="1"/>
      <c r="E437" s="1"/>
      <c r="F437" s="1"/>
      <c r="G437" s="1"/>
      <c r="H437" s="1"/>
      <c r="I437" s="1"/>
      <c r="J437" s="1"/>
      <c r="K437" s="1"/>
      <c r="L437" s="1"/>
    </row>
    <row r="438" spans="2:12" x14ac:dyDescent="0.2">
      <c r="B438" s="1"/>
      <c r="C438" s="1"/>
      <c r="D438" s="1"/>
      <c r="E438" s="1"/>
      <c r="F438" s="1"/>
      <c r="G438" s="1"/>
      <c r="H438" s="1"/>
      <c r="I438" s="1"/>
      <c r="J438" s="1"/>
      <c r="K438" s="1"/>
      <c r="L438" s="1"/>
    </row>
    <row r="439" spans="2:12" x14ac:dyDescent="0.2">
      <c r="B439" s="1"/>
      <c r="C439" s="1"/>
      <c r="D439" s="1"/>
      <c r="E439" s="1"/>
      <c r="F439" s="1"/>
      <c r="G439" s="1"/>
      <c r="H439" s="1"/>
      <c r="I439" s="1"/>
      <c r="J439" s="1"/>
      <c r="K439" s="1"/>
      <c r="L439" s="1"/>
    </row>
    <row r="440" spans="2:12" x14ac:dyDescent="0.2">
      <c r="B440" s="1"/>
      <c r="C440" s="1"/>
      <c r="D440" s="1"/>
      <c r="E440" s="1"/>
      <c r="F440" s="1"/>
      <c r="G440" s="1"/>
      <c r="H440" s="1"/>
      <c r="I440" s="1"/>
      <c r="J440" s="1"/>
      <c r="K440" s="1"/>
      <c r="L440" s="1"/>
    </row>
    <row r="441" spans="2:12" x14ac:dyDescent="0.2">
      <c r="B441" s="1"/>
      <c r="C441" s="1"/>
      <c r="D441" s="1"/>
      <c r="E441" s="1"/>
      <c r="F441" s="1"/>
      <c r="G441" s="1"/>
      <c r="H441" s="1"/>
      <c r="I441" s="1"/>
      <c r="J441" s="1"/>
      <c r="K441" s="1"/>
      <c r="L441" s="1"/>
    </row>
    <row r="442" spans="2:12" x14ac:dyDescent="0.2">
      <c r="B442" s="1"/>
      <c r="C442" s="1"/>
      <c r="D442" s="1"/>
      <c r="E442" s="1"/>
      <c r="F442" s="1"/>
      <c r="G442" s="1"/>
      <c r="H442" s="1"/>
      <c r="I442" s="1"/>
      <c r="J442" s="1"/>
      <c r="K442" s="1"/>
      <c r="L442" s="1"/>
    </row>
    <row r="443" spans="2:12" x14ac:dyDescent="0.2">
      <c r="B443" s="1"/>
      <c r="C443" s="1"/>
      <c r="D443" s="1"/>
      <c r="E443" s="1"/>
      <c r="F443" s="1"/>
      <c r="G443" s="1"/>
      <c r="H443" s="1"/>
      <c r="I443" s="1"/>
      <c r="J443" s="1"/>
      <c r="K443" s="1"/>
      <c r="L443" s="1"/>
    </row>
    <row r="444" spans="2:12" x14ac:dyDescent="0.2">
      <c r="B444" s="1"/>
      <c r="C444" s="1"/>
      <c r="D444" s="1"/>
      <c r="E444" s="1"/>
      <c r="F444" s="1"/>
      <c r="G444" s="1"/>
      <c r="H444" s="1"/>
      <c r="I444" s="1"/>
      <c r="J444" s="1"/>
      <c r="K444" s="1"/>
      <c r="L444" s="1"/>
    </row>
    <row r="445" spans="2:12" x14ac:dyDescent="0.2">
      <c r="B445" s="1"/>
      <c r="C445" s="1"/>
      <c r="D445" s="1"/>
      <c r="E445" s="1"/>
      <c r="F445" s="1"/>
      <c r="G445" s="1"/>
      <c r="H445" s="1"/>
      <c r="I445" s="1"/>
      <c r="J445" s="1"/>
      <c r="K445" s="1"/>
      <c r="L445" s="1"/>
    </row>
    <row r="446" spans="2:12" x14ac:dyDescent="0.2">
      <c r="B446" s="1"/>
      <c r="C446" s="1"/>
      <c r="D446" s="1"/>
      <c r="E446" s="1"/>
      <c r="F446" s="1"/>
      <c r="G446" s="1"/>
      <c r="H446" s="1"/>
      <c r="I446" s="1"/>
      <c r="J446" s="1"/>
      <c r="K446" s="1"/>
      <c r="L446" s="1"/>
    </row>
    <row r="447" spans="2:12" x14ac:dyDescent="0.2">
      <c r="B447" s="1"/>
      <c r="C447" s="1"/>
      <c r="D447" s="1"/>
      <c r="E447" s="1"/>
      <c r="F447" s="1"/>
      <c r="G447" s="1"/>
      <c r="H447" s="1"/>
      <c r="I447" s="1"/>
      <c r="J447" s="1"/>
      <c r="K447" s="1"/>
      <c r="L447" s="1"/>
    </row>
    <row r="448" spans="2:12" x14ac:dyDescent="0.2">
      <c r="B448" s="1"/>
      <c r="C448" s="1"/>
      <c r="D448" s="1"/>
      <c r="E448" s="1"/>
      <c r="F448" s="1"/>
      <c r="G448" s="1"/>
      <c r="H448" s="1"/>
      <c r="I448" s="1"/>
      <c r="J448" s="1"/>
      <c r="K448" s="1"/>
      <c r="L448" s="1"/>
    </row>
    <row r="449" spans="2:12" x14ac:dyDescent="0.2">
      <c r="B449" s="1"/>
      <c r="C449" s="1"/>
      <c r="D449" s="1"/>
      <c r="E449" s="1"/>
      <c r="F449" s="1"/>
      <c r="G449" s="1"/>
      <c r="H449" s="1"/>
      <c r="I449" s="1"/>
      <c r="J449" s="1"/>
      <c r="K449" s="1"/>
      <c r="L449" s="1"/>
    </row>
    <row r="450" spans="2:12" x14ac:dyDescent="0.2">
      <c r="B450" s="1"/>
      <c r="C450" s="1"/>
      <c r="D450" s="1"/>
      <c r="E450" s="1"/>
      <c r="F450" s="1"/>
      <c r="G450" s="1"/>
      <c r="H450" s="1"/>
      <c r="I450" s="1"/>
      <c r="J450" s="1"/>
      <c r="K450" s="1"/>
      <c r="L450" s="1"/>
    </row>
    <row r="451" spans="2:12" x14ac:dyDescent="0.2">
      <c r="B451" s="1"/>
      <c r="C451" s="1"/>
      <c r="D451" s="1"/>
      <c r="E451" s="1"/>
      <c r="F451" s="1"/>
      <c r="G451" s="1"/>
      <c r="H451" s="1"/>
      <c r="I451" s="1"/>
      <c r="J451" s="1"/>
      <c r="K451" s="1"/>
      <c r="L451" s="1"/>
    </row>
    <row r="452" spans="2:12" x14ac:dyDescent="0.2">
      <c r="B452" s="1"/>
      <c r="C452" s="1"/>
      <c r="D452" s="1"/>
      <c r="E452" s="1"/>
      <c r="F452" s="1"/>
      <c r="G452" s="1"/>
      <c r="H452" s="1"/>
      <c r="I452" s="1"/>
      <c r="J452" s="1"/>
      <c r="K452" s="1"/>
      <c r="L452" s="1"/>
    </row>
    <row r="453" spans="2:12" x14ac:dyDescent="0.2">
      <c r="B453" s="1"/>
      <c r="C453" s="1"/>
      <c r="D453" s="1"/>
      <c r="E453" s="1"/>
      <c r="F453" s="1"/>
      <c r="G453" s="1"/>
      <c r="H453" s="1"/>
      <c r="I453" s="1"/>
      <c r="J453" s="1"/>
      <c r="K453" s="1"/>
      <c r="L453" s="1"/>
    </row>
    <row r="454" spans="2:12" x14ac:dyDescent="0.2">
      <c r="B454" s="1"/>
      <c r="C454" s="1"/>
      <c r="D454" s="1"/>
      <c r="E454" s="1"/>
      <c r="F454" s="1"/>
      <c r="G454" s="1"/>
      <c r="H454" s="1"/>
      <c r="I454" s="1"/>
      <c r="J454" s="1"/>
      <c r="K454" s="1"/>
      <c r="L454" s="1"/>
    </row>
    <row r="455" spans="2:12" x14ac:dyDescent="0.2">
      <c r="B455" s="1"/>
      <c r="C455" s="1"/>
      <c r="D455" s="1"/>
      <c r="E455" s="1"/>
      <c r="F455" s="1"/>
      <c r="G455" s="1"/>
      <c r="H455" s="1"/>
      <c r="I455" s="1"/>
      <c r="J455" s="1"/>
      <c r="K455" s="1"/>
      <c r="L455" s="1"/>
    </row>
    <row r="456" spans="2:12" x14ac:dyDescent="0.2">
      <c r="B456" s="1"/>
      <c r="C456" s="1"/>
      <c r="D456" s="1"/>
      <c r="E456" s="1"/>
      <c r="F456" s="1"/>
      <c r="G456" s="1"/>
      <c r="H456" s="1"/>
      <c r="I456" s="1"/>
      <c r="J456" s="1"/>
      <c r="K456" s="1"/>
      <c r="L456" s="1"/>
    </row>
    <row r="457" spans="2:12" x14ac:dyDescent="0.2">
      <c r="B457" s="1"/>
      <c r="C457" s="1"/>
      <c r="D457" s="1"/>
      <c r="E457" s="1"/>
      <c r="F457" s="1"/>
      <c r="G457" s="1"/>
      <c r="H457" s="1"/>
      <c r="I457" s="1"/>
      <c r="J457" s="1"/>
      <c r="K457" s="1"/>
      <c r="L457" s="1"/>
    </row>
    <row r="458" spans="2:12" x14ac:dyDescent="0.2">
      <c r="B458" s="1"/>
      <c r="C458" s="1"/>
      <c r="D458" s="1"/>
      <c r="E458" s="1"/>
      <c r="F458" s="1"/>
      <c r="G458" s="1"/>
      <c r="H458" s="1"/>
      <c r="I458" s="1"/>
      <c r="J458" s="1"/>
      <c r="K458" s="1"/>
      <c r="L458" s="1"/>
    </row>
    <row r="459" spans="2:12" x14ac:dyDescent="0.2">
      <c r="B459" s="1"/>
      <c r="C459" s="1"/>
      <c r="D459" s="1"/>
      <c r="E459" s="1"/>
      <c r="F459" s="1"/>
      <c r="G459" s="1"/>
      <c r="H459" s="1"/>
      <c r="I459" s="1"/>
      <c r="J459" s="1"/>
      <c r="K459" s="1"/>
      <c r="L459" s="1"/>
    </row>
    <row r="460" spans="2:12" x14ac:dyDescent="0.2">
      <c r="B460" s="1"/>
      <c r="C460" s="1"/>
      <c r="D460" s="1"/>
      <c r="E460" s="1"/>
      <c r="F460" s="1"/>
      <c r="G460" s="1"/>
      <c r="H460" s="1"/>
      <c r="I460" s="1"/>
      <c r="J460" s="1"/>
      <c r="K460" s="1"/>
      <c r="L460" s="1"/>
    </row>
    <row r="461" spans="2:12" x14ac:dyDescent="0.2">
      <c r="B461" s="1"/>
      <c r="C461" s="1"/>
      <c r="D461" s="1"/>
      <c r="E461" s="1"/>
      <c r="F461" s="1"/>
      <c r="G461" s="1"/>
      <c r="H461" s="1"/>
      <c r="I461" s="1"/>
      <c r="J461" s="1"/>
      <c r="K461" s="1"/>
      <c r="L461" s="1"/>
    </row>
    <row r="462" spans="2:12" x14ac:dyDescent="0.2">
      <c r="B462" s="1"/>
      <c r="C462" s="1"/>
      <c r="D462" s="1"/>
      <c r="E462" s="1"/>
      <c r="F462" s="1"/>
      <c r="G462" s="1"/>
      <c r="H462" s="1"/>
      <c r="I462" s="1"/>
      <c r="J462" s="1"/>
      <c r="K462" s="1"/>
      <c r="L462" s="1"/>
    </row>
    <row r="463" spans="2:12" x14ac:dyDescent="0.2">
      <c r="B463" s="1"/>
      <c r="C463" s="1"/>
      <c r="D463" s="1"/>
      <c r="E463" s="1"/>
      <c r="F463" s="1"/>
      <c r="G463" s="1"/>
      <c r="H463" s="1"/>
      <c r="I463" s="1"/>
      <c r="J463" s="1"/>
      <c r="K463" s="1"/>
      <c r="L463" s="1"/>
    </row>
    <row r="464" spans="2:12" x14ac:dyDescent="0.2">
      <c r="B464" s="1"/>
      <c r="C464" s="1"/>
      <c r="D464" s="1"/>
      <c r="E464" s="1"/>
      <c r="F464" s="1"/>
      <c r="G464" s="1"/>
      <c r="H464" s="1"/>
      <c r="I464" s="1"/>
      <c r="J464" s="1"/>
      <c r="K464" s="1"/>
      <c r="L464" s="1"/>
    </row>
    <row r="465" spans="2:12" x14ac:dyDescent="0.2">
      <c r="B465" s="1"/>
      <c r="C465" s="1"/>
      <c r="D465" s="1"/>
      <c r="E465" s="1"/>
      <c r="F465" s="1"/>
      <c r="G465" s="1"/>
      <c r="H465" s="1"/>
      <c r="I465" s="1"/>
      <c r="J465" s="1"/>
      <c r="K465" s="1"/>
      <c r="L465" s="1"/>
    </row>
    <row r="466" spans="2:12" x14ac:dyDescent="0.2">
      <c r="B466" s="1"/>
      <c r="C466" s="1"/>
      <c r="D466" s="1"/>
      <c r="E466" s="1"/>
      <c r="F466" s="1"/>
      <c r="G466" s="1"/>
      <c r="H466" s="1"/>
      <c r="I466" s="1"/>
      <c r="J466" s="1"/>
      <c r="K466" s="1"/>
      <c r="L466" s="1"/>
    </row>
    <row r="467" spans="2:12" x14ac:dyDescent="0.2">
      <c r="B467" s="1"/>
      <c r="C467" s="1"/>
      <c r="D467" s="1"/>
      <c r="E467" s="1"/>
      <c r="F467" s="1"/>
      <c r="G467" s="1"/>
      <c r="H467" s="1"/>
      <c r="I467" s="1"/>
      <c r="J467" s="1"/>
      <c r="K467" s="1"/>
      <c r="L467" s="1"/>
    </row>
    <row r="468" spans="2:12" x14ac:dyDescent="0.2">
      <c r="B468" s="1"/>
      <c r="C468" s="1"/>
      <c r="D468" s="1"/>
      <c r="E468" s="1"/>
      <c r="F468" s="1"/>
      <c r="G468" s="1"/>
      <c r="H468" s="1"/>
      <c r="I468" s="1"/>
      <c r="J468" s="1"/>
      <c r="K468" s="1"/>
      <c r="L468" s="1"/>
    </row>
    <row r="469" spans="2:12" x14ac:dyDescent="0.2">
      <c r="B469" s="1"/>
      <c r="C469" s="1"/>
      <c r="D469" s="1"/>
      <c r="E469" s="1"/>
      <c r="F469" s="1"/>
      <c r="G469" s="1"/>
      <c r="H469" s="1"/>
      <c r="I469" s="1"/>
      <c r="J469" s="1"/>
      <c r="K469" s="1"/>
      <c r="L469" s="1"/>
    </row>
    <row r="470" spans="2:12" x14ac:dyDescent="0.2">
      <c r="B470" s="1"/>
      <c r="C470" s="1"/>
      <c r="D470" s="1"/>
      <c r="E470" s="1"/>
      <c r="F470" s="1"/>
      <c r="G470" s="1"/>
      <c r="H470" s="1"/>
      <c r="I470" s="1"/>
      <c r="J470" s="1"/>
      <c r="K470" s="1"/>
      <c r="L470" s="1"/>
    </row>
    <row r="471" spans="2:12" x14ac:dyDescent="0.2">
      <c r="B471" s="1"/>
      <c r="C471" s="1"/>
      <c r="D471" s="1"/>
      <c r="E471" s="1"/>
      <c r="F471" s="1"/>
      <c r="G471" s="1"/>
      <c r="H471" s="1"/>
      <c r="I471" s="1"/>
      <c r="J471" s="1"/>
      <c r="K471" s="1"/>
      <c r="L471" s="1"/>
    </row>
    <row r="472" spans="2:12" x14ac:dyDescent="0.2">
      <c r="B472" s="1"/>
      <c r="C472" s="1"/>
      <c r="D472" s="1"/>
      <c r="E472" s="1"/>
      <c r="F472" s="1"/>
      <c r="G472" s="1"/>
      <c r="H472" s="1"/>
      <c r="I472" s="1"/>
      <c r="J472" s="1"/>
      <c r="K472" s="1"/>
      <c r="L472" s="1"/>
    </row>
    <row r="473" spans="2:12" x14ac:dyDescent="0.2">
      <c r="B473" s="1"/>
      <c r="C473" s="1"/>
      <c r="D473" s="1"/>
      <c r="E473" s="1"/>
      <c r="F473" s="1"/>
      <c r="G473" s="1"/>
      <c r="H473" s="1"/>
      <c r="I473" s="1"/>
      <c r="J473" s="1"/>
      <c r="K473" s="1"/>
      <c r="L473" s="1"/>
    </row>
    <row r="474" spans="2:12" x14ac:dyDescent="0.2">
      <c r="B474" s="1"/>
      <c r="C474" s="1"/>
      <c r="D474" s="1"/>
      <c r="E474" s="1"/>
      <c r="F474" s="1"/>
      <c r="G474" s="1"/>
      <c r="H474" s="1"/>
      <c r="I474" s="1"/>
      <c r="J474" s="1"/>
      <c r="K474" s="1"/>
      <c r="L474" s="1"/>
    </row>
    <row r="475" spans="2:12" x14ac:dyDescent="0.2">
      <c r="B475" s="1"/>
      <c r="C475" s="1"/>
      <c r="D475" s="1"/>
      <c r="E475" s="1"/>
      <c r="F475" s="1"/>
      <c r="G475" s="1"/>
      <c r="H475" s="1"/>
      <c r="I475" s="1"/>
      <c r="J475" s="1"/>
      <c r="K475" s="1"/>
      <c r="L475" s="1"/>
    </row>
    <row r="476" spans="2:12" x14ac:dyDescent="0.2">
      <c r="B476" s="1"/>
      <c r="C476" s="1"/>
      <c r="D476" s="1"/>
      <c r="E476" s="1"/>
      <c r="F476" s="1"/>
      <c r="G476" s="1"/>
      <c r="H476" s="1"/>
      <c r="I476" s="1"/>
      <c r="J476" s="1"/>
      <c r="K476" s="1"/>
      <c r="L476" s="1"/>
    </row>
    <row r="477" spans="2:12" x14ac:dyDescent="0.2">
      <c r="B477" s="1"/>
      <c r="C477" s="1"/>
      <c r="D477" s="1"/>
      <c r="E477" s="1"/>
      <c r="F477" s="1"/>
      <c r="G477" s="1"/>
      <c r="H477" s="1"/>
      <c r="I477" s="1"/>
      <c r="J477" s="1"/>
      <c r="K477" s="1"/>
      <c r="L477" s="1"/>
    </row>
    <row r="478" spans="2:12" x14ac:dyDescent="0.2">
      <c r="B478" s="1"/>
      <c r="C478" s="1"/>
      <c r="D478" s="1"/>
      <c r="E478" s="1"/>
      <c r="F478" s="1"/>
      <c r="G478" s="1"/>
      <c r="H478" s="1"/>
      <c r="I478" s="1"/>
      <c r="J478" s="1"/>
      <c r="K478" s="1"/>
      <c r="L478" s="1"/>
    </row>
    <row r="479" spans="2:12" x14ac:dyDescent="0.2">
      <c r="B479" s="1"/>
      <c r="C479" s="1"/>
      <c r="D479" s="1"/>
      <c r="E479" s="1"/>
      <c r="F479" s="1"/>
      <c r="G479" s="1"/>
      <c r="H479" s="1"/>
      <c r="I479" s="1"/>
      <c r="J479" s="1"/>
      <c r="K479" s="1"/>
      <c r="L479" s="1"/>
    </row>
    <row r="480" spans="2:12" x14ac:dyDescent="0.2">
      <c r="B480" s="1"/>
      <c r="C480" s="1"/>
      <c r="D480" s="1"/>
      <c r="E480" s="1"/>
      <c r="F480" s="1"/>
      <c r="G480" s="1"/>
      <c r="H480" s="1"/>
      <c r="I480" s="1"/>
      <c r="J480" s="1"/>
      <c r="K480" s="1"/>
      <c r="L480" s="1"/>
    </row>
    <row r="481" spans="2:14" x14ac:dyDescent="0.2">
      <c r="B481" s="1"/>
      <c r="C481" s="1"/>
      <c r="D481" s="1"/>
      <c r="E481" s="1"/>
      <c r="F481" s="1"/>
      <c r="G481" s="1"/>
      <c r="H481" s="1"/>
      <c r="I481" s="1"/>
      <c r="J481" s="1"/>
      <c r="K481" s="1"/>
      <c r="L481" s="1"/>
    </row>
    <row r="482" spans="2:14" x14ac:dyDescent="0.2">
      <c r="B482" s="1"/>
      <c r="C482" s="1"/>
      <c r="D482" s="1"/>
      <c r="E482" s="1"/>
      <c r="F482" s="1"/>
      <c r="G482" s="1"/>
      <c r="H482" s="1"/>
      <c r="I482" s="1"/>
      <c r="J482" s="1"/>
      <c r="K482" s="1"/>
      <c r="L482" s="1"/>
    </row>
    <row r="483" spans="2:14" x14ac:dyDescent="0.2">
      <c r="B483" s="1"/>
      <c r="C483" s="1"/>
      <c r="D483" s="1"/>
      <c r="E483" s="1"/>
      <c r="F483" s="1"/>
      <c r="G483" s="1"/>
      <c r="H483" s="1"/>
      <c r="I483" s="1"/>
      <c r="J483" s="1"/>
      <c r="K483" s="1"/>
      <c r="L483" s="1"/>
    </row>
    <row r="484" spans="2:14" x14ac:dyDescent="0.2">
      <c r="B484" s="1"/>
      <c r="C484" s="1"/>
      <c r="D484" s="1"/>
      <c r="E484" s="1"/>
      <c r="F484" s="1"/>
      <c r="G484" s="1"/>
      <c r="H484" s="1"/>
      <c r="I484" s="1"/>
      <c r="J484" s="1"/>
      <c r="K484" s="1"/>
      <c r="L484" s="1"/>
    </row>
    <row r="485" spans="2:14" x14ac:dyDescent="0.2">
      <c r="B485" s="1"/>
      <c r="C485" s="1"/>
      <c r="D485" s="1"/>
      <c r="E485" s="1"/>
      <c r="F485" s="1"/>
      <c r="G485" s="1"/>
      <c r="H485" s="1"/>
      <c r="I485" s="1"/>
      <c r="J485" s="1"/>
      <c r="K485" s="1"/>
      <c r="L485" s="1"/>
    </row>
    <row r="486" spans="2:14" x14ac:dyDescent="0.2">
      <c r="B486" s="1"/>
      <c r="C486" s="1"/>
      <c r="D486" s="1"/>
      <c r="E486" s="1"/>
      <c r="F486" s="1"/>
      <c r="G486" s="1"/>
      <c r="H486" s="1"/>
      <c r="I486" s="1"/>
      <c r="J486" s="1"/>
      <c r="K486" s="1"/>
      <c r="L486" s="1"/>
    </row>
    <row r="487" spans="2:14" x14ac:dyDescent="0.2">
      <c r="B487" s="1"/>
      <c r="C487" s="1"/>
      <c r="D487" s="1"/>
      <c r="E487" s="1"/>
      <c r="F487" s="1"/>
      <c r="G487" s="1"/>
      <c r="H487" s="1"/>
      <c r="I487" s="1"/>
      <c r="J487" s="1"/>
      <c r="K487" s="1"/>
      <c r="L487" s="1"/>
    </row>
    <row r="488" spans="2:14" x14ac:dyDescent="0.2">
      <c r="B488" s="1"/>
      <c r="C488" s="1"/>
      <c r="D488" s="1"/>
      <c r="E488" s="1"/>
      <c r="F488" s="1"/>
      <c r="G488" s="1"/>
      <c r="H488" s="1"/>
      <c r="I488" s="1"/>
      <c r="J488" s="1"/>
      <c r="K488" s="1"/>
      <c r="L488" s="1"/>
    </row>
    <row r="489" spans="2:14" x14ac:dyDescent="0.2">
      <c r="B489" s="1"/>
      <c r="C489" s="1"/>
      <c r="D489" s="1"/>
      <c r="E489" s="1"/>
      <c r="F489" s="1"/>
      <c r="G489" s="1"/>
      <c r="H489" s="1"/>
      <c r="I489" s="1"/>
      <c r="J489" s="1"/>
      <c r="K489" s="1"/>
      <c r="L489" s="1"/>
    </row>
    <row r="490" spans="2:14" x14ac:dyDescent="0.2">
      <c r="B490" s="1"/>
      <c r="C490" s="1"/>
      <c r="D490" s="1"/>
      <c r="E490" s="1"/>
      <c r="F490" s="1"/>
      <c r="G490" s="1"/>
      <c r="H490" s="1"/>
      <c r="I490" s="1"/>
      <c r="J490" s="1"/>
      <c r="K490" s="1"/>
      <c r="L490" s="1"/>
    </row>
    <row r="491" spans="2:14" x14ac:dyDescent="0.2">
      <c r="B491" s="1"/>
      <c r="C491" s="1"/>
      <c r="D491" s="1"/>
      <c r="E491" s="1"/>
      <c r="F491" s="1"/>
      <c r="G491" s="1"/>
      <c r="H491" s="1"/>
      <c r="I491" s="1"/>
      <c r="J491" s="1"/>
      <c r="K491" s="1"/>
      <c r="L491" s="1"/>
    </row>
    <row r="492" spans="2:14" x14ac:dyDescent="0.2">
      <c r="B492" s="1"/>
      <c r="C492" s="1"/>
      <c r="D492" s="1"/>
      <c r="E492" s="1"/>
      <c r="F492" s="1"/>
      <c r="G492" s="1"/>
      <c r="H492" s="1"/>
      <c r="I492" s="1"/>
      <c r="J492" s="1"/>
      <c r="K492" s="1"/>
      <c r="L492" s="1"/>
    </row>
    <row r="493" spans="2:14" x14ac:dyDescent="0.2">
      <c r="B493" s="1"/>
      <c r="C493" s="1"/>
      <c r="D493" s="1"/>
      <c r="E493" s="1"/>
      <c r="F493" s="1"/>
      <c r="G493" s="1"/>
      <c r="H493" s="1"/>
      <c r="I493" s="1"/>
      <c r="J493" s="1"/>
      <c r="K493" s="1"/>
      <c r="L493" s="1"/>
    </row>
    <row r="494" spans="2:14" x14ac:dyDescent="0.2">
      <c r="B494" s="1"/>
      <c r="C494" s="1"/>
      <c r="D494" s="1"/>
      <c r="E494" s="1"/>
      <c r="F494" s="1"/>
      <c r="G494" s="1"/>
      <c r="H494" s="1"/>
      <c r="I494" s="1"/>
      <c r="J494" s="1"/>
      <c r="K494" s="1"/>
      <c r="L494" s="1"/>
    </row>
    <row r="495" spans="2:14" x14ac:dyDescent="0.2">
      <c r="B495" s="1"/>
      <c r="C495" s="1"/>
      <c r="D495" s="1"/>
      <c r="E495" s="1"/>
      <c r="F495" s="1"/>
      <c r="G495" s="1"/>
      <c r="H495" s="1"/>
      <c r="I495" s="1"/>
      <c r="J495" s="1"/>
      <c r="K495" s="1"/>
      <c r="L495" s="1"/>
    </row>
    <row r="496" spans="2:14" x14ac:dyDescent="0.2">
      <c r="B496" s="1"/>
      <c r="C496" s="1"/>
      <c r="D496" s="1"/>
      <c r="E496" s="1"/>
      <c r="F496" s="1"/>
      <c r="G496" s="1"/>
      <c r="H496" s="1"/>
      <c r="I496" s="1"/>
      <c r="J496" s="1"/>
      <c r="K496" s="1"/>
      <c r="L496" s="1"/>
      <c r="N496" s="7" t="s">
        <v>2</v>
      </c>
    </row>
    <row r="497" spans="2:14" x14ac:dyDescent="0.2">
      <c r="B497" s="1"/>
      <c r="C497" s="1"/>
      <c r="D497" s="1"/>
      <c r="E497" s="1"/>
      <c r="F497" s="1"/>
      <c r="G497" s="1"/>
      <c r="H497" s="1"/>
      <c r="I497" s="1"/>
      <c r="J497" s="1"/>
      <c r="K497" s="1"/>
      <c r="L497" s="1"/>
      <c r="N497" s="7" t="s">
        <v>3</v>
      </c>
    </row>
    <row r="498" spans="2:14" x14ac:dyDescent="0.2">
      <c r="B498" s="1"/>
      <c r="C498" s="1"/>
      <c r="D498" s="1"/>
      <c r="E498" s="1"/>
      <c r="F498" s="1"/>
      <c r="G498" s="1"/>
      <c r="H498" s="1"/>
      <c r="I498" s="1"/>
      <c r="J498" s="1"/>
      <c r="K498" s="1"/>
      <c r="L498" s="1"/>
    </row>
    <row r="499" spans="2:14" x14ac:dyDescent="0.2">
      <c r="B499" s="1"/>
      <c r="C499" s="1"/>
      <c r="D499" s="1"/>
      <c r="E499" s="1"/>
      <c r="F499" s="1"/>
      <c r="G499" s="1"/>
      <c r="H499" s="1"/>
      <c r="I499" s="1"/>
      <c r="J499" s="1"/>
      <c r="K499" s="1"/>
      <c r="L499" s="1"/>
    </row>
    <row r="500" spans="2:14" x14ac:dyDescent="0.2">
      <c r="B500" s="22"/>
      <c r="L500" s="22"/>
    </row>
    <row r="501" spans="2:14" x14ac:dyDescent="0.2">
      <c r="B501" s="22"/>
      <c r="L501" s="22"/>
    </row>
    <row r="502" spans="2:14" x14ac:dyDescent="0.2">
      <c r="B502" s="22"/>
      <c r="L502" s="22"/>
    </row>
    <row r="503" spans="2:14" x14ac:dyDescent="0.2">
      <c r="B503" s="22"/>
      <c r="L503" s="22"/>
    </row>
    <row r="504" spans="2:14" x14ac:dyDescent="0.2">
      <c r="B504" s="22"/>
      <c r="L504" s="22"/>
    </row>
    <row r="505" spans="2:14" x14ac:dyDescent="0.2">
      <c r="B505" s="22"/>
      <c r="L505" s="22"/>
    </row>
    <row r="506" spans="2:14" x14ac:dyDescent="0.2">
      <c r="B506" s="22"/>
      <c r="L506" s="22"/>
    </row>
    <row r="507" spans="2:14" x14ac:dyDescent="0.2">
      <c r="B507" s="22"/>
      <c r="L507" s="22"/>
    </row>
    <row r="508" spans="2:14" x14ac:dyDescent="0.2">
      <c r="B508" s="22"/>
      <c r="L508" s="22"/>
    </row>
    <row r="509" spans="2:14" x14ac:dyDescent="0.2">
      <c r="B509" s="22"/>
      <c r="L509" s="22"/>
    </row>
    <row r="510" spans="2:14" x14ac:dyDescent="0.2">
      <c r="B510" s="22"/>
      <c r="L510" s="22"/>
    </row>
    <row r="511" spans="2:14" x14ac:dyDescent="0.2">
      <c r="B511" s="22"/>
      <c r="L511" s="22"/>
    </row>
    <row r="512" spans="2:14" x14ac:dyDescent="0.2">
      <c r="B512" s="22"/>
      <c r="L512" s="22"/>
    </row>
    <row r="513" spans="2:12" x14ac:dyDescent="0.2">
      <c r="B513" s="22"/>
      <c r="L513" s="22"/>
    </row>
    <row r="514" spans="2:12" x14ac:dyDescent="0.2">
      <c r="B514" s="22"/>
      <c r="L514" s="22"/>
    </row>
    <row r="515" spans="2:12" x14ac:dyDescent="0.2">
      <c r="B515" s="22"/>
      <c r="L515" s="22"/>
    </row>
    <row r="516" spans="2:12" x14ac:dyDescent="0.2">
      <c r="B516" s="22"/>
      <c r="L516" s="22"/>
    </row>
    <row r="517" spans="2:12" x14ac:dyDescent="0.2">
      <c r="B517" s="22"/>
      <c r="L517" s="22"/>
    </row>
    <row r="518" spans="2:12" x14ac:dyDescent="0.2">
      <c r="B518" s="22"/>
      <c r="L518" s="22"/>
    </row>
    <row r="519" spans="2:12" x14ac:dyDescent="0.2">
      <c r="B519" s="22"/>
      <c r="L519" s="22"/>
    </row>
    <row r="520" spans="2:12" x14ac:dyDescent="0.2">
      <c r="B520" s="22"/>
      <c r="L520" s="22"/>
    </row>
    <row r="521" spans="2:12" x14ac:dyDescent="0.2">
      <c r="B521" s="22"/>
      <c r="L521" s="22"/>
    </row>
    <row r="522" spans="2:12" x14ac:dyDescent="0.2">
      <c r="B522" s="22"/>
      <c r="L522" s="22"/>
    </row>
    <row r="523" spans="2:12" x14ac:dyDescent="0.2">
      <c r="B523" s="22"/>
      <c r="L523" s="22"/>
    </row>
    <row r="524" spans="2:12" x14ac:dyDescent="0.2">
      <c r="B524" s="22"/>
      <c r="L524" s="22"/>
    </row>
    <row r="525" spans="2:12" x14ac:dyDescent="0.2">
      <c r="B525" s="22"/>
      <c r="L525" s="22"/>
    </row>
    <row r="526" spans="2:12" x14ac:dyDescent="0.2">
      <c r="B526" s="22"/>
      <c r="L526" s="22"/>
    </row>
    <row r="527" spans="2:12" x14ac:dyDescent="0.2">
      <c r="B527" s="22"/>
      <c r="L527" s="22"/>
    </row>
    <row r="528" spans="2:12" x14ac:dyDescent="0.2">
      <c r="B528" s="22"/>
      <c r="L528" s="22"/>
    </row>
    <row r="529" spans="2:12" x14ac:dyDescent="0.2">
      <c r="B529" s="22"/>
      <c r="L529" s="22"/>
    </row>
    <row r="530" spans="2:12" x14ac:dyDescent="0.2">
      <c r="B530" s="22"/>
      <c r="L530" s="22"/>
    </row>
    <row r="531" spans="2:12" x14ac:dyDescent="0.2">
      <c r="B531" s="22"/>
      <c r="L531" s="22"/>
    </row>
    <row r="532" spans="2:12" x14ac:dyDescent="0.2">
      <c r="B532" s="22"/>
      <c r="L532" s="22"/>
    </row>
    <row r="533" spans="2:12" x14ac:dyDescent="0.2">
      <c r="B533" s="22"/>
      <c r="L533" s="22"/>
    </row>
    <row r="534" spans="2:12" x14ac:dyDescent="0.2">
      <c r="B534" s="22"/>
      <c r="L534" s="22"/>
    </row>
    <row r="535" spans="2:12" x14ac:dyDescent="0.2">
      <c r="B535" s="22"/>
      <c r="L535" s="22"/>
    </row>
    <row r="536" spans="2:12" x14ac:dyDescent="0.2">
      <c r="B536" s="22"/>
      <c r="L536" s="22"/>
    </row>
    <row r="537" spans="2:12" x14ac:dyDescent="0.2">
      <c r="B537" s="22"/>
      <c r="L537" s="22"/>
    </row>
    <row r="538" spans="2:12" x14ac:dyDescent="0.2">
      <c r="B538" s="22"/>
      <c r="L538" s="22"/>
    </row>
    <row r="539" spans="2:12" x14ac:dyDescent="0.2">
      <c r="B539" s="22"/>
      <c r="L539" s="22"/>
    </row>
    <row r="540" spans="2:12" x14ac:dyDescent="0.2">
      <c r="B540" s="22"/>
      <c r="L540" s="22"/>
    </row>
    <row r="541" spans="2:12" x14ac:dyDescent="0.2">
      <c r="B541" s="22"/>
      <c r="L541" s="22"/>
    </row>
    <row r="542" spans="2:12" x14ac:dyDescent="0.2">
      <c r="B542" s="22"/>
      <c r="L542" s="22"/>
    </row>
    <row r="543" spans="2:12" x14ac:dyDescent="0.2">
      <c r="B543" s="22"/>
      <c r="L543" s="22"/>
    </row>
    <row r="544" spans="2:12" x14ac:dyDescent="0.2">
      <c r="B544" s="22"/>
      <c r="L544" s="22"/>
    </row>
    <row r="545" spans="2:12" x14ac:dyDescent="0.2">
      <c r="B545" s="22"/>
      <c r="L545" s="22"/>
    </row>
    <row r="546" spans="2:12" x14ac:dyDescent="0.2">
      <c r="B546" s="22"/>
      <c r="L546" s="22"/>
    </row>
    <row r="547" spans="2:12" x14ac:dyDescent="0.2">
      <c r="B547" s="22"/>
      <c r="L547" s="22"/>
    </row>
    <row r="548" spans="2:12" x14ac:dyDescent="0.2">
      <c r="B548" s="22"/>
      <c r="L548" s="22"/>
    </row>
    <row r="549" spans="2:12" x14ac:dyDescent="0.2">
      <c r="B549" s="22"/>
      <c r="L549" s="22"/>
    </row>
    <row r="550" spans="2:12" x14ac:dyDescent="0.2">
      <c r="B550" s="22"/>
      <c r="L550" s="22"/>
    </row>
    <row r="551" spans="2:12" x14ac:dyDescent="0.2">
      <c r="B551" s="22"/>
      <c r="L551" s="22"/>
    </row>
    <row r="552" spans="2:12" x14ac:dyDescent="0.2">
      <c r="B552" s="22"/>
      <c r="L552" s="22"/>
    </row>
    <row r="553" spans="2:12" x14ac:dyDescent="0.2">
      <c r="B553" s="22"/>
      <c r="L553" s="22"/>
    </row>
    <row r="554" spans="2:12" x14ac:dyDescent="0.2">
      <c r="B554" s="22"/>
      <c r="L554" s="22"/>
    </row>
    <row r="555" spans="2:12" x14ac:dyDescent="0.2">
      <c r="B555" s="22"/>
      <c r="L555" s="22"/>
    </row>
    <row r="556" spans="2:12" x14ac:dyDescent="0.2">
      <c r="B556" s="22"/>
      <c r="L556" s="22"/>
    </row>
    <row r="557" spans="2:12" x14ac:dyDescent="0.2">
      <c r="B557" s="22"/>
      <c r="L557" s="22"/>
    </row>
    <row r="558" spans="2:12" x14ac:dyDescent="0.2">
      <c r="B558" s="22"/>
      <c r="L558" s="22"/>
    </row>
    <row r="559" spans="2:12" x14ac:dyDescent="0.2">
      <c r="B559" s="22"/>
      <c r="L559" s="22"/>
    </row>
    <row r="560" spans="2:12" x14ac:dyDescent="0.2">
      <c r="B560" s="22"/>
      <c r="L560" s="22"/>
    </row>
    <row r="561" spans="2:12" x14ac:dyDescent="0.2">
      <c r="B561" s="22"/>
      <c r="L561" s="22"/>
    </row>
    <row r="562" spans="2:12" x14ac:dyDescent="0.2">
      <c r="B562" s="22"/>
      <c r="L562" s="22"/>
    </row>
    <row r="563" spans="2:12" x14ac:dyDescent="0.2">
      <c r="B563" s="22"/>
      <c r="L563" s="22"/>
    </row>
    <row r="564" spans="2:12" x14ac:dyDescent="0.2">
      <c r="B564" s="22"/>
      <c r="L564" s="22"/>
    </row>
    <row r="565" spans="2:12" x14ac:dyDescent="0.2">
      <c r="B565" s="22"/>
      <c r="L565" s="22"/>
    </row>
    <row r="566" spans="2:12" x14ac:dyDescent="0.2">
      <c r="B566" s="22"/>
      <c r="L566" s="22"/>
    </row>
    <row r="567" spans="2:12" x14ac:dyDescent="0.2">
      <c r="B567" s="22"/>
      <c r="L567" s="22"/>
    </row>
    <row r="568" spans="2:12" x14ac:dyDescent="0.2">
      <c r="B568" s="22"/>
      <c r="L568" s="22"/>
    </row>
    <row r="569" spans="2:12" x14ac:dyDescent="0.2">
      <c r="B569" s="22"/>
      <c r="L569" s="22"/>
    </row>
    <row r="570" spans="2:12" x14ac:dyDescent="0.2">
      <c r="B570" s="22"/>
      <c r="L570" s="22"/>
    </row>
    <row r="571" spans="2:12" x14ac:dyDescent="0.2">
      <c r="B571" s="22"/>
      <c r="L571" s="22"/>
    </row>
    <row r="572" spans="2:12" x14ac:dyDescent="0.2">
      <c r="B572" s="22"/>
      <c r="L572" s="22"/>
    </row>
    <row r="573" spans="2:12" x14ac:dyDescent="0.2">
      <c r="B573" s="22"/>
      <c r="L573" s="22"/>
    </row>
    <row r="574" spans="2:12" x14ac:dyDescent="0.2">
      <c r="B574" s="22"/>
      <c r="L574" s="22"/>
    </row>
    <row r="575" spans="2:12" x14ac:dyDescent="0.2">
      <c r="B575" s="22"/>
      <c r="L575" s="22"/>
    </row>
    <row r="576" spans="2:12" x14ac:dyDescent="0.2">
      <c r="B576" s="22"/>
      <c r="L576" s="22"/>
    </row>
    <row r="577" spans="2:12" x14ac:dyDescent="0.2">
      <c r="B577" s="22"/>
      <c r="L577" s="22"/>
    </row>
    <row r="578" spans="2:12" x14ac:dyDescent="0.2">
      <c r="B578" s="22"/>
      <c r="L578" s="22"/>
    </row>
    <row r="579" spans="2:12" x14ac:dyDescent="0.2">
      <c r="B579" s="22"/>
      <c r="L579" s="22"/>
    </row>
    <row r="580" spans="2:12" x14ac:dyDescent="0.2">
      <c r="B580" s="22"/>
      <c r="L580" s="22"/>
    </row>
    <row r="581" spans="2:12" x14ac:dyDescent="0.2">
      <c r="B581" s="22"/>
      <c r="L581" s="22"/>
    </row>
    <row r="582" spans="2:12" x14ac:dyDescent="0.2">
      <c r="B582" s="22"/>
      <c r="L582" s="22"/>
    </row>
    <row r="583" spans="2:12" x14ac:dyDescent="0.2">
      <c r="B583" s="22"/>
      <c r="L583" s="22"/>
    </row>
    <row r="584" spans="2:12" x14ac:dyDescent="0.2">
      <c r="B584" s="22"/>
      <c r="L584" s="22"/>
    </row>
    <row r="585" spans="2:12" x14ac:dyDescent="0.2">
      <c r="B585" s="22"/>
      <c r="L585" s="22"/>
    </row>
    <row r="586" spans="2:12" x14ac:dyDescent="0.2">
      <c r="B586" s="22"/>
      <c r="L586" s="22"/>
    </row>
    <row r="587" spans="2:12" x14ac:dyDescent="0.2">
      <c r="B587" s="22"/>
      <c r="L587" s="22"/>
    </row>
    <row r="588" spans="2:12" x14ac:dyDescent="0.2">
      <c r="B588" s="22"/>
      <c r="L588" s="22"/>
    </row>
    <row r="589" spans="2:12" x14ac:dyDescent="0.2">
      <c r="B589" s="22"/>
      <c r="L589" s="22"/>
    </row>
    <row r="590" spans="2:12" x14ac:dyDescent="0.2">
      <c r="B590" s="22"/>
      <c r="L590" s="22"/>
    </row>
    <row r="591" spans="2:12" x14ac:dyDescent="0.2">
      <c r="B591" s="22"/>
      <c r="L591" s="22"/>
    </row>
    <row r="592" spans="2:12" x14ac:dyDescent="0.2">
      <c r="B592" s="22"/>
      <c r="L592" s="22"/>
    </row>
    <row r="593" spans="2:12" x14ac:dyDescent="0.2">
      <c r="B593" s="22"/>
      <c r="L593" s="22"/>
    </row>
    <row r="594" spans="2:12" x14ac:dyDescent="0.2">
      <c r="B594" s="22"/>
      <c r="L594" s="22"/>
    </row>
    <row r="595" spans="2:12" x14ac:dyDescent="0.2">
      <c r="B595" s="22"/>
      <c r="L595" s="22"/>
    </row>
    <row r="596" spans="2:12" x14ac:dyDescent="0.2">
      <c r="B596" s="22"/>
      <c r="L596" s="22"/>
    </row>
    <row r="597" spans="2:12" x14ac:dyDescent="0.2">
      <c r="B597" s="22"/>
      <c r="L597" s="22"/>
    </row>
    <row r="598" spans="2:12" x14ac:dyDescent="0.2">
      <c r="B598" s="22"/>
      <c r="L598" s="22"/>
    </row>
    <row r="599" spans="2:12" x14ac:dyDescent="0.2">
      <c r="B599" s="22"/>
      <c r="L599" s="22"/>
    </row>
    <row r="600" spans="2:12" x14ac:dyDescent="0.2">
      <c r="B600" s="22"/>
      <c r="L600" s="22"/>
    </row>
    <row r="601" spans="2:12" x14ac:dyDescent="0.2">
      <c r="B601" s="22"/>
      <c r="L601" s="22"/>
    </row>
    <row r="602" spans="2:12" x14ac:dyDescent="0.2">
      <c r="B602" s="22"/>
      <c r="L602" s="22"/>
    </row>
    <row r="603" spans="2:12" x14ac:dyDescent="0.2">
      <c r="B603" s="22"/>
      <c r="L603" s="22"/>
    </row>
    <row r="604" spans="2:12" x14ac:dyDescent="0.2">
      <c r="B604" s="22"/>
      <c r="L604" s="22"/>
    </row>
    <row r="605" spans="2:12" x14ac:dyDescent="0.2">
      <c r="B605" s="22"/>
      <c r="L605" s="22"/>
    </row>
    <row r="606" spans="2:12" x14ac:dyDescent="0.2">
      <c r="B606" s="22"/>
      <c r="L606" s="22"/>
    </row>
    <row r="607" spans="2:12" x14ac:dyDescent="0.2">
      <c r="B607" s="22"/>
      <c r="L607" s="22"/>
    </row>
    <row r="608" spans="2:12" x14ac:dyDescent="0.2">
      <c r="B608" s="22"/>
      <c r="L608" s="22"/>
    </row>
    <row r="609" spans="2:12" x14ac:dyDescent="0.2">
      <c r="B609" s="22"/>
      <c r="L609" s="22"/>
    </row>
    <row r="610" spans="2:12" x14ac:dyDescent="0.2">
      <c r="B610" s="22"/>
      <c r="L610" s="22"/>
    </row>
    <row r="611" spans="2:12" x14ac:dyDescent="0.2">
      <c r="B611" s="22"/>
      <c r="L611" s="22"/>
    </row>
    <row r="612" spans="2:12" x14ac:dyDescent="0.2">
      <c r="B612" s="22"/>
      <c r="L612" s="22"/>
    </row>
    <row r="613" spans="2:12" x14ac:dyDescent="0.2">
      <c r="B613" s="22"/>
      <c r="L613" s="22"/>
    </row>
    <row r="614" spans="2:12" x14ac:dyDescent="0.2">
      <c r="B614" s="22"/>
      <c r="L614" s="22"/>
    </row>
    <row r="615" spans="2:12" x14ac:dyDescent="0.2">
      <c r="B615" s="22"/>
      <c r="L615" s="22"/>
    </row>
    <row r="616" spans="2:12" x14ac:dyDescent="0.2">
      <c r="B616" s="22"/>
      <c r="L616" s="22"/>
    </row>
    <row r="617" spans="2:12" x14ac:dyDescent="0.2">
      <c r="B617" s="22"/>
      <c r="L617" s="22"/>
    </row>
    <row r="618" spans="2:12" x14ac:dyDescent="0.2">
      <c r="B618" s="22"/>
      <c r="L618" s="22"/>
    </row>
    <row r="619" spans="2:12" x14ac:dyDescent="0.2">
      <c r="B619" s="22"/>
      <c r="L619" s="22"/>
    </row>
    <row r="620" spans="2:12" x14ac:dyDescent="0.2">
      <c r="B620" s="22"/>
      <c r="L620" s="22"/>
    </row>
    <row r="621" spans="2:12" x14ac:dyDescent="0.2">
      <c r="B621" s="22"/>
      <c r="L621" s="22"/>
    </row>
    <row r="622" spans="2:12" x14ac:dyDescent="0.2">
      <c r="B622" s="22"/>
      <c r="L622" s="22"/>
    </row>
    <row r="623" spans="2:12" x14ac:dyDescent="0.2">
      <c r="B623" s="22"/>
      <c r="L623" s="22"/>
    </row>
    <row r="624" spans="2:12" x14ac:dyDescent="0.2">
      <c r="B624" s="22"/>
      <c r="L624" s="22"/>
    </row>
    <row r="625" spans="2:12" x14ac:dyDescent="0.2">
      <c r="B625" s="22"/>
      <c r="L625" s="22"/>
    </row>
    <row r="626" spans="2:12" x14ac:dyDescent="0.2">
      <c r="B626" s="22"/>
      <c r="L626" s="22"/>
    </row>
    <row r="627" spans="2:12" x14ac:dyDescent="0.2">
      <c r="B627" s="22"/>
      <c r="L627" s="22"/>
    </row>
    <row r="628" spans="2:12" x14ac:dyDescent="0.2">
      <c r="B628" s="22"/>
      <c r="L628" s="22"/>
    </row>
    <row r="629" spans="2:12" x14ac:dyDescent="0.2">
      <c r="B629" s="22"/>
      <c r="L629" s="22"/>
    </row>
    <row r="630" spans="2:12" x14ac:dyDescent="0.2">
      <c r="B630" s="22"/>
      <c r="L630" s="22"/>
    </row>
    <row r="631" spans="2:12" x14ac:dyDescent="0.2">
      <c r="B631" s="22"/>
      <c r="L631" s="22"/>
    </row>
    <row r="632" spans="2:12" x14ac:dyDescent="0.2">
      <c r="B632" s="22"/>
      <c r="L632" s="22"/>
    </row>
    <row r="633" spans="2:12" x14ac:dyDescent="0.2">
      <c r="B633" s="22"/>
      <c r="L633" s="22"/>
    </row>
    <row r="634" spans="2:12" x14ac:dyDescent="0.2">
      <c r="B634" s="22"/>
      <c r="L634" s="22"/>
    </row>
    <row r="635" spans="2:12" x14ac:dyDescent="0.2">
      <c r="B635" s="22"/>
      <c r="L635" s="22"/>
    </row>
    <row r="636" spans="2:12" x14ac:dyDescent="0.2">
      <c r="B636" s="22"/>
      <c r="L636" s="22"/>
    </row>
    <row r="637" spans="2:12" x14ac:dyDescent="0.2">
      <c r="B637" s="22"/>
      <c r="L637" s="22"/>
    </row>
    <row r="638" spans="2:12" x14ac:dyDescent="0.2">
      <c r="B638" s="22"/>
      <c r="L638" s="22"/>
    </row>
    <row r="639" spans="2:12" x14ac:dyDescent="0.2">
      <c r="B639" s="22"/>
      <c r="L639" s="22"/>
    </row>
    <row r="640" spans="2:12" x14ac:dyDescent="0.2">
      <c r="B640" s="22"/>
      <c r="L640" s="22"/>
    </row>
    <row r="641" spans="2:12" x14ac:dyDescent="0.2">
      <c r="B641" s="22"/>
      <c r="L641" s="22"/>
    </row>
    <row r="642" spans="2:12" x14ac:dyDescent="0.2">
      <c r="B642" s="22"/>
      <c r="L642" s="22"/>
    </row>
  </sheetData>
  <sheetProtection algorithmName="SHA-512" hashValue="dRKkEZEWl0vBwIhfQmP1frC9bTnAvFF7fvEuXsDSa0bUD4LHVUGZ6S1rvd61ty751NSsQhugRSf++SQph6KE7Q==" saltValue="xN3FJWfFsuo87hY+XjHp5Q==" spinCount="100000" sheet="1" objects="1" scenarios="1" selectLockedCells="1" autoFilter="0"/>
  <customSheetViews>
    <customSheetView guid="{67FFD9AE-B4FE-4D55-B0D5-8B269AAA467F}">
      <pageMargins left="0.78740157480314965" right="0.35433070866141736" top="0.19685039370078741" bottom="0.19685039370078741" header="0" footer="0"/>
      <pageSetup paperSize="9" scale="77" orientation="portrait" r:id="rId1"/>
    </customSheetView>
  </customSheetViews>
  <mergeCells count="42">
    <mergeCell ref="B103:AI103"/>
    <mergeCell ref="D86:W86"/>
    <mergeCell ref="Z25:AF25"/>
    <mergeCell ref="D93:W93"/>
    <mergeCell ref="D38:W38"/>
    <mergeCell ref="F30:Y30"/>
    <mergeCell ref="C34:I34"/>
    <mergeCell ref="C32:Y32"/>
    <mergeCell ref="D36:W36"/>
    <mergeCell ref="D60:W60"/>
    <mergeCell ref="D52:W52"/>
    <mergeCell ref="C21:O21"/>
    <mergeCell ref="B27:AH27"/>
    <mergeCell ref="B28:AH28"/>
    <mergeCell ref="D44:W44"/>
    <mergeCell ref="D46:W46"/>
    <mergeCell ref="C23:O23"/>
    <mergeCell ref="AB36:AH42"/>
    <mergeCell ref="AB44:AH99"/>
    <mergeCell ref="D95:W95"/>
    <mergeCell ref="D62:W62"/>
    <mergeCell ref="D68:W68"/>
    <mergeCell ref="D70:W70"/>
    <mergeCell ref="D76:W76"/>
    <mergeCell ref="D78:W78"/>
    <mergeCell ref="D54:W54"/>
    <mergeCell ref="D84:W84"/>
    <mergeCell ref="AU20:BA20"/>
    <mergeCell ref="AN9:AT9"/>
    <mergeCell ref="AN11:AT11"/>
    <mergeCell ref="AN13:AT13"/>
    <mergeCell ref="AN15:AT15"/>
    <mergeCell ref="B2:AH2"/>
    <mergeCell ref="B4:AH4"/>
    <mergeCell ref="B18:AH18"/>
    <mergeCell ref="D6:AH6"/>
    <mergeCell ref="D8:AH8"/>
    <mergeCell ref="D10:AH10"/>
    <mergeCell ref="D12:AH12"/>
    <mergeCell ref="D14:AH14"/>
    <mergeCell ref="D16:Q16"/>
    <mergeCell ref="X16:AH16"/>
  </mergeCells>
  <pageMargins left="0.70866141732283472" right="0.70866141732283472" top="0.55118110236220474" bottom="0.35433070866141736" header="0.31496062992125984" footer="0.31496062992125984"/>
  <pageSetup paperSize="9" scale="86" fitToHeight="0" orientation="portrait" r:id="rId2"/>
  <headerFooter>
    <oddFooter>&amp;L&amp;1#&amp;"Calibri"&amp;10&amp;K000000Classification: Private</oddFooter>
  </headerFooter>
  <rowBreaks count="1" manualBreakCount="1">
    <brk id="43" max="16383" man="1"/>
  </rowBreaks>
  <drawing r:id="rId3"/>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600-000000000000}">
  <sheetPr codeName="Sheet6">
    <pageSetUpPr fitToPage="1"/>
  </sheetPr>
  <dimension ref="A1:AT707"/>
  <sheetViews>
    <sheetView showGridLines="0" zoomScale="90" zoomScaleNormal="90" zoomScaleSheetLayoutView="55" workbookViewId="0">
      <selection activeCell="B6" sqref="B6"/>
    </sheetView>
  </sheetViews>
  <sheetFormatPr defaultColWidth="9.140625" defaultRowHeight="12.75" x14ac:dyDescent="0.2"/>
  <cols>
    <col min="1" max="1" width="1.28515625" style="39" customWidth="1"/>
    <col min="2" max="2" width="3.140625" style="44" customWidth="1"/>
    <col min="3" max="36" width="3.140625" style="34" customWidth="1"/>
    <col min="37" max="37" width="3.140625" style="45" customWidth="1"/>
    <col min="38" max="16384" width="9.140625" style="7"/>
  </cols>
  <sheetData>
    <row r="1" spans="1:46" ht="80.099999999999994" customHeight="1" x14ac:dyDescent="0.2">
      <c r="A1" s="7"/>
      <c r="B1" s="22"/>
      <c r="C1" s="22"/>
      <c r="D1" s="22"/>
      <c r="E1" s="22"/>
      <c r="F1" s="22"/>
      <c r="G1" s="22"/>
      <c r="H1" s="22"/>
      <c r="I1" s="22"/>
      <c r="J1" s="22"/>
      <c r="K1" s="22"/>
      <c r="L1" s="22"/>
      <c r="M1" s="22"/>
      <c r="N1" s="22"/>
      <c r="O1" s="22"/>
      <c r="P1" s="22"/>
      <c r="Q1" s="22"/>
      <c r="R1" s="22"/>
      <c r="S1" s="22"/>
      <c r="T1" s="22"/>
      <c r="U1" s="22"/>
      <c r="V1" s="7"/>
      <c r="W1" s="68"/>
      <c r="X1" s="23"/>
      <c r="Y1" s="23"/>
      <c r="Z1" s="23"/>
      <c r="AA1" s="23"/>
      <c r="AB1" s="23"/>
      <c r="AC1" s="23"/>
      <c r="AD1" s="23"/>
      <c r="AE1" s="23"/>
      <c r="AF1" s="23"/>
      <c r="AG1" s="23"/>
      <c r="AH1" s="23"/>
      <c r="AI1" s="7"/>
      <c r="AJ1" s="23"/>
      <c r="AK1" s="23"/>
      <c r="AL1" s="23"/>
      <c r="AM1" s="23"/>
      <c r="AN1" s="23"/>
      <c r="AO1" s="23"/>
      <c r="AP1" s="23"/>
      <c r="AQ1" s="23"/>
      <c r="AR1" s="23"/>
      <c r="AS1" s="23"/>
      <c r="AT1" s="113"/>
    </row>
    <row r="2" spans="1:46" ht="36.75" customHeight="1" thickBot="1" x14ac:dyDescent="0.25">
      <c r="B2" s="25" t="s">
        <v>184</v>
      </c>
      <c r="C2" s="6"/>
      <c r="D2" s="6"/>
      <c r="E2" s="6"/>
      <c r="F2" s="6"/>
      <c r="G2" s="6"/>
      <c r="H2" s="6"/>
      <c r="I2" s="6"/>
      <c r="J2" s="6"/>
      <c r="K2" s="6"/>
      <c r="L2" s="6"/>
      <c r="M2" s="6"/>
      <c r="N2" s="6"/>
      <c r="O2" s="6"/>
      <c r="P2" s="6"/>
      <c r="Q2" s="6"/>
      <c r="R2" s="6"/>
      <c r="S2" s="6"/>
      <c r="T2" s="6"/>
      <c r="U2" s="6"/>
      <c r="V2" s="6"/>
      <c r="W2" s="6"/>
      <c r="X2" s="6"/>
      <c r="Y2" s="6"/>
      <c r="Z2" s="6"/>
      <c r="AA2" s="6"/>
      <c r="AB2" s="6"/>
      <c r="AC2" s="6"/>
      <c r="AD2" s="6"/>
      <c r="AE2" s="6"/>
      <c r="AF2" s="6"/>
      <c r="AG2" s="6"/>
      <c r="AH2" s="6"/>
      <c r="AI2" s="6"/>
      <c r="AJ2" s="6"/>
      <c r="AK2" s="6"/>
      <c r="AL2" s="22"/>
    </row>
    <row r="3" spans="1:46" ht="6.75" customHeight="1" x14ac:dyDescent="0.2">
      <c r="A3" s="34"/>
      <c r="B3" s="27"/>
      <c r="C3" s="27"/>
      <c r="D3" s="27"/>
      <c r="E3" s="40"/>
      <c r="F3" s="27"/>
      <c r="G3" s="27"/>
      <c r="H3" s="27"/>
      <c r="I3" s="27"/>
      <c r="J3" s="27"/>
      <c r="K3" s="27"/>
      <c r="L3" s="27"/>
      <c r="M3" s="27"/>
      <c r="N3" s="27"/>
      <c r="O3" s="27"/>
      <c r="P3" s="27"/>
      <c r="Q3" s="27"/>
      <c r="R3" s="27"/>
      <c r="S3" s="27"/>
      <c r="T3" s="27"/>
      <c r="U3" s="27"/>
      <c r="V3" s="27"/>
      <c r="W3" s="27"/>
      <c r="X3" s="27"/>
      <c r="Y3" s="27"/>
      <c r="Z3" s="27"/>
      <c r="AA3" s="27"/>
      <c r="AB3" s="27"/>
      <c r="AC3" s="27"/>
      <c r="AE3" s="41"/>
      <c r="AF3" s="41"/>
      <c r="AG3" s="41"/>
      <c r="AH3" s="1"/>
      <c r="AK3" s="34"/>
      <c r="AL3" s="37"/>
      <c r="AM3" s="37"/>
      <c r="AN3" s="37"/>
      <c r="AO3" s="37"/>
      <c r="AP3" s="37"/>
    </row>
    <row r="4" spans="1:46" ht="24.95" customHeight="1" x14ac:dyDescent="0.2">
      <c r="A4" s="7"/>
      <c r="B4" s="46" t="s">
        <v>183</v>
      </c>
      <c r="C4" s="42"/>
      <c r="D4" s="42"/>
      <c r="E4" s="42"/>
      <c r="F4" s="42"/>
      <c r="G4" s="42"/>
      <c r="H4" s="42"/>
      <c r="I4" s="42"/>
      <c r="J4" s="42"/>
      <c r="K4" s="42"/>
      <c r="L4" s="42"/>
      <c r="M4" s="42"/>
      <c r="N4" s="42"/>
      <c r="O4" s="42"/>
      <c r="P4" s="42"/>
      <c r="Q4" s="42"/>
      <c r="R4" s="42"/>
      <c r="S4" s="42"/>
      <c r="T4" s="42"/>
      <c r="U4" s="42"/>
      <c r="V4" s="42"/>
      <c r="W4" s="42"/>
      <c r="X4" s="42"/>
      <c r="Y4" s="42"/>
      <c r="Z4" s="42"/>
      <c r="AA4" s="42"/>
      <c r="AB4" s="42"/>
      <c r="AC4" s="42"/>
      <c r="AD4" s="42"/>
      <c r="AE4" s="42"/>
      <c r="AF4" s="42"/>
      <c r="AG4" s="42"/>
      <c r="AH4" s="42"/>
      <c r="AI4" s="42"/>
      <c r="AJ4" s="42"/>
      <c r="AK4" s="42"/>
    </row>
    <row r="5" spans="1:46" ht="15" customHeight="1" x14ac:dyDescent="0.2">
      <c r="A5" s="34"/>
      <c r="B5" s="40"/>
      <c r="C5" s="27"/>
      <c r="D5" s="27"/>
      <c r="E5" s="27"/>
      <c r="F5" s="43"/>
      <c r="G5" s="178"/>
      <c r="H5" s="178"/>
      <c r="I5" s="178"/>
      <c r="J5" s="178"/>
      <c r="K5" s="178"/>
      <c r="L5" s="178"/>
      <c r="M5" s="178"/>
      <c r="N5" s="178"/>
      <c r="O5" s="178"/>
      <c r="P5" s="178"/>
      <c r="Q5" s="178"/>
      <c r="R5" s="178"/>
      <c r="S5" s="178"/>
      <c r="T5" s="178"/>
      <c r="U5" s="178"/>
      <c r="V5" s="178"/>
      <c r="W5" s="178"/>
      <c r="X5" s="178"/>
      <c r="Y5" s="178"/>
      <c r="Z5" s="178"/>
      <c r="AA5" s="178"/>
      <c r="AB5" s="178"/>
      <c r="AC5" s="43"/>
      <c r="AD5" s="43"/>
      <c r="AE5" s="43"/>
      <c r="AF5" s="43"/>
      <c r="AG5" s="43"/>
      <c r="AH5" s="43"/>
      <c r="AI5" s="43"/>
      <c r="AJ5" s="43"/>
      <c r="AK5" s="27"/>
      <c r="AL5" s="38"/>
      <c r="AM5" s="38"/>
      <c r="AN5" s="38"/>
      <c r="AO5" s="38"/>
      <c r="AP5" s="38"/>
    </row>
    <row r="6" spans="1:46" ht="20.100000000000001" customHeight="1" x14ac:dyDescent="0.2">
      <c r="A6" s="34"/>
      <c r="B6" s="78"/>
      <c r="C6" s="114" t="s">
        <v>198</v>
      </c>
      <c r="E6" s="40"/>
      <c r="AC6" s="27"/>
      <c r="AD6" s="27"/>
      <c r="AE6" s="40"/>
      <c r="AF6" s="40"/>
      <c r="AK6" s="34"/>
      <c r="AL6" s="38"/>
      <c r="AM6" s="38"/>
      <c r="AN6" s="38"/>
      <c r="AO6" s="38"/>
      <c r="AP6" s="38"/>
    </row>
    <row r="7" spans="1:46" ht="3" customHeight="1" x14ac:dyDescent="0.2">
      <c r="A7" s="34"/>
      <c r="B7" s="27"/>
      <c r="C7" s="180"/>
      <c r="E7" s="40"/>
      <c r="F7" s="27"/>
      <c r="G7" s="27"/>
      <c r="H7" s="27"/>
      <c r="I7" s="27"/>
      <c r="J7" s="27"/>
      <c r="K7" s="27"/>
      <c r="L7" s="27"/>
      <c r="M7" s="27"/>
      <c r="N7" s="27"/>
      <c r="O7" s="27"/>
      <c r="P7" s="27"/>
      <c r="Q7" s="27"/>
      <c r="R7" s="27"/>
      <c r="S7" s="27"/>
      <c r="T7" s="27"/>
      <c r="U7" s="27"/>
      <c r="V7" s="27"/>
      <c r="W7" s="27"/>
      <c r="X7" s="27"/>
      <c r="Y7" s="27"/>
      <c r="Z7" s="27"/>
      <c r="AA7" s="27"/>
      <c r="AB7" s="27"/>
      <c r="AC7" s="27"/>
      <c r="AD7" s="27"/>
      <c r="AE7" s="40"/>
      <c r="AF7" s="40"/>
      <c r="AK7" s="34"/>
      <c r="AL7" s="38"/>
      <c r="AM7" s="38"/>
      <c r="AN7" s="38"/>
      <c r="AO7" s="38"/>
      <c r="AP7" s="38"/>
    </row>
    <row r="8" spans="1:46" ht="20.100000000000001" customHeight="1" x14ac:dyDescent="0.2">
      <c r="A8" s="34"/>
      <c r="B8" s="78"/>
      <c r="C8" s="114" t="s">
        <v>197</v>
      </c>
      <c r="E8" s="27"/>
      <c r="F8" s="43"/>
      <c r="G8" s="178"/>
      <c r="H8" s="178"/>
      <c r="I8" s="178"/>
      <c r="J8" s="178"/>
      <c r="K8" s="178"/>
      <c r="L8" s="178"/>
      <c r="M8" s="178"/>
      <c r="N8" s="178"/>
      <c r="O8" s="178"/>
      <c r="P8" s="178"/>
      <c r="Q8" s="178"/>
      <c r="R8" s="178"/>
      <c r="S8" s="178"/>
      <c r="T8" s="178"/>
      <c r="U8" s="178"/>
      <c r="V8" s="178"/>
      <c r="W8" s="178"/>
      <c r="X8" s="178"/>
      <c r="Y8" s="178"/>
      <c r="Z8" s="178"/>
      <c r="AA8" s="178"/>
      <c r="AB8" s="178"/>
      <c r="AC8" s="43"/>
      <c r="AD8" s="43"/>
      <c r="AE8" s="43"/>
      <c r="AF8" s="43"/>
      <c r="AG8" s="43"/>
      <c r="AH8" s="43"/>
      <c r="AI8" s="43"/>
      <c r="AJ8" s="43"/>
      <c r="AK8" s="27"/>
      <c r="AL8" s="38"/>
      <c r="AM8" s="38"/>
      <c r="AN8" s="38"/>
      <c r="AO8" s="38"/>
      <c r="AP8" s="38"/>
    </row>
    <row r="9" spans="1:46" ht="15" customHeight="1" x14ac:dyDescent="0.2">
      <c r="A9" s="34"/>
      <c r="B9" s="40"/>
      <c r="C9" s="27"/>
      <c r="D9" s="43"/>
      <c r="E9" s="27"/>
      <c r="F9" s="43"/>
      <c r="G9" s="178"/>
      <c r="H9" s="178"/>
      <c r="I9" s="178"/>
      <c r="J9" s="178"/>
      <c r="K9" s="178"/>
      <c r="L9" s="178"/>
      <c r="M9" s="178"/>
      <c r="N9" s="178"/>
      <c r="O9" s="178"/>
      <c r="P9" s="178"/>
      <c r="Q9" s="178"/>
      <c r="R9" s="178"/>
      <c r="S9" s="178"/>
      <c r="T9" s="178"/>
      <c r="U9" s="178"/>
      <c r="V9" s="178"/>
      <c r="W9" s="178"/>
      <c r="X9" s="178"/>
      <c r="Y9" s="178"/>
      <c r="Z9" s="178"/>
      <c r="AA9" s="178"/>
      <c r="AB9" s="178"/>
      <c r="AC9" s="43"/>
      <c r="AD9" s="43"/>
      <c r="AE9" s="43"/>
      <c r="AF9" s="43"/>
      <c r="AG9" s="43"/>
      <c r="AH9" s="43"/>
      <c r="AI9" s="43"/>
      <c r="AJ9" s="43"/>
      <c r="AK9" s="27"/>
      <c r="AL9" s="38"/>
      <c r="AM9" s="38"/>
      <c r="AN9" s="38"/>
      <c r="AO9" s="38"/>
      <c r="AP9" s="38"/>
    </row>
    <row r="10" spans="1:46" ht="17.100000000000001" customHeight="1" x14ac:dyDescent="0.2">
      <c r="A10" s="34"/>
      <c r="B10" s="84" t="s">
        <v>13</v>
      </c>
      <c r="C10" s="27"/>
      <c r="D10" s="27"/>
      <c r="E10" s="27"/>
      <c r="F10" s="43"/>
      <c r="G10" s="178"/>
      <c r="H10" s="178"/>
      <c r="I10" s="178"/>
      <c r="J10" s="178"/>
      <c r="K10" s="178"/>
      <c r="L10" s="178"/>
      <c r="M10" s="178"/>
      <c r="N10" s="178"/>
      <c r="O10" s="178"/>
      <c r="P10" s="178"/>
      <c r="Q10" s="178"/>
      <c r="R10" s="178"/>
      <c r="S10" s="178"/>
      <c r="T10" s="178"/>
      <c r="U10" s="178"/>
      <c r="V10" s="178"/>
      <c r="W10" s="178"/>
      <c r="X10" s="178"/>
      <c r="Y10" s="178"/>
      <c r="Z10" s="178"/>
      <c r="AA10" s="178"/>
      <c r="AB10" s="178"/>
      <c r="AC10" s="43"/>
      <c r="AD10" s="43"/>
      <c r="AE10" s="43"/>
      <c r="AF10" s="43"/>
      <c r="AG10" s="43"/>
      <c r="AH10" s="43"/>
      <c r="AI10" s="43"/>
      <c r="AJ10" s="43"/>
      <c r="AK10" s="27"/>
      <c r="AL10" s="38"/>
      <c r="AM10" s="38"/>
      <c r="AN10" s="38"/>
      <c r="AO10" s="38"/>
      <c r="AP10" s="38"/>
    </row>
    <row r="11" spans="1:46" ht="167.1" customHeight="1" x14ac:dyDescent="0.2">
      <c r="A11" s="34"/>
      <c r="B11" s="261"/>
      <c r="C11" s="262"/>
      <c r="D11" s="262"/>
      <c r="E11" s="262"/>
      <c r="F11" s="262"/>
      <c r="G11" s="262"/>
      <c r="H11" s="262"/>
      <c r="I11" s="262"/>
      <c r="J11" s="262"/>
      <c r="K11" s="262"/>
      <c r="L11" s="262"/>
      <c r="M11" s="262"/>
      <c r="N11" s="262"/>
      <c r="O11" s="262"/>
      <c r="P11" s="262"/>
      <c r="Q11" s="262"/>
      <c r="R11" s="262"/>
      <c r="S11" s="262"/>
      <c r="T11" s="262"/>
      <c r="U11" s="262"/>
      <c r="V11" s="262"/>
      <c r="W11" s="262"/>
      <c r="X11" s="262"/>
      <c r="Y11" s="262"/>
      <c r="Z11" s="262"/>
      <c r="AA11" s="262"/>
      <c r="AB11" s="262"/>
      <c r="AC11" s="262"/>
      <c r="AD11" s="262"/>
      <c r="AE11" s="262"/>
      <c r="AF11" s="262"/>
      <c r="AG11" s="262"/>
      <c r="AH11" s="262"/>
      <c r="AI11" s="262"/>
      <c r="AJ11" s="262"/>
      <c r="AK11" s="263"/>
      <c r="AL11" s="38"/>
      <c r="AM11" s="38"/>
      <c r="AN11" s="38"/>
      <c r="AO11" s="38"/>
      <c r="AP11" s="38"/>
    </row>
    <row r="12" spans="1:46" ht="3" customHeight="1" x14ac:dyDescent="0.2">
      <c r="A12" s="34"/>
      <c r="B12" s="40"/>
      <c r="C12" s="27"/>
      <c r="D12" s="27"/>
      <c r="E12" s="27"/>
      <c r="F12" s="43"/>
      <c r="G12" s="178"/>
      <c r="H12" s="178"/>
      <c r="I12" s="178"/>
      <c r="J12" s="178"/>
      <c r="K12" s="178"/>
      <c r="L12" s="178"/>
      <c r="M12" s="178"/>
      <c r="N12" s="178"/>
      <c r="O12" s="178"/>
      <c r="P12" s="178"/>
      <c r="Q12" s="178"/>
      <c r="R12" s="178"/>
      <c r="S12" s="178"/>
      <c r="T12" s="178"/>
      <c r="U12" s="178"/>
      <c r="V12" s="178"/>
      <c r="W12" s="178"/>
      <c r="X12" s="178"/>
      <c r="Y12" s="178"/>
      <c r="Z12" s="178"/>
      <c r="AA12" s="178"/>
      <c r="AB12" s="178"/>
      <c r="AC12" s="43"/>
      <c r="AD12" s="43"/>
      <c r="AE12" s="43"/>
      <c r="AF12" s="43"/>
      <c r="AG12" s="43"/>
      <c r="AH12" s="43"/>
      <c r="AI12" s="43"/>
      <c r="AJ12" s="43"/>
      <c r="AK12" s="27"/>
      <c r="AL12" s="38"/>
      <c r="AM12" s="38"/>
      <c r="AN12" s="38"/>
      <c r="AO12" s="38"/>
      <c r="AP12" s="38"/>
    </row>
    <row r="13" spans="1:46" x14ac:dyDescent="0.2">
      <c r="B13" s="1"/>
      <c r="C13" s="1"/>
      <c r="D13" s="1"/>
      <c r="E13" s="1"/>
      <c r="F13" s="1"/>
      <c r="G13" s="1"/>
      <c r="H13" s="1"/>
      <c r="I13" s="1"/>
      <c r="J13" s="1"/>
      <c r="K13" s="1"/>
      <c r="L13" s="1"/>
      <c r="M13" s="1"/>
      <c r="N13" s="1"/>
      <c r="O13" s="1"/>
      <c r="P13" s="1"/>
      <c r="Q13" s="1"/>
      <c r="R13" s="1"/>
      <c r="S13" s="1"/>
      <c r="T13" s="1"/>
      <c r="U13" s="1"/>
      <c r="V13" s="1"/>
      <c r="W13" s="1"/>
      <c r="X13" s="1"/>
      <c r="Y13" s="1"/>
      <c r="Z13" s="1"/>
      <c r="AA13" s="1"/>
      <c r="AB13" s="1"/>
      <c r="AC13" s="1"/>
      <c r="AD13" s="1"/>
      <c r="AE13" s="1"/>
      <c r="AF13" s="1"/>
      <c r="AG13" s="1"/>
      <c r="AH13" s="1"/>
      <c r="AI13" s="1"/>
      <c r="AJ13" s="1"/>
      <c r="AK13" s="1"/>
    </row>
    <row r="14" spans="1:46" x14ac:dyDescent="0.2">
      <c r="B14" s="1"/>
      <c r="C14" s="1"/>
      <c r="D14" s="1"/>
      <c r="E14" s="1"/>
      <c r="F14" s="1"/>
      <c r="G14" s="1"/>
      <c r="H14" s="1"/>
      <c r="I14" s="1"/>
      <c r="J14" s="1"/>
      <c r="K14" s="1"/>
      <c r="L14" s="1"/>
      <c r="M14" s="1"/>
      <c r="N14" s="1"/>
      <c r="O14" s="1"/>
      <c r="P14" s="1"/>
      <c r="Q14" s="1"/>
      <c r="R14" s="1"/>
      <c r="S14" s="1"/>
      <c r="T14" s="1"/>
      <c r="U14" s="1"/>
      <c r="V14" s="1"/>
      <c r="W14" s="1"/>
      <c r="X14" s="1"/>
      <c r="Y14" s="1"/>
      <c r="Z14" s="1"/>
      <c r="AA14" s="1"/>
      <c r="AB14" s="1"/>
      <c r="AC14" s="1"/>
      <c r="AD14" s="1"/>
      <c r="AE14" s="1"/>
      <c r="AF14" s="1"/>
      <c r="AG14" s="1"/>
      <c r="AH14" s="1"/>
      <c r="AI14" s="1"/>
      <c r="AJ14" s="1"/>
      <c r="AK14" s="1"/>
    </row>
    <row r="15" spans="1:46" x14ac:dyDescent="0.2">
      <c r="B15" s="1"/>
      <c r="C15" s="1"/>
      <c r="D15" s="1"/>
      <c r="E15" s="1"/>
      <c r="F15" s="1"/>
      <c r="G15" s="1"/>
      <c r="H15" s="1"/>
      <c r="I15" s="1"/>
      <c r="J15" s="1"/>
      <c r="K15" s="1"/>
      <c r="L15" s="1"/>
      <c r="M15" s="1"/>
      <c r="N15" s="1"/>
      <c r="O15" s="1"/>
      <c r="P15" s="1"/>
      <c r="Q15" s="1"/>
      <c r="R15" s="1"/>
      <c r="S15" s="1"/>
      <c r="T15" s="1"/>
      <c r="U15" s="1"/>
      <c r="V15" s="1"/>
      <c r="W15" s="1"/>
      <c r="X15" s="1"/>
      <c r="Y15" s="1"/>
      <c r="Z15" s="1"/>
      <c r="AA15" s="1"/>
      <c r="AB15" s="1"/>
      <c r="AC15" s="1"/>
      <c r="AD15" s="1"/>
      <c r="AE15" s="1"/>
      <c r="AF15" s="1"/>
      <c r="AG15" s="1"/>
      <c r="AH15" s="1"/>
      <c r="AI15" s="1"/>
      <c r="AJ15" s="1"/>
      <c r="AK15" s="1"/>
    </row>
    <row r="16" spans="1:46" x14ac:dyDescent="0.2">
      <c r="B16" s="1"/>
      <c r="C16" s="1"/>
      <c r="D16" s="1"/>
      <c r="E16" s="1"/>
      <c r="F16" s="1"/>
      <c r="G16" s="1"/>
      <c r="H16" s="1"/>
      <c r="I16" s="1"/>
      <c r="J16" s="1"/>
      <c r="K16" s="1"/>
      <c r="L16" s="1"/>
      <c r="M16" s="1"/>
      <c r="N16" s="1"/>
      <c r="O16" s="1"/>
      <c r="P16" s="1"/>
      <c r="Q16" s="1"/>
      <c r="R16" s="1"/>
      <c r="S16" s="1"/>
      <c r="T16" s="1"/>
      <c r="U16" s="1"/>
      <c r="V16" s="1"/>
      <c r="W16" s="1"/>
      <c r="X16" s="1"/>
      <c r="Y16" s="1"/>
      <c r="Z16" s="1"/>
      <c r="AA16" s="1"/>
      <c r="AB16" s="1"/>
      <c r="AC16" s="1"/>
      <c r="AD16" s="1"/>
      <c r="AE16" s="1"/>
      <c r="AF16" s="1"/>
      <c r="AG16" s="1"/>
      <c r="AH16" s="1"/>
      <c r="AI16" s="1"/>
      <c r="AJ16" s="1"/>
      <c r="AK16" s="1"/>
    </row>
    <row r="17" spans="2:37" x14ac:dyDescent="0.2">
      <c r="B17" s="1"/>
      <c r="C17" s="1"/>
      <c r="D17" s="1"/>
      <c r="E17" s="1"/>
      <c r="F17" s="1"/>
      <c r="G17" s="1"/>
      <c r="H17" s="1"/>
      <c r="I17" s="1"/>
      <c r="J17" s="1"/>
      <c r="K17" s="1"/>
      <c r="L17" s="1"/>
      <c r="M17" s="1"/>
      <c r="N17" s="1"/>
      <c r="O17" s="1"/>
      <c r="P17" s="1"/>
      <c r="Q17" s="1"/>
      <c r="R17" s="1"/>
      <c r="S17" s="1"/>
      <c r="T17" s="1"/>
      <c r="U17" s="1"/>
      <c r="V17" s="1"/>
      <c r="W17" s="1"/>
      <c r="X17" s="1"/>
      <c r="Y17" s="1"/>
      <c r="Z17" s="1"/>
      <c r="AA17" s="1"/>
      <c r="AB17" s="1"/>
      <c r="AC17" s="1"/>
      <c r="AD17" s="1"/>
      <c r="AE17" s="1"/>
      <c r="AF17" s="1"/>
      <c r="AG17" s="1"/>
      <c r="AH17" s="1"/>
      <c r="AI17" s="1"/>
      <c r="AJ17" s="1"/>
      <c r="AK17" s="1"/>
    </row>
    <row r="18" spans="2:37" x14ac:dyDescent="0.2">
      <c r="B18" s="1"/>
      <c r="C18" s="1"/>
      <c r="D18" s="1"/>
      <c r="E18" s="1"/>
      <c r="F18" s="1"/>
      <c r="G18" s="1"/>
      <c r="H18" s="1"/>
      <c r="I18" s="1"/>
      <c r="J18" s="1"/>
      <c r="K18" s="1"/>
      <c r="L18" s="1"/>
      <c r="M18" s="1"/>
      <c r="N18" s="1"/>
      <c r="O18" s="1"/>
      <c r="P18" s="1"/>
      <c r="Q18" s="1"/>
      <c r="R18" s="1"/>
      <c r="S18" s="1"/>
      <c r="T18" s="1"/>
      <c r="U18" s="1"/>
      <c r="V18" s="1"/>
      <c r="W18" s="1"/>
      <c r="X18" s="1"/>
      <c r="Y18" s="1"/>
      <c r="Z18" s="1"/>
      <c r="AA18" s="1"/>
      <c r="AB18" s="1"/>
      <c r="AC18" s="1"/>
      <c r="AD18" s="1"/>
      <c r="AE18" s="1"/>
      <c r="AF18" s="1"/>
      <c r="AG18" s="1"/>
      <c r="AH18" s="1"/>
      <c r="AI18" s="1"/>
      <c r="AJ18" s="1"/>
      <c r="AK18" s="1"/>
    </row>
    <row r="19" spans="2:37" x14ac:dyDescent="0.2">
      <c r="B19" s="1"/>
      <c r="C19" s="1"/>
      <c r="D19" s="1"/>
      <c r="E19" s="1"/>
      <c r="F19" s="1"/>
      <c r="G19" s="1"/>
      <c r="H19" s="1"/>
      <c r="I19" s="1"/>
      <c r="J19" s="1"/>
      <c r="K19" s="1"/>
      <c r="L19" s="1"/>
      <c r="M19" s="1"/>
      <c r="N19" s="1"/>
      <c r="O19" s="1"/>
      <c r="P19" s="1"/>
      <c r="Q19" s="1"/>
      <c r="R19" s="1"/>
      <c r="S19" s="1"/>
      <c r="T19" s="1"/>
      <c r="U19" s="1"/>
      <c r="V19" s="1"/>
      <c r="W19" s="1"/>
      <c r="X19" s="1"/>
      <c r="Y19" s="1"/>
      <c r="Z19" s="1"/>
      <c r="AA19" s="1"/>
      <c r="AB19" s="1"/>
      <c r="AC19" s="1"/>
      <c r="AD19" s="1"/>
      <c r="AE19" s="1"/>
      <c r="AF19" s="1"/>
      <c r="AG19" s="1"/>
      <c r="AH19" s="1"/>
      <c r="AI19" s="1"/>
      <c r="AJ19" s="1"/>
      <c r="AK19" s="1"/>
    </row>
    <row r="20" spans="2:37" x14ac:dyDescent="0.2">
      <c r="B20" s="1"/>
      <c r="C20" s="1"/>
      <c r="D20" s="1"/>
      <c r="E20" s="1"/>
      <c r="F20" s="1"/>
      <c r="G20" s="1"/>
      <c r="H20" s="1"/>
      <c r="I20" s="1"/>
      <c r="J20" s="1"/>
      <c r="K20" s="1"/>
      <c r="L20" s="1"/>
      <c r="M20" s="1"/>
      <c r="N20" s="1"/>
      <c r="O20" s="1"/>
      <c r="P20" s="1"/>
      <c r="Q20" s="1"/>
      <c r="R20" s="1"/>
      <c r="S20" s="1"/>
      <c r="T20" s="1"/>
      <c r="U20" s="1"/>
      <c r="V20" s="1"/>
      <c r="W20" s="1"/>
      <c r="X20" s="1"/>
      <c r="Y20" s="1"/>
      <c r="Z20" s="1"/>
      <c r="AA20" s="1"/>
      <c r="AB20" s="1"/>
      <c r="AC20" s="1"/>
      <c r="AD20" s="1"/>
      <c r="AE20" s="1"/>
      <c r="AF20" s="1"/>
      <c r="AG20" s="1"/>
      <c r="AH20" s="1"/>
      <c r="AI20" s="1"/>
      <c r="AJ20" s="1"/>
      <c r="AK20" s="1"/>
    </row>
    <row r="21" spans="2:37" x14ac:dyDescent="0.2">
      <c r="B21" s="1"/>
      <c r="C21" s="1"/>
      <c r="D21" s="1"/>
      <c r="E21" s="1"/>
      <c r="F21" s="1"/>
      <c r="G21" s="1"/>
      <c r="H21" s="1"/>
      <c r="I21" s="1"/>
      <c r="J21" s="1"/>
      <c r="K21" s="1"/>
      <c r="L21" s="1"/>
      <c r="M21" s="1"/>
      <c r="N21" s="1"/>
      <c r="O21" s="1"/>
      <c r="P21" s="1"/>
      <c r="Q21" s="1"/>
      <c r="R21" s="1"/>
      <c r="S21" s="1"/>
      <c r="T21" s="1"/>
      <c r="U21" s="1"/>
      <c r="V21" s="1"/>
      <c r="W21" s="1"/>
      <c r="X21" s="1"/>
      <c r="Y21" s="1"/>
      <c r="Z21" s="1"/>
      <c r="AA21" s="1"/>
      <c r="AB21" s="1"/>
      <c r="AC21" s="1"/>
      <c r="AD21" s="1"/>
      <c r="AE21" s="1"/>
      <c r="AF21" s="1"/>
      <c r="AG21" s="1"/>
      <c r="AH21" s="1"/>
      <c r="AI21" s="1"/>
      <c r="AJ21" s="1"/>
      <c r="AK21" s="1"/>
    </row>
    <row r="22" spans="2:37" x14ac:dyDescent="0.2">
      <c r="B22" s="1"/>
      <c r="C22" s="1"/>
      <c r="D22" s="1"/>
      <c r="E22" s="1"/>
      <c r="F22" s="1"/>
      <c r="G22" s="1"/>
      <c r="H22" s="1"/>
      <c r="I22" s="1"/>
      <c r="J22" s="1"/>
      <c r="K22" s="1"/>
      <c r="L22" s="1"/>
      <c r="M22" s="1"/>
      <c r="N22" s="1"/>
      <c r="O22" s="1"/>
      <c r="P22" s="1"/>
      <c r="Q22" s="1"/>
      <c r="R22" s="1"/>
      <c r="S22" s="1"/>
      <c r="T22" s="1"/>
      <c r="U22" s="1"/>
      <c r="V22" s="1"/>
      <c r="W22" s="1"/>
      <c r="X22" s="1"/>
      <c r="Y22" s="1"/>
      <c r="Z22" s="1"/>
      <c r="AA22" s="1"/>
      <c r="AB22" s="1"/>
      <c r="AC22" s="1"/>
      <c r="AD22" s="1"/>
      <c r="AE22" s="1"/>
      <c r="AF22" s="1"/>
      <c r="AG22" s="1"/>
      <c r="AH22" s="1"/>
      <c r="AI22" s="1"/>
      <c r="AJ22" s="1"/>
      <c r="AK22" s="1"/>
    </row>
    <row r="23" spans="2:37" x14ac:dyDescent="0.2">
      <c r="B23" s="1"/>
      <c r="C23" s="1"/>
      <c r="D23" s="1"/>
      <c r="E23" s="1"/>
      <c r="F23" s="1"/>
      <c r="G23" s="1"/>
      <c r="H23" s="1"/>
      <c r="I23" s="1"/>
      <c r="J23" s="1"/>
      <c r="K23" s="1"/>
      <c r="L23" s="1"/>
      <c r="M23" s="1"/>
      <c r="N23" s="1"/>
      <c r="O23" s="1"/>
      <c r="P23" s="1"/>
      <c r="Q23" s="1"/>
      <c r="R23" s="1"/>
      <c r="S23" s="1"/>
      <c r="T23" s="1"/>
      <c r="U23" s="1"/>
      <c r="V23" s="1"/>
      <c r="W23" s="1"/>
      <c r="X23" s="1"/>
      <c r="Y23" s="1"/>
      <c r="Z23" s="1"/>
      <c r="AA23" s="1"/>
      <c r="AB23" s="1"/>
      <c r="AC23" s="1"/>
      <c r="AD23" s="1"/>
      <c r="AE23" s="1"/>
      <c r="AF23" s="1"/>
      <c r="AG23" s="1"/>
      <c r="AH23" s="1"/>
      <c r="AI23" s="1"/>
      <c r="AJ23" s="1"/>
      <c r="AK23" s="1"/>
    </row>
    <row r="24" spans="2:37" x14ac:dyDescent="0.2">
      <c r="B24" s="1"/>
      <c r="C24" s="1"/>
      <c r="D24" s="1"/>
      <c r="E24" s="1"/>
      <c r="F24" s="1"/>
      <c r="G24" s="1"/>
      <c r="H24" s="1"/>
      <c r="I24" s="1"/>
      <c r="J24" s="1"/>
      <c r="K24" s="1"/>
      <c r="L24" s="1"/>
      <c r="M24" s="1"/>
      <c r="N24" s="1"/>
      <c r="O24" s="1"/>
      <c r="P24" s="1"/>
      <c r="Q24" s="1"/>
      <c r="R24" s="1"/>
      <c r="S24" s="1"/>
      <c r="T24" s="1"/>
      <c r="U24" s="1"/>
      <c r="V24" s="1"/>
      <c r="W24" s="1"/>
      <c r="X24" s="1"/>
      <c r="Y24" s="1"/>
      <c r="Z24" s="1"/>
      <c r="AA24" s="1"/>
      <c r="AB24" s="1"/>
      <c r="AC24" s="1"/>
      <c r="AD24" s="1"/>
      <c r="AE24" s="1"/>
      <c r="AF24" s="1"/>
      <c r="AG24" s="1"/>
      <c r="AH24" s="1"/>
      <c r="AI24" s="1"/>
      <c r="AJ24" s="1"/>
      <c r="AK24" s="1"/>
    </row>
    <row r="25" spans="2:37" x14ac:dyDescent="0.2">
      <c r="B25" s="1"/>
      <c r="C25" s="1"/>
      <c r="D25" s="1"/>
      <c r="E25" s="1"/>
      <c r="F25" s="1"/>
      <c r="G25" s="1"/>
      <c r="H25" s="1"/>
      <c r="I25" s="1"/>
      <c r="J25" s="1"/>
      <c r="K25" s="1"/>
      <c r="L25" s="1"/>
      <c r="M25" s="1"/>
      <c r="N25" s="1"/>
      <c r="O25" s="1"/>
      <c r="P25" s="1"/>
      <c r="Q25" s="1"/>
      <c r="R25" s="1"/>
      <c r="S25" s="1"/>
      <c r="T25" s="1"/>
      <c r="U25" s="1"/>
      <c r="V25" s="1"/>
      <c r="W25" s="1"/>
      <c r="X25" s="1"/>
      <c r="Y25" s="1"/>
      <c r="Z25" s="1"/>
      <c r="AA25" s="1"/>
      <c r="AB25" s="1"/>
      <c r="AC25" s="1"/>
      <c r="AD25" s="1"/>
      <c r="AE25" s="1"/>
      <c r="AF25" s="1"/>
      <c r="AG25" s="1"/>
      <c r="AH25" s="1"/>
      <c r="AI25" s="1"/>
      <c r="AJ25" s="1"/>
      <c r="AK25" s="1"/>
    </row>
    <row r="26" spans="2:37" x14ac:dyDescent="0.2">
      <c r="B26" s="1"/>
      <c r="C26" s="1"/>
      <c r="D26" s="1"/>
      <c r="E26" s="1"/>
      <c r="F26" s="1"/>
      <c r="G26" s="1"/>
      <c r="H26" s="1"/>
      <c r="I26" s="1"/>
      <c r="J26" s="1"/>
      <c r="K26" s="1"/>
      <c r="L26" s="1"/>
      <c r="M26" s="1"/>
      <c r="N26" s="1"/>
      <c r="O26" s="1"/>
      <c r="P26" s="1"/>
      <c r="Q26" s="1"/>
      <c r="R26" s="1"/>
      <c r="S26" s="1"/>
      <c r="T26" s="1"/>
      <c r="U26" s="1"/>
      <c r="V26" s="1"/>
      <c r="W26" s="1"/>
      <c r="X26" s="1"/>
      <c r="Y26" s="1"/>
      <c r="Z26" s="1"/>
      <c r="AA26" s="1"/>
      <c r="AB26" s="1"/>
      <c r="AC26" s="1"/>
      <c r="AD26" s="1"/>
      <c r="AE26" s="1"/>
      <c r="AF26" s="1"/>
      <c r="AG26" s="1"/>
      <c r="AH26" s="1"/>
      <c r="AI26" s="1"/>
      <c r="AJ26" s="1"/>
      <c r="AK26" s="1"/>
    </row>
    <row r="27" spans="2:37" x14ac:dyDescent="0.2">
      <c r="B27" s="1"/>
      <c r="C27" s="1"/>
      <c r="D27" s="1"/>
      <c r="E27" s="1"/>
      <c r="F27" s="1"/>
      <c r="G27" s="1"/>
      <c r="H27" s="1"/>
      <c r="I27" s="1"/>
      <c r="J27" s="1"/>
      <c r="K27" s="1"/>
      <c r="L27" s="1"/>
      <c r="M27" s="1"/>
      <c r="N27" s="1"/>
      <c r="O27" s="1"/>
      <c r="P27" s="1"/>
      <c r="Q27" s="1"/>
      <c r="R27" s="1"/>
      <c r="S27" s="1"/>
      <c r="T27" s="1"/>
      <c r="U27" s="1"/>
      <c r="V27" s="1"/>
      <c r="W27" s="1"/>
      <c r="X27" s="1"/>
      <c r="Y27" s="1"/>
      <c r="Z27" s="1"/>
      <c r="AA27" s="1"/>
      <c r="AB27" s="1"/>
      <c r="AC27" s="1"/>
      <c r="AD27" s="1"/>
      <c r="AE27" s="1"/>
      <c r="AF27" s="1"/>
      <c r="AG27" s="1"/>
      <c r="AH27" s="1"/>
      <c r="AI27" s="1"/>
      <c r="AJ27" s="1"/>
      <c r="AK27" s="1"/>
    </row>
    <row r="28" spans="2:37" x14ac:dyDescent="0.2">
      <c r="B28" s="1"/>
      <c r="C28" s="1"/>
      <c r="D28" s="1"/>
      <c r="E28" s="1"/>
      <c r="F28" s="1"/>
      <c r="G28" s="1"/>
      <c r="H28" s="1"/>
      <c r="I28" s="1"/>
      <c r="J28" s="1"/>
      <c r="K28" s="1"/>
      <c r="L28" s="1"/>
      <c r="M28" s="1"/>
      <c r="N28" s="1"/>
      <c r="O28" s="1"/>
      <c r="P28" s="1"/>
      <c r="Q28" s="1"/>
      <c r="R28" s="1"/>
      <c r="S28" s="1"/>
      <c r="T28" s="1"/>
      <c r="U28" s="1"/>
      <c r="V28" s="1"/>
      <c r="W28" s="1"/>
      <c r="X28" s="1"/>
      <c r="Y28" s="1"/>
      <c r="Z28" s="1"/>
      <c r="AA28" s="1"/>
      <c r="AB28" s="1"/>
      <c r="AC28" s="1"/>
      <c r="AD28" s="1"/>
      <c r="AE28" s="1"/>
      <c r="AF28" s="1"/>
      <c r="AG28" s="1"/>
      <c r="AH28" s="1"/>
      <c r="AI28" s="1"/>
      <c r="AJ28" s="1"/>
      <c r="AK28" s="1"/>
    </row>
    <row r="29" spans="2:37" x14ac:dyDescent="0.2">
      <c r="B29" s="1"/>
      <c r="C29" s="1"/>
      <c r="D29" s="1"/>
      <c r="E29" s="1"/>
      <c r="F29" s="1"/>
      <c r="G29" s="1"/>
      <c r="H29" s="1"/>
      <c r="I29" s="1"/>
      <c r="J29" s="1"/>
      <c r="K29" s="1"/>
      <c r="L29" s="1"/>
      <c r="M29" s="1"/>
      <c r="N29" s="1"/>
      <c r="O29" s="1"/>
      <c r="P29" s="1"/>
      <c r="Q29" s="1"/>
      <c r="R29" s="1"/>
      <c r="S29" s="1"/>
      <c r="T29" s="1"/>
      <c r="U29" s="1"/>
      <c r="V29" s="1"/>
      <c r="W29" s="1"/>
      <c r="X29" s="1"/>
      <c r="Y29" s="1"/>
      <c r="Z29" s="1"/>
      <c r="AA29" s="1"/>
      <c r="AB29" s="1"/>
      <c r="AC29" s="1"/>
      <c r="AD29" s="1"/>
      <c r="AE29" s="1"/>
      <c r="AF29" s="1"/>
      <c r="AG29" s="1"/>
      <c r="AH29" s="1"/>
      <c r="AI29" s="1"/>
      <c r="AJ29" s="1"/>
      <c r="AK29" s="1"/>
    </row>
    <row r="30" spans="2:37" x14ac:dyDescent="0.2">
      <c r="B30" s="1"/>
      <c r="C30" s="1"/>
      <c r="D30" s="1"/>
      <c r="E30" s="1"/>
      <c r="F30" s="1"/>
      <c r="G30" s="1"/>
      <c r="H30" s="1"/>
      <c r="I30" s="1"/>
      <c r="J30" s="1"/>
      <c r="K30" s="1"/>
      <c r="L30" s="1"/>
      <c r="M30" s="1"/>
      <c r="N30" s="1"/>
      <c r="O30" s="1"/>
      <c r="P30" s="1"/>
      <c r="Q30" s="1"/>
      <c r="R30" s="1"/>
      <c r="S30" s="1"/>
      <c r="T30" s="1"/>
      <c r="U30" s="1"/>
      <c r="V30" s="1"/>
      <c r="W30" s="1"/>
      <c r="X30" s="1"/>
      <c r="Y30" s="1"/>
      <c r="Z30" s="1"/>
      <c r="AA30" s="1"/>
      <c r="AB30" s="1"/>
      <c r="AC30" s="1"/>
      <c r="AD30" s="1"/>
      <c r="AE30" s="1"/>
      <c r="AF30" s="1"/>
      <c r="AG30" s="1"/>
      <c r="AH30" s="1"/>
      <c r="AI30" s="1"/>
      <c r="AJ30" s="1"/>
      <c r="AK30" s="1"/>
    </row>
    <row r="31" spans="2:37" x14ac:dyDescent="0.2">
      <c r="B31" s="1"/>
      <c r="C31" s="1"/>
      <c r="D31" s="1"/>
      <c r="E31" s="1"/>
      <c r="F31" s="1"/>
      <c r="G31" s="1"/>
      <c r="H31" s="1"/>
      <c r="I31" s="1"/>
      <c r="J31" s="1"/>
      <c r="K31" s="1"/>
      <c r="L31" s="1"/>
      <c r="M31" s="1"/>
      <c r="N31" s="1"/>
      <c r="O31" s="1"/>
      <c r="P31" s="1"/>
      <c r="Q31" s="1"/>
      <c r="R31" s="1"/>
      <c r="S31" s="1"/>
      <c r="T31" s="1"/>
      <c r="U31" s="1"/>
      <c r="V31" s="1"/>
      <c r="W31" s="1"/>
      <c r="X31" s="1"/>
      <c r="Y31" s="1"/>
      <c r="Z31" s="1"/>
      <c r="AA31" s="1"/>
      <c r="AB31" s="1"/>
      <c r="AC31" s="1"/>
      <c r="AD31" s="1"/>
      <c r="AE31" s="1"/>
      <c r="AF31" s="1"/>
      <c r="AG31" s="1"/>
      <c r="AH31" s="1"/>
      <c r="AI31" s="1"/>
      <c r="AJ31" s="1"/>
      <c r="AK31" s="1"/>
    </row>
    <row r="32" spans="2:37" x14ac:dyDescent="0.2">
      <c r="B32" s="1"/>
      <c r="C32" s="1"/>
      <c r="D32" s="1"/>
      <c r="E32" s="1"/>
      <c r="F32" s="1"/>
      <c r="G32" s="1"/>
      <c r="H32" s="1"/>
      <c r="I32" s="1"/>
      <c r="J32" s="1"/>
      <c r="K32" s="1"/>
      <c r="L32" s="1"/>
      <c r="M32" s="1"/>
      <c r="N32" s="1"/>
      <c r="O32" s="1"/>
      <c r="P32" s="1"/>
      <c r="Q32" s="1"/>
      <c r="R32" s="1"/>
      <c r="S32" s="1"/>
      <c r="T32" s="1"/>
      <c r="U32" s="1"/>
      <c r="V32" s="1"/>
      <c r="W32" s="1"/>
      <c r="X32" s="1"/>
      <c r="Y32" s="1"/>
      <c r="Z32" s="1"/>
      <c r="AA32" s="1"/>
      <c r="AB32" s="1"/>
      <c r="AC32" s="1"/>
      <c r="AD32" s="1"/>
      <c r="AE32" s="1"/>
      <c r="AF32" s="1"/>
      <c r="AG32" s="1"/>
      <c r="AH32" s="1"/>
      <c r="AI32" s="1"/>
      <c r="AJ32" s="1"/>
      <c r="AK32" s="1"/>
    </row>
    <row r="33" spans="2:37" x14ac:dyDescent="0.2">
      <c r="B33" s="1"/>
      <c r="C33" s="1"/>
      <c r="D33" s="1"/>
      <c r="E33" s="1"/>
      <c r="F33" s="1"/>
      <c r="G33" s="1"/>
      <c r="H33" s="1"/>
      <c r="I33" s="1"/>
      <c r="J33" s="1"/>
      <c r="K33" s="1"/>
      <c r="L33" s="1"/>
      <c r="M33" s="1"/>
      <c r="N33" s="1"/>
      <c r="O33" s="1"/>
      <c r="P33" s="1"/>
      <c r="Q33" s="1"/>
      <c r="R33" s="1"/>
      <c r="S33" s="1"/>
      <c r="T33" s="1"/>
      <c r="U33" s="1"/>
      <c r="V33" s="1"/>
      <c r="W33" s="1"/>
      <c r="X33" s="1"/>
      <c r="Y33" s="1"/>
      <c r="Z33" s="1"/>
      <c r="AA33" s="1"/>
      <c r="AB33" s="1"/>
      <c r="AC33" s="1"/>
      <c r="AD33" s="1"/>
      <c r="AE33" s="1"/>
      <c r="AF33" s="1"/>
      <c r="AG33" s="1"/>
      <c r="AH33" s="1"/>
      <c r="AI33" s="1"/>
      <c r="AJ33" s="1"/>
      <c r="AK33" s="1"/>
    </row>
    <row r="34" spans="2:37" x14ac:dyDescent="0.2">
      <c r="B34" s="1"/>
      <c r="C34" s="1"/>
      <c r="D34" s="1"/>
      <c r="E34" s="1"/>
      <c r="F34" s="1"/>
      <c r="G34" s="1"/>
      <c r="H34" s="1"/>
      <c r="I34" s="1"/>
      <c r="J34" s="1"/>
      <c r="K34" s="1"/>
      <c r="L34" s="1"/>
      <c r="M34" s="1"/>
      <c r="N34" s="1"/>
      <c r="O34" s="1"/>
      <c r="P34" s="1"/>
      <c r="Q34" s="1"/>
      <c r="R34" s="1"/>
      <c r="S34" s="1"/>
      <c r="T34" s="1"/>
      <c r="U34" s="1"/>
      <c r="V34" s="1"/>
      <c r="W34" s="1"/>
      <c r="X34" s="1"/>
      <c r="Y34" s="1"/>
      <c r="Z34" s="1"/>
      <c r="AA34" s="1"/>
      <c r="AB34" s="1"/>
      <c r="AC34" s="1"/>
      <c r="AD34" s="1"/>
      <c r="AE34" s="1"/>
      <c r="AF34" s="1"/>
      <c r="AG34" s="1"/>
      <c r="AH34" s="1"/>
      <c r="AI34" s="1"/>
      <c r="AJ34" s="1"/>
      <c r="AK34" s="1"/>
    </row>
    <row r="35" spans="2:37" x14ac:dyDescent="0.2">
      <c r="B35" s="1"/>
      <c r="C35" s="1"/>
      <c r="D35" s="1"/>
      <c r="E35" s="1"/>
      <c r="F35" s="1"/>
      <c r="G35" s="1"/>
      <c r="H35" s="1"/>
      <c r="I35" s="1"/>
      <c r="J35" s="1"/>
      <c r="K35" s="1"/>
      <c r="L35" s="1"/>
      <c r="M35" s="1"/>
      <c r="N35" s="1"/>
      <c r="O35" s="1"/>
      <c r="P35" s="1"/>
      <c r="Q35" s="1"/>
      <c r="R35" s="1"/>
      <c r="S35" s="1"/>
      <c r="T35" s="1"/>
      <c r="U35" s="1"/>
      <c r="V35" s="1"/>
      <c r="W35" s="1"/>
      <c r="X35" s="1"/>
      <c r="Y35" s="1"/>
      <c r="Z35" s="1"/>
      <c r="AA35" s="1"/>
      <c r="AB35" s="1"/>
      <c r="AC35" s="1"/>
      <c r="AD35" s="1"/>
      <c r="AE35" s="1"/>
      <c r="AF35" s="1"/>
      <c r="AG35" s="1"/>
      <c r="AH35" s="1"/>
      <c r="AI35" s="1"/>
      <c r="AJ35" s="1"/>
      <c r="AK35" s="1"/>
    </row>
    <row r="36" spans="2:37" x14ac:dyDescent="0.2">
      <c r="B36" s="1"/>
      <c r="C36" s="1"/>
      <c r="D36" s="1"/>
      <c r="E36" s="1"/>
      <c r="F36" s="1"/>
      <c r="G36" s="1"/>
      <c r="H36" s="1"/>
      <c r="I36" s="1"/>
      <c r="J36" s="1"/>
      <c r="K36" s="1"/>
      <c r="L36" s="1"/>
      <c r="M36" s="1"/>
      <c r="N36" s="1"/>
      <c r="O36" s="1"/>
      <c r="P36" s="1"/>
      <c r="Q36" s="1"/>
      <c r="R36" s="1"/>
      <c r="S36" s="1"/>
      <c r="T36" s="1"/>
      <c r="U36" s="1"/>
      <c r="V36" s="1"/>
      <c r="W36" s="1"/>
      <c r="X36" s="1"/>
      <c r="Y36" s="1"/>
      <c r="Z36" s="1"/>
      <c r="AA36" s="1"/>
      <c r="AB36" s="1"/>
      <c r="AC36" s="1"/>
      <c r="AD36" s="1"/>
      <c r="AE36" s="1"/>
      <c r="AF36" s="1"/>
      <c r="AG36" s="1"/>
      <c r="AH36" s="1"/>
      <c r="AI36" s="1"/>
      <c r="AJ36" s="1"/>
      <c r="AK36" s="1"/>
    </row>
    <row r="37" spans="2:37" x14ac:dyDescent="0.2">
      <c r="B37" s="1"/>
      <c r="C37" s="1"/>
      <c r="D37" s="1"/>
      <c r="E37" s="1"/>
      <c r="F37" s="1"/>
      <c r="G37" s="1"/>
      <c r="H37" s="1"/>
      <c r="I37" s="1"/>
      <c r="J37" s="1"/>
      <c r="K37" s="1"/>
      <c r="L37" s="1"/>
      <c r="M37" s="1"/>
      <c r="N37" s="1"/>
      <c r="O37" s="1"/>
      <c r="P37" s="1"/>
      <c r="Q37" s="1"/>
      <c r="R37" s="1"/>
      <c r="S37" s="1"/>
      <c r="T37" s="1"/>
      <c r="U37" s="1"/>
      <c r="V37" s="1"/>
      <c r="W37" s="1"/>
      <c r="X37" s="1"/>
      <c r="Y37" s="1"/>
      <c r="Z37" s="1"/>
      <c r="AA37" s="1"/>
      <c r="AB37" s="1"/>
      <c r="AC37" s="1"/>
      <c r="AD37" s="1"/>
      <c r="AE37" s="1"/>
      <c r="AF37" s="1"/>
      <c r="AG37" s="1"/>
      <c r="AH37" s="1"/>
      <c r="AI37" s="1"/>
      <c r="AJ37" s="1"/>
      <c r="AK37" s="1"/>
    </row>
    <row r="38" spans="2:37" x14ac:dyDescent="0.2">
      <c r="B38" s="1"/>
      <c r="C38" s="1"/>
      <c r="D38" s="1"/>
      <c r="E38" s="1"/>
      <c r="F38" s="1"/>
      <c r="G38" s="1"/>
      <c r="H38" s="1"/>
      <c r="I38" s="1"/>
      <c r="J38" s="1"/>
      <c r="K38" s="1"/>
      <c r="L38" s="1"/>
      <c r="M38" s="1"/>
      <c r="N38" s="1"/>
      <c r="O38" s="1"/>
      <c r="P38" s="1"/>
      <c r="Q38" s="1"/>
      <c r="R38" s="1"/>
      <c r="S38" s="1"/>
      <c r="T38" s="1"/>
      <c r="U38" s="1"/>
      <c r="V38" s="1"/>
      <c r="W38" s="1"/>
      <c r="X38" s="1"/>
      <c r="Y38" s="1"/>
      <c r="Z38" s="1"/>
      <c r="AA38" s="1"/>
      <c r="AB38" s="1"/>
      <c r="AC38" s="1"/>
      <c r="AD38" s="1"/>
      <c r="AE38" s="1"/>
      <c r="AF38" s="1"/>
      <c r="AG38" s="1"/>
      <c r="AH38" s="1"/>
      <c r="AI38" s="1"/>
      <c r="AJ38" s="1"/>
      <c r="AK38" s="1"/>
    </row>
    <row r="39" spans="2:37" x14ac:dyDescent="0.2">
      <c r="B39" s="1"/>
      <c r="C39" s="1"/>
      <c r="D39" s="1"/>
      <c r="E39" s="1"/>
      <c r="F39" s="1"/>
      <c r="G39" s="1"/>
      <c r="H39" s="1"/>
      <c r="I39" s="1"/>
      <c r="J39" s="1"/>
      <c r="K39" s="1"/>
      <c r="L39" s="1"/>
      <c r="M39" s="1"/>
      <c r="N39" s="1"/>
      <c r="O39" s="1"/>
      <c r="P39" s="1"/>
      <c r="Q39" s="1"/>
      <c r="R39" s="1"/>
      <c r="S39" s="1"/>
      <c r="T39" s="1"/>
      <c r="U39" s="1"/>
      <c r="V39" s="1"/>
      <c r="W39" s="1"/>
      <c r="X39" s="1"/>
      <c r="Y39" s="1"/>
      <c r="Z39" s="1"/>
      <c r="AA39" s="1"/>
      <c r="AB39" s="1"/>
      <c r="AC39" s="1"/>
      <c r="AD39" s="1"/>
      <c r="AE39" s="1"/>
      <c r="AF39" s="1"/>
      <c r="AG39" s="1"/>
      <c r="AH39" s="1"/>
      <c r="AI39" s="1"/>
      <c r="AJ39" s="1"/>
      <c r="AK39" s="1"/>
    </row>
    <row r="40" spans="2:37" x14ac:dyDescent="0.2">
      <c r="B40" s="1"/>
      <c r="C40" s="1"/>
      <c r="D40" s="1"/>
      <c r="E40" s="1"/>
      <c r="F40" s="1"/>
      <c r="G40" s="1"/>
      <c r="H40" s="1"/>
      <c r="I40" s="1"/>
      <c r="J40" s="1"/>
      <c r="K40" s="1"/>
      <c r="L40" s="1"/>
      <c r="M40" s="1"/>
      <c r="N40" s="1"/>
      <c r="O40" s="1"/>
      <c r="P40" s="1"/>
      <c r="Q40" s="1"/>
      <c r="R40" s="1"/>
      <c r="S40" s="1"/>
      <c r="T40" s="1"/>
      <c r="U40" s="1"/>
      <c r="V40" s="1"/>
      <c r="W40" s="1"/>
      <c r="X40" s="1"/>
      <c r="Y40" s="1"/>
      <c r="Z40" s="1"/>
      <c r="AA40" s="1"/>
      <c r="AB40" s="1"/>
      <c r="AC40" s="1"/>
      <c r="AD40" s="1"/>
      <c r="AE40" s="1"/>
      <c r="AF40" s="1"/>
      <c r="AG40" s="1"/>
      <c r="AH40" s="1"/>
      <c r="AI40" s="1"/>
      <c r="AJ40" s="1"/>
      <c r="AK40" s="1"/>
    </row>
    <row r="41" spans="2:37" x14ac:dyDescent="0.2">
      <c r="B41" s="1"/>
      <c r="C41" s="1"/>
      <c r="D41" s="1"/>
      <c r="E41" s="1"/>
      <c r="F41" s="1"/>
      <c r="G41" s="1"/>
      <c r="H41" s="1"/>
      <c r="I41" s="1"/>
      <c r="J41" s="1"/>
      <c r="K41" s="1"/>
      <c r="L41" s="1"/>
      <c r="M41" s="1"/>
      <c r="N41" s="1"/>
      <c r="O41" s="1"/>
      <c r="P41" s="1"/>
      <c r="Q41" s="1"/>
      <c r="R41" s="1"/>
      <c r="S41" s="1"/>
      <c r="T41" s="1"/>
      <c r="U41" s="1"/>
      <c r="V41" s="1"/>
      <c r="W41" s="1"/>
      <c r="X41" s="1"/>
      <c r="Y41" s="1"/>
      <c r="Z41" s="1"/>
      <c r="AA41" s="1"/>
      <c r="AB41" s="1"/>
      <c r="AC41" s="1"/>
      <c r="AD41" s="1"/>
      <c r="AE41" s="1"/>
      <c r="AF41" s="1"/>
      <c r="AG41" s="1"/>
      <c r="AH41" s="1"/>
      <c r="AI41" s="1"/>
      <c r="AJ41" s="1"/>
      <c r="AK41" s="1"/>
    </row>
    <row r="42" spans="2:37" x14ac:dyDescent="0.2">
      <c r="B42" s="1"/>
      <c r="C42" s="1"/>
      <c r="D42" s="1"/>
      <c r="E42" s="1"/>
      <c r="F42" s="1"/>
      <c r="G42" s="1"/>
      <c r="H42" s="1"/>
      <c r="I42" s="1"/>
      <c r="J42" s="1"/>
      <c r="K42" s="1"/>
      <c r="L42" s="1"/>
      <c r="M42" s="1"/>
      <c r="N42" s="1"/>
      <c r="O42" s="1"/>
      <c r="P42" s="1"/>
      <c r="Q42" s="1"/>
      <c r="R42" s="1"/>
      <c r="S42" s="1"/>
      <c r="T42" s="1"/>
      <c r="U42" s="1"/>
      <c r="V42" s="1"/>
      <c r="W42" s="1"/>
      <c r="X42" s="1"/>
      <c r="Y42" s="1"/>
      <c r="Z42" s="1"/>
      <c r="AA42" s="1"/>
      <c r="AB42" s="1"/>
      <c r="AC42" s="1"/>
      <c r="AD42" s="1"/>
      <c r="AE42" s="1"/>
      <c r="AF42" s="1"/>
      <c r="AG42" s="1"/>
      <c r="AH42" s="1"/>
      <c r="AI42" s="1"/>
      <c r="AJ42" s="1"/>
      <c r="AK42" s="1"/>
    </row>
    <row r="43" spans="2:37" x14ac:dyDescent="0.2">
      <c r="B43" s="1"/>
      <c r="C43" s="1"/>
      <c r="D43" s="1"/>
      <c r="E43" s="1"/>
      <c r="F43" s="1"/>
      <c r="G43" s="1"/>
      <c r="H43" s="1"/>
      <c r="I43" s="1"/>
      <c r="J43" s="1"/>
      <c r="K43" s="1"/>
      <c r="L43" s="1"/>
      <c r="M43" s="1"/>
      <c r="N43" s="1"/>
      <c r="O43" s="1"/>
      <c r="P43" s="1"/>
      <c r="Q43" s="1"/>
      <c r="R43" s="1"/>
      <c r="S43" s="1"/>
      <c r="T43" s="1"/>
      <c r="U43" s="1"/>
      <c r="V43" s="1"/>
      <c r="W43" s="1"/>
      <c r="X43" s="1"/>
      <c r="Y43" s="1"/>
      <c r="Z43" s="1"/>
      <c r="AA43" s="1"/>
      <c r="AB43" s="1"/>
      <c r="AC43" s="1"/>
      <c r="AD43" s="1"/>
      <c r="AE43" s="1"/>
      <c r="AF43" s="1"/>
      <c r="AG43" s="1"/>
      <c r="AH43" s="1"/>
      <c r="AI43" s="1"/>
      <c r="AJ43" s="1"/>
      <c r="AK43" s="1"/>
    </row>
    <row r="44" spans="2:37" x14ac:dyDescent="0.2">
      <c r="B44" s="1"/>
      <c r="C44" s="1"/>
      <c r="D44" s="1"/>
      <c r="E44" s="1"/>
      <c r="F44" s="1"/>
      <c r="G44" s="1"/>
      <c r="H44" s="1"/>
      <c r="I44" s="1"/>
      <c r="J44" s="1"/>
      <c r="K44" s="1"/>
      <c r="L44" s="1"/>
      <c r="M44" s="1"/>
      <c r="N44" s="1"/>
      <c r="O44" s="1"/>
      <c r="P44" s="1"/>
      <c r="Q44" s="1"/>
      <c r="R44" s="1"/>
      <c r="S44" s="1"/>
      <c r="T44" s="1"/>
      <c r="U44" s="1"/>
      <c r="V44" s="1"/>
      <c r="W44" s="1"/>
      <c r="X44" s="1"/>
      <c r="Y44" s="1"/>
      <c r="Z44" s="1"/>
      <c r="AA44" s="1"/>
      <c r="AB44" s="1"/>
      <c r="AC44" s="1"/>
      <c r="AD44" s="1"/>
      <c r="AE44" s="1"/>
      <c r="AF44" s="1"/>
      <c r="AG44" s="1"/>
      <c r="AH44" s="1"/>
      <c r="AI44" s="1"/>
      <c r="AJ44" s="1"/>
      <c r="AK44" s="1"/>
    </row>
    <row r="45" spans="2:37" x14ac:dyDescent="0.2">
      <c r="B45" s="1"/>
      <c r="C45" s="1"/>
      <c r="D45" s="1"/>
      <c r="E45" s="1"/>
      <c r="F45" s="1"/>
      <c r="G45" s="1"/>
      <c r="H45" s="1"/>
      <c r="I45" s="1"/>
      <c r="J45" s="1"/>
      <c r="K45" s="1"/>
      <c r="L45" s="1"/>
      <c r="M45" s="1"/>
      <c r="N45" s="1"/>
      <c r="O45" s="1"/>
      <c r="P45" s="1"/>
      <c r="Q45" s="1"/>
      <c r="R45" s="1"/>
      <c r="S45" s="1"/>
      <c r="T45" s="1"/>
      <c r="U45" s="1"/>
      <c r="V45" s="1"/>
      <c r="W45" s="1"/>
      <c r="X45" s="1"/>
      <c r="Y45" s="1"/>
      <c r="Z45" s="1"/>
      <c r="AA45" s="1"/>
      <c r="AB45" s="1"/>
      <c r="AC45" s="1"/>
      <c r="AD45" s="1"/>
      <c r="AE45" s="1"/>
      <c r="AF45" s="1"/>
      <c r="AG45" s="1"/>
      <c r="AH45" s="1"/>
      <c r="AI45" s="1"/>
      <c r="AJ45" s="1"/>
      <c r="AK45" s="1"/>
    </row>
    <row r="46" spans="2:37" x14ac:dyDescent="0.2">
      <c r="B46" s="1"/>
      <c r="C46" s="1"/>
      <c r="D46" s="1"/>
      <c r="E46" s="1"/>
      <c r="F46" s="1"/>
      <c r="G46" s="1"/>
      <c r="H46" s="1"/>
      <c r="I46" s="1"/>
      <c r="J46" s="1"/>
      <c r="K46" s="1"/>
      <c r="L46" s="1"/>
      <c r="M46" s="1"/>
      <c r="N46" s="1"/>
      <c r="O46" s="1"/>
      <c r="P46" s="1"/>
      <c r="Q46" s="1"/>
      <c r="R46" s="1"/>
      <c r="S46" s="1"/>
      <c r="T46" s="1"/>
      <c r="U46" s="1"/>
      <c r="V46" s="1"/>
      <c r="W46" s="1"/>
      <c r="X46" s="1"/>
      <c r="Y46" s="1"/>
      <c r="Z46" s="1"/>
      <c r="AA46" s="1"/>
      <c r="AB46" s="1"/>
      <c r="AC46" s="1"/>
      <c r="AD46" s="1"/>
      <c r="AE46" s="1"/>
      <c r="AF46" s="1"/>
      <c r="AG46" s="1"/>
      <c r="AH46" s="1"/>
      <c r="AI46" s="1"/>
      <c r="AJ46" s="1"/>
      <c r="AK46" s="1"/>
    </row>
    <row r="47" spans="2:37" x14ac:dyDescent="0.2">
      <c r="B47" s="1"/>
      <c r="C47" s="1"/>
      <c r="D47" s="1"/>
      <c r="E47" s="1"/>
      <c r="F47" s="1"/>
      <c r="G47" s="1"/>
      <c r="H47" s="1"/>
      <c r="I47" s="1"/>
      <c r="J47" s="1"/>
      <c r="K47" s="1"/>
      <c r="L47" s="1"/>
      <c r="M47" s="1"/>
      <c r="N47" s="1"/>
      <c r="O47" s="1"/>
      <c r="P47" s="1"/>
      <c r="Q47" s="1"/>
      <c r="R47" s="1"/>
      <c r="S47" s="1"/>
      <c r="T47" s="1"/>
      <c r="U47" s="1"/>
      <c r="V47" s="1"/>
      <c r="W47" s="1"/>
      <c r="X47" s="1"/>
      <c r="Y47" s="1"/>
      <c r="Z47" s="1"/>
      <c r="AA47" s="1"/>
      <c r="AB47" s="1"/>
      <c r="AC47" s="1"/>
      <c r="AD47" s="1"/>
      <c r="AE47" s="1"/>
      <c r="AF47" s="1"/>
      <c r="AG47" s="1"/>
      <c r="AH47" s="1"/>
      <c r="AI47" s="1"/>
      <c r="AJ47" s="1"/>
      <c r="AK47" s="1"/>
    </row>
    <row r="48" spans="2:37" x14ac:dyDescent="0.2">
      <c r="B48" s="1"/>
      <c r="C48" s="1"/>
      <c r="D48" s="1"/>
      <c r="E48" s="1"/>
      <c r="F48" s="1"/>
      <c r="G48" s="1"/>
      <c r="H48" s="1"/>
      <c r="I48" s="1"/>
      <c r="J48" s="1"/>
      <c r="K48" s="1"/>
      <c r="L48" s="1"/>
      <c r="M48" s="1"/>
      <c r="N48" s="1"/>
      <c r="O48" s="1"/>
      <c r="P48" s="1"/>
      <c r="Q48" s="1"/>
      <c r="R48" s="1"/>
      <c r="S48" s="1"/>
      <c r="T48" s="1"/>
      <c r="U48" s="1"/>
      <c r="V48" s="1"/>
      <c r="W48" s="1"/>
      <c r="X48" s="1"/>
      <c r="Y48" s="1"/>
      <c r="Z48" s="1"/>
      <c r="AA48" s="1"/>
      <c r="AB48" s="1"/>
      <c r="AC48" s="1"/>
      <c r="AD48" s="1"/>
      <c r="AE48" s="1"/>
      <c r="AF48" s="1"/>
      <c r="AG48" s="1"/>
      <c r="AH48" s="1"/>
      <c r="AI48" s="1"/>
      <c r="AJ48" s="1"/>
      <c r="AK48" s="1"/>
    </row>
    <row r="49" spans="1:37" x14ac:dyDescent="0.2">
      <c r="B49" s="1"/>
      <c r="C49" s="1"/>
      <c r="D49" s="1"/>
      <c r="E49" s="1"/>
      <c r="F49" s="1"/>
      <c r="G49" s="1"/>
      <c r="H49" s="1"/>
      <c r="I49" s="1"/>
      <c r="J49" s="1"/>
      <c r="K49" s="1"/>
      <c r="L49" s="1"/>
      <c r="M49" s="1"/>
      <c r="N49" s="1"/>
      <c r="O49" s="1"/>
      <c r="P49" s="1"/>
      <c r="Q49" s="1"/>
      <c r="R49" s="1"/>
      <c r="S49" s="1"/>
      <c r="T49" s="1"/>
      <c r="U49" s="1"/>
      <c r="V49" s="1"/>
      <c r="W49" s="1"/>
      <c r="X49" s="1"/>
      <c r="Y49" s="1"/>
      <c r="Z49" s="1"/>
      <c r="AA49" s="1"/>
      <c r="AB49" s="1"/>
      <c r="AC49" s="1"/>
      <c r="AD49" s="1"/>
      <c r="AE49" s="1"/>
      <c r="AF49" s="1"/>
      <c r="AG49" s="1"/>
      <c r="AH49" s="1"/>
      <c r="AI49" s="1"/>
      <c r="AJ49" s="1"/>
      <c r="AK49" s="1"/>
    </row>
    <row r="50" spans="1:37" x14ac:dyDescent="0.2">
      <c r="B50" s="1"/>
      <c r="C50" s="1"/>
      <c r="D50" s="1"/>
      <c r="E50" s="1"/>
      <c r="F50" s="1"/>
      <c r="G50" s="1"/>
      <c r="H50" s="1"/>
      <c r="I50" s="1"/>
      <c r="J50" s="1"/>
      <c r="K50" s="1"/>
      <c r="L50" s="1"/>
      <c r="M50" s="1"/>
      <c r="N50" s="1"/>
      <c r="O50" s="1"/>
      <c r="P50" s="1"/>
      <c r="Q50" s="1"/>
      <c r="R50" s="1"/>
      <c r="S50" s="1"/>
      <c r="T50" s="1"/>
      <c r="U50" s="1"/>
      <c r="V50" s="1"/>
      <c r="W50" s="1"/>
      <c r="X50" s="1"/>
      <c r="Y50" s="1"/>
      <c r="Z50" s="1"/>
      <c r="AA50" s="1"/>
      <c r="AB50" s="1"/>
      <c r="AC50" s="1"/>
      <c r="AD50" s="1"/>
      <c r="AE50" s="1"/>
      <c r="AF50" s="1"/>
      <c r="AG50" s="1"/>
      <c r="AH50" s="1"/>
      <c r="AI50" s="1"/>
      <c r="AJ50" s="1"/>
      <c r="AK50" s="1"/>
    </row>
    <row r="51" spans="1:37" x14ac:dyDescent="0.2">
      <c r="B51" s="1"/>
      <c r="C51" s="1"/>
      <c r="D51" s="1"/>
      <c r="E51" s="1"/>
      <c r="F51" s="1"/>
      <c r="G51" s="1"/>
      <c r="H51" s="1"/>
      <c r="I51" s="1"/>
      <c r="J51" s="1"/>
      <c r="K51" s="1"/>
      <c r="L51" s="1"/>
      <c r="M51" s="1"/>
      <c r="N51" s="1"/>
      <c r="O51" s="1"/>
      <c r="P51" s="1"/>
      <c r="Q51" s="1"/>
      <c r="R51" s="1"/>
      <c r="S51" s="1"/>
      <c r="T51" s="1"/>
      <c r="U51" s="1"/>
      <c r="V51" s="1"/>
      <c r="W51" s="1"/>
      <c r="X51" s="1"/>
      <c r="Y51" s="1"/>
      <c r="Z51" s="1"/>
      <c r="AA51" s="1"/>
      <c r="AB51" s="1"/>
      <c r="AC51" s="1"/>
      <c r="AD51" s="1"/>
      <c r="AE51" s="1"/>
      <c r="AF51" s="1"/>
      <c r="AG51" s="1"/>
      <c r="AH51" s="1"/>
      <c r="AI51" s="1"/>
      <c r="AJ51" s="1"/>
      <c r="AK51" s="1"/>
    </row>
    <row r="52" spans="1:37" x14ac:dyDescent="0.2">
      <c r="B52" s="1"/>
      <c r="C52" s="1"/>
      <c r="D52" s="1"/>
      <c r="E52" s="1"/>
      <c r="F52" s="1"/>
      <c r="G52" s="1"/>
      <c r="H52" s="1"/>
      <c r="I52" s="1"/>
      <c r="J52" s="1"/>
      <c r="K52" s="1"/>
      <c r="L52" s="1"/>
      <c r="M52" s="1"/>
      <c r="N52" s="1"/>
      <c r="O52" s="1"/>
      <c r="P52" s="1"/>
      <c r="Q52" s="1"/>
      <c r="R52" s="1"/>
      <c r="S52" s="1"/>
      <c r="T52" s="1"/>
      <c r="U52" s="1"/>
      <c r="V52" s="1"/>
      <c r="W52" s="1"/>
      <c r="X52" s="1"/>
      <c r="Y52" s="1"/>
      <c r="Z52" s="1"/>
      <c r="AA52" s="1"/>
      <c r="AB52" s="1"/>
      <c r="AC52" s="1"/>
      <c r="AD52" s="1"/>
      <c r="AE52" s="1"/>
      <c r="AF52" s="1"/>
      <c r="AG52" s="1"/>
      <c r="AH52" s="1"/>
      <c r="AI52" s="1"/>
      <c r="AJ52" s="1"/>
      <c r="AK52" s="1"/>
    </row>
    <row r="53" spans="1:37" x14ac:dyDescent="0.2">
      <c r="B53" s="1"/>
      <c r="C53" s="1"/>
      <c r="D53" s="1"/>
      <c r="E53" s="1"/>
      <c r="F53" s="1"/>
      <c r="G53" s="1"/>
      <c r="H53" s="1"/>
      <c r="I53" s="1"/>
      <c r="J53" s="1"/>
      <c r="K53" s="1"/>
      <c r="L53" s="1"/>
      <c r="M53" s="1"/>
      <c r="N53" s="1"/>
      <c r="O53" s="1"/>
      <c r="P53" s="1"/>
      <c r="Q53" s="1"/>
      <c r="R53" s="1"/>
      <c r="S53" s="1"/>
      <c r="T53" s="1"/>
      <c r="U53" s="1"/>
      <c r="V53" s="1"/>
      <c r="W53" s="1"/>
      <c r="X53" s="1"/>
      <c r="Y53" s="1"/>
      <c r="Z53" s="1"/>
      <c r="AA53" s="1"/>
      <c r="AB53" s="1"/>
      <c r="AC53" s="1"/>
      <c r="AD53" s="1"/>
      <c r="AE53" s="1"/>
      <c r="AF53" s="1"/>
      <c r="AG53" s="1"/>
      <c r="AH53" s="1"/>
      <c r="AI53" s="1"/>
      <c r="AJ53" s="1"/>
      <c r="AK53" s="1"/>
    </row>
    <row r="54" spans="1:37" x14ac:dyDescent="0.2">
      <c r="B54" s="1"/>
      <c r="C54" s="1"/>
      <c r="D54" s="1"/>
      <c r="E54" s="1"/>
      <c r="F54" s="1"/>
      <c r="G54" s="1"/>
      <c r="H54" s="1"/>
      <c r="I54" s="1"/>
      <c r="J54" s="1"/>
      <c r="K54" s="1"/>
      <c r="L54" s="1"/>
      <c r="M54" s="1"/>
      <c r="N54" s="1"/>
      <c r="O54" s="1"/>
      <c r="P54" s="1"/>
      <c r="Q54" s="1"/>
      <c r="R54" s="1"/>
      <c r="S54" s="1"/>
      <c r="T54" s="1"/>
      <c r="U54" s="1"/>
      <c r="V54" s="1"/>
      <c r="W54" s="1"/>
      <c r="X54" s="1"/>
      <c r="Y54" s="1"/>
      <c r="Z54" s="1"/>
      <c r="AA54" s="1"/>
      <c r="AB54" s="1"/>
      <c r="AC54" s="1"/>
      <c r="AD54" s="1"/>
      <c r="AE54" s="1"/>
      <c r="AF54" s="1"/>
      <c r="AG54" s="1"/>
      <c r="AH54" s="1"/>
      <c r="AI54" s="1"/>
      <c r="AJ54" s="1"/>
      <c r="AK54" s="1"/>
    </row>
    <row r="55" spans="1:37" ht="26.45" customHeight="1" x14ac:dyDescent="0.2">
      <c r="A55" s="7"/>
      <c r="B55" s="227" t="s">
        <v>210</v>
      </c>
      <c r="C55" s="227"/>
      <c r="D55" s="227"/>
      <c r="E55" s="227"/>
      <c r="F55" s="227"/>
      <c r="G55" s="227"/>
      <c r="H55" s="227"/>
      <c r="I55" s="227"/>
      <c r="J55" s="227"/>
      <c r="K55" s="227"/>
      <c r="L55" s="227"/>
      <c r="M55" s="227"/>
      <c r="N55" s="227"/>
      <c r="O55" s="227"/>
      <c r="P55" s="227"/>
      <c r="Q55" s="227"/>
      <c r="R55" s="227"/>
      <c r="S55" s="227"/>
      <c r="T55" s="227"/>
      <c r="U55" s="227"/>
      <c r="V55" s="227"/>
      <c r="W55" s="227"/>
      <c r="X55" s="227"/>
      <c r="Y55" s="227"/>
      <c r="Z55" s="227"/>
      <c r="AA55" s="227"/>
      <c r="AB55" s="227"/>
      <c r="AC55" s="227"/>
      <c r="AD55" s="227"/>
      <c r="AE55" s="227"/>
      <c r="AF55" s="227"/>
      <c r="AG55" s="227"/>
      <c r="AH55" s="227"/>
      <c r="AI55" s="227"/>
      <c r="AJ55" s="227"/>
      <c r="AK55" s="227"/>
    </row>
    <row r="56" spans="1:37" x14ac:dyDescent="0.2">
      <c r="A56" s="7"/>
      <c r="B56" s="206" t="s">
        <v>211</v>
      </c>
      <c r="C56" s="1"/>
      <c r="D56" s="1"/>
      <c r="E56" s="1"/>
      <c r="F56" s="1"/>
      <c r="G56" s="1"/>
      <c r="H56" s="1"/>
      <c r="I56" s="1"/>
      <c r="J56" s="1"/>
      <c r="K56" s="1"/>
      <c r="L56" s="1"/>
      <c r="M56" s="1"/>
      <c r="N56" s="1"/>
      <c r="O56" s="1"/>
      <c r="P56" s="1"/>
      <c r="Q56" s="1"/>
      <c r="R56" s="1"/>
      <c r="S56" s="1"/>
      <c r="T56" s="1"/>
      <c r="U56" s="1"/>
      <c r="V56" s="7"/>
      <c r="W56" s="69"/>
      <c r="X56" s="69"/>
      <c r="Y56" s="69"/>
      <c r="Z56" s="69"/>
      <c r="AA56" s="69"/>
      <c r="AB56" s="69"/>
      <c r="AC56" s="69"/>
      <c r="AD56" s="69"/>
      <c r="AE56" s="69"/>
      <c r="AF56" s="69"/>
      <c r="AG56" s="112"/>
      <c r="AH56" s="7"/>
      <c r="AI56" s="7"/>
      <c r="AJ56" s="7"/>
      <c r="AK56" s="7"/>
    </row>
    <row r="57" spans="1:37" x14ac:dyDescent="0.2">
      <c r="B57" s="1"/>
      <c r="C57" s="1"/>
      <c r="D57" s="1"/>
      <c r="E57" s="1"/>
      <c r="F57" s="1"/>
      <c r="G57" s="1"/>
      <c r="H57" s="1"/>
      <c r="I57" s="1"/>
      <c r="J57" s="1"/>
      <c r="K57" s="1"/>
      <c r="L57" s="1"/>
      <c r="M57" s="1"/>
      <c r="N57" s="1"/>
      <c r="O57" s="1"/>
      <c r="P57" s="1"/>
      <c r="Q57" s="1"/>
      <c r="R57" s="1"/>
      <c r="S57" s="1"/>
      <c r="T57" s="1"/>
      <c r="U57" s="1"/>
      <c r="V57" s="1"/>
      <c r="W57" s="1"/>
      <c r="X57" s="1"/>
      <c r="Y57" s="1"/>
      <c r="Z57" s="1"/>
      <c r="AA57" s="1"/>
      <c r="AB57" s="1"/>
      <c r="AC57" s="1"/>
      <c r="AD57" s="1"/>
      <c r="AE57" s="1"/>
      <c r="AF57" s="1"/>
      <c r="AG57" s="1"/>
      <c r="AH57" s="1"/>
      <c r="AI57" s="1"/>
      <c r="AJ57" s="1"/>
      <c r="AK57" s="1"/>
    </row>
    <row r="58" spans="1:37" x14ac:dyDescent="0.2">
      <c r="B58" s="1"/>
      <c r="C58" s="1"/>
      <c r="D58" s="1"/>
      <c r="E58" s="1"/>
      <c r="F58" s="1"/>
      <c r="G58" s="1"/>
      <c r="H58" s="1"/>
      <c r="I58" s="1"/>
      <c r="J58" s="1"/>
      <c r="K58" s="1"/>
      <c r="L58" s="1"/>
      <c r="M58" s="1"/>
      <c r="N58" s="1"/>
      <c r="O58" s="1"/>
      <c r="P58" s="1"/>
      <c r="Q58" s="1"/>
      <c r="R58" s="1"/>
      <c r="S58" s="1"/>
      <c r="T58" s="1"/>
      <c r="U58" s="1"/>
      <c r="V58" s="1"/>
      <c r="W58" s="1"/>
      <c r="X58" s="1"/>
      <c r="Y58" s="1"/>
      <c r="Z58" s="1"/>
      <c r="AA58" s="1"/>
      <c r="AB58" s="1"/>
      <c r="AC58" s="1"/>
      <c r="AD58" s="1"/>
      <c r="AE58" s="1"/>
      <c r="AF58" s="1"/>
      <c r="AG58" s="1"/>
      <c r="AH58" s="1"/>
      <c r="AI58" s="1"/>
      <c r="AJ58" s="1"/>
      <c r="AK58" s="1"/>
    </row>
    <row r="59" spans="1:37" x14ac:dyDescent="0.2">
      <c r="B59" s="1"/>
      <c r="C59" s="1"/>
      <c r="D59" s="1"/>
      <c r="E59" s="1"/>
      <c r="F59" s="1"/>
      <c r="G59" s="1"/>
      <c r="H59" s="1"/>
      <c r="I59" s="1"/>
      <c r="J59" s="1"/>
      <c r="K59" s="1"/>
      <c r="L59" s="1"/>
      <c r="M59" s="1"/>
      <c r="N59" s="1"/>
      <c r="O59" s="1"/>
      <c r="P59" s="1"/>
      <c r="Q59" s="1"/>
      <c r="R59" s="1"/>
      <c r="S59" s="1"/>
      <c r="T59" s="1"/>
      <c r="U59" s="1"/>
      <c r="V59" s="1"/>
      <c r="W59" s="1"/>
      <c r="X59" s="1"/>
      <c r="Y59" s="1"/>
      <c r="Z59" s="1"/>
      <c r="AA59" s="1"/>
      <c r="AB59" s="1"/>
      <c r="AC59" s="1"/>
      <c r="AD59" s="1"/>
      <c r="AE59" s="1"/>
      <c r="AF59" s="1"/>
      <c r="AG59" s="1"/>
      <c r="AH59" s="1"/>
      <c r="AI59" s="1"/>
      <c r="AJ59" s="1"/>
      <c r="AK59" s="1"/>
    </row>
    <row r="60" spans="1:37" x14ac:dyDescent="0.2">
      <c r="B60" s="1"/>
      <c r="C60" s="1"/>
      <c r="D60" s="1"/>
      <c r="E60" s="1"/>
      <c r="F60" s="1"/>
      <c r="G60" s="1"/>
      <c r="H60" s="1"/>
      <c r="I60" s="1"/>
      <c r="J60" s="1"/>
      <c r="K60" s="1"/>
      <c r="L60" s="1"/>
      <c r="M60" s="1"/>
      <c r="N60" s="1"/>
      <c r="O60" s="1"/>
      <c r="P60" s="1"/>
      <c r="Q60" s="1"/>
      <c r="R60" s="1"/>
      <c r="S60" s="1"/>
      <c r="T60" s="1"/>
      <c r="U60" s="1"/>
      <c r="V60" s="1"/>
      <c r="W60" s="1"/>
      <c r="X60" s="1"/>
      <c r="Y60" s="1"/>
      <c r="Z60" s="1"/>
      <c r="AA60" s="1"/>
      <c r="AB60" s="1"/>
      <c r="AC60" s="1"/>
      <c r="AD60" s="1"/>
      <c r="AE60" s="1"/>
      <c r="AF60" s="1"/>
      <c r="AG60" s="1"/>
      <c r="AH60" s="1"/>
      <c r="AI60" s="1"/>
      <c r="AJ60" s="1"/>
      <c r="AK60" s="1"/>
    </row>
    <row r="61" spans="1:37" x14ac:dyDescent="0.2">
      <c r="B61" s="1"/>
      <c r="C61" s="1"/>
      <c r="D61" s="1"/>
      <c r="E61" s="1"/>
      <c r="F61" s="1"/>
      <c r="G61" s="1"/>
      <c r="H61" s="1"/>
      <c r="I61" s="1"/>
      <c r="J61" s="1"/>
      <c r="K61" s="1"/>
      <c r="L61" s="1"/>
      <c r="M61" s="1"/>
      <c r="N61" s="1"/>
      <c r="O61" s="1"/>
      <c r="P61" s="1"/>
      <c r="Q61" s="1"/>
      <c r="R61" s="1"/>
      <c r="S61" s="1"/>
      <c r="T61" s="1"/>
      <c r="U61" s="1"/>
      <c r="V61" s="1"/>
      <c r="W61" s="1"/>
      <c r="X61" s="1"/>
      <c r="Y61" s="1"/>
      <c r="Z61" s="1"/>
      <c r="AA61" s="1"/>
      <c r="AB61" s="1"/>
      <c r="AC61" s="1"/>
      <c r="AD61" s="1"/>
      <c r="AE61" s="1"/>
      <c r="AF61" s="1"/>
      <c r="AG61" s="1"/>
      <c r="AH61" s="1"/>
      <c r="AI61" s="1"/>
      <c r="AJ61" s="1"/>
      <c r="AK61" s="1"/>
    </row>
    <row r="62" spans="1:37" x14ac:dyDescent="0.2">
      <c r="B62" s="1"/>
      <c r="C62" s="1"/>
      <c r="D62" s="1"/>
      <c r="E62" s="1"/>
      <c r="F62" s="1"/>
      <c r="G62" s="1"/>
      <c r="H62" s="1"/>
      <c r="I62" s="1"/>
      <c r="J62" s="1"/>
      <c r="K62" s="1"/>
      <c r="L62" s="1"/>
      <c r="M62" s="1"/>
      <c r="N62" s="1"/>
      <c r="O62" s="1"/>
      <c r="P62" s="1"/>
      <c r="Q62" s="1"/>
      <c r="R62" s="1"/>
      <c r="S62" s="1"/>
      <c r="T62" s="1"/>
      <c r="U62" s="1"/>
      <c r="V62" s="1"/>
      <c r="W62" s="1"/>
      <c r="X62" s="1"/>
      <c r="Y62" s="1"/>
      <c r="Z62" s="1"/>
      <c r="AA62" s="1"/>
      <c r="AB62" s="1"/>
      <c r="AC62" s="1"/>
      <c r="AD62" s="1"/>
      <c r="AE62" s="1"/>
      <c r="AF62" s="1"/>
      <c r="AG62" s="1"/>
      <c r="AH62" s="1"/>
      <c r="AI62" s="1"/>
      <c r="AJ62" s="1"/>
      <c r="AK62" s="1"/>
    </row>
    <row r="63" spans="1:37" x14ac:dyDescent="0.2">
      <c r="B63" s="1"/>
      <c r="C63" s="1"/>
      <c r="D63" s="1"/>
      <c r="E63" s="1"/>
      <c r="F63" s="1"/>
      <c r="G63" s="1"/>
      <c r="H63" s="1"/>
      <c r="I63" s="1"/>
      <c r="J63" s="1"/>
      <c r="K63" s="1"/>
      <c r="L63" s="1"/>
      <c r="M63" s="1"/>
      <c r="N63" s="1"/>
      <c r="O63" s="1"/>
      <c r="P63" s="1"/>
      <c r="Q63" s="1"/>
      <c r="R63" s="1"/>
      <c r="S63" s="1"/>
      <c r="T63" s="1"/>
      <c r="U63" s="1"/>
      <c r="V63" s="1"/>
      <c r="W63" s="1"/>
      <c r="X63" s="1"/>
      <c r="Y63" s="1"/>
      <c r="Z63" s="1"/>
      <c r="AA63" s="1"/>
      <c r="AB63" s="1"/>
      <c r="AC63" s="1"/>
      <c r="AD63" s="1"/>
      <c r="AE63" s="1"/>
      <c r="AF63" s="1"/>
      <c r="AG63" s="1"/>
      <c r="AH63" s="1"/>
      <c r="AI63" s="1"/>
      <c r="AJ63" s="1"/>
      <c r="AK63" s="1"/>
    </row>
    <row r="64" spans="1:37" x14ac:dyDescent="0.2">
      <c r="B64" s="1"/>
      <c r="C64" s="1"/>
      <c r="D64" s="1"/>
      <c r="E64" s="1"/>
      <c r="F64" s="1"/>
      <c r="G64" s="1"/>
      <c r="H64" s="1"/>
      <c r="I64" s="1"/>
      <c r="J64" s="1"/>
      <c r="K64" s="1"/>
      <c r="L64" s="1"/>
      <c r="M64" s="1"/>
      <c r="N64" s="1"/>
      <c r="O64" s="1"/>
      <c r="P64" s="1"/>
      <c r="Q64" s="1"/>
      <c r="R64" s="1"/>
      <c r="S64" s="1"/>
      <c r="T64" s="1"/>
      <c r="U64" s="1"/>
      <c r="V64" s="1"/>
      <c r="W64" s="1"/>
      <c r="X64" s="1"/>
      <c r="Y64" s="1"/>
      <c r="Z64" s="1"/>
      <c r="AA64" s="1"/>
      <c r="AB64" s="1"/>
      <c r="AC64" s="1"/>
      <c r="AD64" s="1"/>
      <c r="AE64" s="1"/>
      <c r="AF64" s="1"/>
      <c r="AG64" s="1"/>
      <c r="AH64" s="1"/>
      <c r="AI64" s="1"/>
      <c r="AJ64" s="1"/>
      <c r="AK64" s="1"/>
    </row>
    <row r="65" spans="2:37" x14ac:dyDescent="0.2">
      <c r="B65" s="1"/>
      <c r="C65" s="1"/>
      <c r="D65" s="1"/>
      <c r="E65" s="1"/>
      <c r="F65" s="1"/>
      <c r="G65" s="1"/>
      <c r="H65" s="1"/>
      <c r="I65" s="1"/>
      <c r="J65" s="1"/>
      <c r="K65" s="1"/>
      <c r="L65" s="1"/>
      <c r="M65" s="1"/>
      <c r="N65" s="1"/>
      <c r="O65" s="1"/>
      <c r="P65" s="1"/>
      <c r="Q65" s="1"/>
      <c r="R65" s="1"/>
      <c r="S65" s="1"/>
      <c r="T65" s="1"/>
      <c r="U65" s="1"/>
      <c r="V65" s="1"/>
      <c r="W65" s="1"/>
      <c r="X65" s="1"/>
      <c r="Y65" s="1"/>
      <c r="Z65" s="1"/>
      <c r="AA65" s="1"/>
      <c r="AB65" s="1"/>
      <c r="AC65" s="1"/>
      <c r="AD65" s="1"/>
      <c r="AE65" s="1"/>
      <c r="AF65" s="1"/>
      <c r="AG65" s="1"/>
      <c r="AH65" s="1"/>
      <c r="AI65" s="1"/>
      <c r="AJ65" s="1"/>
      <c r="AK65" s="1"/>
    </row>
    <row r="66" spans="2:37" x14ac:dyDescent="0.2">
      <c r="B66" s="1"/>
      <c r="C66" s="1"/>
      <c r="D66" s="1"/>
      <c r="E66" s="1"/>
      <c r="F66" s="1"/>
      <c r="G66" s="1"/>
      <c r="H66" s="1"/>
      <c r="I66" s="1"/>
      <c r="J66" s="1"/>
      <c r="K66" s="1"/>
      <c r="L66" s="1"/>
      <c r="M66" s="1"/>
      <c r="N66" s="1"/>
      <c r="O66" s="1"/>
      <c r="P66" s="1"/>
      <c r="Q66" s="1"/>
      <c r="R66" s="1"/>
      <c r="S66" s="1"/>
      <c r="T66" s="1"/>
      <c r="U66" s="1"/>
      <c r="V66" s="1"/>
      <c r="W66" s="1"/>
      <c r="X66" s="1"/>
      <c r="Y66" s="1"/>
      <c r="Z66" s="1"/>
      <c r="AA66" s="1"/>
      <c r="AB66" s="1"/>
      <c r="AC66" s="1"/>
      <c r="AD66" s="1"/>
      <c r="AE66" s="1"/>
      <c r="AF66" s="1"/>
      <c r="AG66" s="1"/>
      <c r="AH66" s="1"/>
      <c r="AI66" s="1"/>
      <c r="AJ66" s="1"/>
      <c r="AK66" s="1"/>
    </row>
    <row r="67" spans="2:37" x14ac:dyDescent="0.2">
      <c r="B67" s="1"/>
      <c r="C67" s="1"/>
      <c r="D67" s="1"/>
      <c r="E67" s="1"/>
      <c r="F67" s="1"/>
      <c r="G67" s="1"/>
      <c r="H67" s="1"/>
      <c r="I67" s="1"/>
      <c r="J67" s="1"/>
      <c r="K67" s="1"/>
      <c r="L67" s="1"/>
      <c r="M67" s="1"/>
      <c r="N67" s="1"/>
      <c r="O67" s="1"/>
      <c r="P67" s="1"/>
      <c r="Q67" s="1"/>
      <c r="R67" s="1"/>
      <c r="S67" s="1"/>
      <c r="T67" s="1"/>
      <c r="U67" s="1"/>
      <c r="V67" s="1"/>
      <c r="W67" s="1"/>
      <c r="X67" s="1"/>
      <c r="Y67" s="1"/>
      <c r="Z67" s="1"/>
      <c r="AA67" s="1"/>
      <c r="AB67" s="1"/>
      <c r="AC67" s="1"/>
      <c r="AD67" s="1"/>
      <c r="AE67" s="1"/>
      <c r="AF67" s="1"/>
      <c r="AG67" s="1"/>
      <c r="AH67" s="1"/>
      <c r="AI67" s="1"/>
      <c r="AJ67" s="1"/>
      <c r="AK67" s="1"/>
    </row>
    <row r="68" spans="2:37" x14ac:dyDescent="0.2">
      <c r="B68" s="1"/>
      <c r="C68" s="1"/>
      <c r="D68" s="1"/>
      <c r="E68" s="1"/>
      <c r="F68" s="1"/>
      <c r="G68" s="1"/>
      <c r="H68" s="1"/>
      <c r="I68" s="1"/>
      <c r="J68" s="1"/>
      <c r="K68" s="1"/>
      <c r="L68" s="1"/>
      <c r="M68" s="1"/>
      <c r="N68" s="1"/>
      <c r="O68" s="1"/>
      <c r="P68" s="1"/>
      <c r="Q68" s="1"/>
      <c r="R68" s="1"/>
      <c r="S68" s="1"/>
      <c r="T68" s="1"/>
      <c r="U68" s="1"/>
      <c r="V68" s="1"/>
      <c r="W68" s="1"/>
      <c r="X68" s="1"/>
      <c r="Y68" s="1"/>
      <c r="Z68" s="1"/>
      <c r="AA68" s="1"/>
      <c r="AB68" s="1"/>
      <c r="AC68" s="1"/>
      <c r="AD68" s="1"/>
      <c r="AE68" s="1"/>
      <c r="AF68" s="1"/>
      <c r="AG68" s="1"/>
      <c r="AH68" s="1"/>
      <c r="AI68" s="1"/>
      <c r="AJ68" s="1"/>
      <c r="AK68" s="1"/>
    </row>
    <row r="69" spans="2:37" x14ac:dyDescent="0.2">
      <c r="B69" s="1"/>
      <c r="C69" s="1"/>
      <c r="D69" s="1"/>
      <c r="E69" s="1"/>
      <c r="F69" s="1"/>
      <c r="G69" s="1"/>
      <c r="H69" s="1"/>
      <c r="I69" s="1"/>
      <c r="J69" s="1"/>
      <c r="K69" s="1"/>
      <c r="L69" s="1"/>
      <c r="M69" s="1"/>
      <c r="N69" s="1"/>
      <c r="O69" s="1"/>
      <c r="P69" s="1"/>
      <c r="Q69" s="1"/>
      <c r="R69" s="1"/>
      <c r="S69" s="1"/>
      <c r="T69" s="1"/>
      <c r="U69" s="1"/>
      <c r="V69" s="1"/>
      <c r="W69" s="1"/>
      <c r="X69" s="1"/>
      <c r="Y69" s="1"/>
      <c r="Z69" s="1"/>
      <c r="AA69" s="1"/>
      <c r="AB69" s="1"/>
      <c r="AC69" s="1"/>
      <c r="AD69" s="1"/>
      <c r="AE69" s="1"/>
      <c r="AF69" s="1"/>
      <c r="AG69" s="1"/>
      <c r="AH69" s="1"/>
      <c r="AI69" s="1"/>
      <c r="AJ69" s="1"/>
      <c r="AK69" s="1"/>
    </row>
    <row r="70" spans="2:37" x14ac:dyDescent="0.2">
      <c r="B70" s="1"/>
      <c r="C70" s="1"/>
      <c r="D70" s="1"/>
      <c r="E70" s="1"/>
      <c r="F70" s="1"/>
      <c r="G70" s="1"/>
      <c r="H70" s="1"/>
      <c r="I70" s="1"/>
      <c r="J70" s="1"/>
      <c r="K70" s="1"/>
      <c r="L70" s="1"/>
      <c r="M70" s="1"/>
      <c r="N70" s="1"/>
      <c r="O70" s="1"/>
      <c r="P70" s="1"/>
      <c r="Q70" s="1"/>
      <c r="R70" s="1"/>
      <c r="S70" s="1"/>
      <c r="T70" s="1"/>
      <c r="U70" s="1"/>
      <c r="V70" s="1"/>
      <c r="W70" s="1"/>
      <c r="X70" s="1"/>
      <c r="Y70" s="1"/>
      <c r="Z70" s="1"/>
      <c r="AA70" s="1"/>
      <c r="AB70" s="1"/>
      <c r="AC70" s="1"/>
      <c r="AD70" s="1"/>
      <c r="AE70" s="1"/>
      <c r="AF70" s="1"/>
      <c r="AG70" s="1"/>
      <c r="AH70" s="1"/>
      <c r="AI70" s="1"/>
      <c r="AJ70" s="1"/>
      <c r="AK70" s="1"/>
    </row>
    <row r="71" spans="2:37" x14ac:dyDescent="0.2">
      <c r="B71" s="1"/>
      <c r="C71" s="1"/>
      <c r="D71" s="1"/>
      <c r="E71" s="1"/>
      <c r="F71" s="1"/>
      <c r="G71" s="1"/>
      <c r="H71" s="1"/>
      <c r="I71" s="1"/>
      <c r="J71" s="1"/>
      <c r="K71" s="1"/>
      <c r="L71" s="1"/>
      <c r="M71" s="1"/>
      <c r="N71" s="1"/>
      <c r="O71" s="1"/>
      <c r="P71" s="1"/>
      <c r="Q71" s="1"/>
      <c r="R71" s="1"/>
      <c r="S71" s="1"/>
      <c r="T71" s="1"/>
      <c r="U71" s="1"/>
      <c r="V71" s="1"/>
      <c r="W71" s="1"/>
      <c r="X71" s="1"/>
      <c r="Y71" s="1"/>
      <c r="Z71" s="1"/>
      <c r="AA71" s="1"/>
      <c r="AB71" s="1"/>
      <c r="AC71" s="1"/>
      <c r="AD71" s="1"/>
      <c r="AE71" s="1"/>
      <c r="AF71" s="1"/>
      <c r="AG71" s="1"/>
      <c r="AH71" s="1"/>
      <c r="AI71" s="1"/>
      <c r="AJ71" s="1"/>
      <c r="AK71" s="1"/>
    </row>
    <row r="72" spans="2:37" x14ac:dyDescent="0.2">
      <c r="B72" s="1"/>
      <c r="C72" s="1"/>
      <c r="D72" s="1"/>
      <c r="E72" s="1"/>
      <c r="F72" s="1"/>
      <c r="G72" s="1"/>
      <c r="H72" s="1"/>
      <c r="I72" s="1"/>
      <c r="J72" s="1"/>
      <c r="K72" s="1"/>
      <c r="L72" s="1"/>
      <c r="M72" s="1"/>
      <c r="N72" s="1"/>
      <c r="O72" s="1"/>
      <c r="P72" s="1"/>
      <c r="Q72" s="1"/>
      <c r="R72" s="1"/>
      <c r="S72" s="1"/>
      <c r="T72" s="1"/>
      <c r="U72" s="1"/>
      <c r="V72" s="1"/>
      <c r="W72" s="1"/>
      <c r="X72" s="1"/>
      <c r="Y72" s="1"/>
      <c r="Z72" s="1"/>
      <c r="AA72" s="1"/>
      <c r="AB72" s="1"/>
      <c r="AC72" s="1"/>
      <c r="AD72" s="1"/>
      <c r="AE72" s="1"/>
      <c r="AF72" s="1"/>
      <c r="AG72" s="1"/>
      <c r="AH72" s="1"/>
      <c r="AI72" s="1"/>
      <c r="AJ72" s="1"/>
      <c r="AK72" s="1"/>
    </row>
    <row r="73" spans="2:37" x14ac:dyDescent="0.2">
      <c r="B73" s="1"/>
      <c r="C73" s="1"/>
      <c r="D73" s="1"/>
      <c r="E73" s="1"/>
      <c r="F73" s="1"/>
      <c r="G73" s="1"/>
      <c r="H73" s="1"/>
      <c r="I73" s="1"/>
      <c r="J73" s="1"/>
      <c r="K73" s="1"/>
      <c r="L73" s="1"/>
      <c r="M73" s="1"/>
      <c r="N73" s="1"/>
      <c r="O73" s="1"/>
      <c r="P73" s="1"/>
      <c r="Q73" s="1"/>
      <c r="R73" s="1"/>
      <c r="S73" s="1"/>
      <c r="T73" s="1"/>
      <c r="U73" s="1"/>
      <c r="V73" s="1"/>
      <c r="W73" s="1"/>
      <c r="X73" s="1"/>
      <c r="Y73" s="1"/>
      <c r="Z73" s="1"/>
      <c r="AA73" s="1"/>
      <c r="AB73" s="1"/>
      <c r="AC73" s="1"/>
      <c r="AD73" s="1"/>
      <c r="AE73" s="1"/>
      <c r="AF73" s="1"/>
      <c r="AG73" s="1"/>
      <c r="AH73" s="1"/>
      <c r="AI73" s="1"/>
      <c r="AJ73" s="1"/>
      <c r="AK73" s="1"/>
    </row>
    <row r="74" spans="2:37" x14ac:dyDescent="0.2">
      <c r="B74" s="1"/>
      <c r="C74" s="1"/>
      <c r="D74" s="1"/>
      <c r="E74" s="1"/>
      <c r="F74" s="1"/>
      <c r="G74" s="1"/>
      <c r="H74" s="1"/>
      <c r="I74" s="1"/>
      <c r="J74" s="1"/>
      <c r="K74" s="1"/>
      <c r="L74" s="1"/>
      <c r="M74" s="1"/>
      <c r="N74" s="1"/>
      <c r="O74" s="1"/>
      <c r="P74" s="1"/>
      <c r="Q74" s="1"/>
      <c r="R74" s="1"/>
      <c r="S74" s="1"/>
      <c r="T74" s="1"/>
      <c r="U74" s="1"/>
      <c r="V74" s="1"/>
      <c r="W74" s="1"/>
      <c r="X74" s="1"/>
      <c r="Y74" s="1"/>
      <c r="Z74" s="1"/>
      <c r="AA74" s="1"/>
      <c r="AB74" s="1"/>
      <c r="AC74" s="1"/>
      <c r="AD74" s="1"/>
      <c r="AE74" s="1"/>
      <c r="AF74" s="1"/>
      <c r="AG74" s="1"/>
      <c r="AH74" s="1"/>
      <c r="AI74" s="1"/>
      <c r="AJ74" s="1"/>
      <c r="AK74" s="1"/>
    </row>
    <row r="75" spans="2:37" x14ac:dyDescent="0.2">
      <c r="B75" s="1"/>
      <c r="C75" s="1"/>
      <c r="D75" s="1"/>
      <c r="E75" s="1"/>
      <c r="F75" s="1"/>
      <c r="G75" s="1"/>
      <c r="H75" s="1"/>
      <c r="I75" s="1"/>
      <c r="J75" s="1"/>
      <c r="K75" s="1"/>
      <c r="L75" s="1"/>
      <c r="M75" s="1"/>
      <c r="N75" s="1"/>
      <c r="O75" s="1"/>
      <c r="P75" s="1"/>
      <c r="Q75" s="1"/>
      <c r="R75" s="1"/>
      <c r="S75" s="1"/>
      <c r="T75" s="1"/>
      <c r="U75" s="1"/>
      <c r="V75" s="1"/>
      <c r="W75" s="1"/>
      <c r="X75" s="1"/>
      <c r="Y75" s="1"/>
      <c r="Z75" s="1"/>
      <c r="AA75" s="1"/>
      <c r="AB75" s="1"/>
      <c r="AC75" s="1"/>
      <c r="AD75" s="1"/>
      <c r="AE75" s="1"/>
      <c r="AF75" s="1"/>
      <c r="AG75" s="1"/>
      <c r="AH75" s="1"/>
      <c r="AI75" s="1"/>
      <c r="AJ75" s="1"/>
      <c r="AK75" s="1"/>
    </row>
    <row r="76" spans="2:37" x14ac:dyDescent="0.2">
      <c r="B76" s="1"/>
      <c r="C76" s="1"/>
      <c r="D76" s="1"/>
      <c r="E76" s="1"/>
      <c r="F76" s="1"/>
      <c r="G76" s="1"/>
      <c r="H76" s="1"/>
      <c r="I76" s="1"/>
      <c r="J76" s="1"/>
      <c r="K76" s="1"/>
      <c r="L76" s="1"/>
      <c r="M76" s="1"/>
      <c r="N76" s="1"/>
      <c r="O76" s="1"/>
      <c r="P76" s="1"/>
      <c r="Q76" s="1"/>
      <c r="R76" s="1"/>
      <c r="S76" s="1"/>
      <c r="T76" s="1"/>
      <c r="U76" s="1"/>
      <c r="V76" s="1"/>
      <c r="W76" s="1"/>
      <c r="X76" s="1"/>
      <c r="Y76" s="1"/>
      <c r="Z76" s="1"/>
      <c r="AA76" s="1"/>
      <c r="AB76" s="1"/>
      <c r="AC76" s="1"/>
      <c r="AD76" s="1"/>
      <c r="AE76" s="1"/>
      <c r="AF76" s="1"/>
      <c r="AG76" s="1"/>
      <c r="AH76" s="1"/>
      <c r="AI76" s="1"/>
      <c r="AJ76" s="1"/>
      <c r="AK76" s="1"/>
    </row>
    <row r="77" spans="2:37" x14ac:dyDescent="0.2">
      <c r="B77" s="1"/>
      <c r="C77" s="1"/>
      <c r="D77" s="1"/>
      <c r="E77" s="1"/>
      <c r="F77" s="1"/>
      <c r="G77" s="1"/>
      <c r="H77" s="1"/>
      <c r="I77" s="1"/>
      <c r="J77" s="1"/>
      <c r="K77" s="1"/>
      <c r="L77" s="1"/>
      <c r="M77" s="1"/>
      <c r="N77" s="1"/>
      <c r="O77" s="1"/>
      <c r="P77" s="1"/>
      <c r="Q77" s="1"/>
      <c r="R77" s="1"/>
      <c r="S77" s="1"/>
      <c r="T77" s="1"/>
      <c r="U77" s="1"/>
      <c r="V77" s="1"/>
      <c r="W77" s="1"/>
      <c r="X77" s="1"/>
      <c r="Y77" s="1"/>
      <c r="Z77" s="1"/>
      <c r="AA77" s="1"/>
      <c r="AB77" s="1"/>
      <c r="AC77" s="1"/>
      <c r="AD77" s="1"/>
      <c r="AE77" s="1"/>
      <c r="AF77" s="1"/>
      <c r="AG77" s="1"/>
      <c r="AH77" s="1"/>
      <c r="AI77" s="1"/>
      <c r="AJ77" s="1"/>
      <c r="AK77" s="1"/>
    </row>
    <row r="78" spans="2:37" x14ac:dyDescent="0.2">
      <c r="B78" s="1"/>
      <c r="C78" s="1"/>
      <c r="D78" s="1"/>
      <c r="E78" s="1"/>
      <c r="F78" s="1"/>
      <c r="G78" s="1"/>
      <c r="H78" s="1"/>
      <c r="I78" s="1"/>
      <c r="J78" s="1"/>
      <c r="K78" s="1"/>
      <c r="L78" s="1"/>
      <c r="M78" s="1"/>
      <c r="N78" s="1"/>
      <c r="O78" s="1"/>
      <c r="P78" s="1"/>
      <c r="Q78" s="1"/>
      <c r="R78" s="1"/>
      <c r="S78" s="1"/>
      <c r="T78" s="1"/>
      <c r="U78" s="1"/>
      <c r="V78" s="1"/>
      <c r="W78" s="1"/>
      <c r="X78" s="1"/>
      <c r="Y78" s="1"/>
      <c r="Z78" s="1"/>
      <c r="AA78" s="1"/>
      <c r="AB78" s="1"/>
      <c r="AC78" s="1"/>
      <c r="AD78" s="1"/>
      <c r="AE78" s="1"/>
      <c r="AF78" s="1"/>
      <c r="AG78" s="1"/>
      <c r="AH78" s="1"/>
      <c r="AI78" s="1"/>
      <c r="AJ78" s="1"/>
      <c r="AK78" s="1"/>
    </row>
    <row r="79" spans="2:37" x14ac:dyDescent="0.2">
      <c r="B79" s="1"/>
      <c r="C79" s="1"/>
      <c r="D79" s="1"/>
      <c r="E79" s="1"/>
      <c r="F79" s="1"/>
      <c r="G79" s="1"/>
      <c r="H79" s="1"/>
      <c r="I79" s="1"/>
      <c r="J79" s="1"/>
      <c r="K79" s="1"/>
      <c r="L79" s="1"/>
      <c r="M79" s="1"/>
      <c r="N79" s="1"/>
      <c r="O79" s="1"/>
      <c r="P79" s="1"/>
      <c r="Q79" s="1"/>
      <c r="R79" s="1"/>
      <c r="S79" s="1"/>
      <c r="T79" s="1"/>
      <c r="U79" s="1"/>
      <c r="V79" s="1"/>
      <c r="W79" s="1"/>
      <c r="X79" s="1"/>
      <c r="Y79" s="1"/>
      <c r="Z79" s="1"/>
      <c r="AA79" s="1"/>
      <c r="AB79" s="1"/>
      <c r="AC79" s="1"/>
      <c r="AD79" s="1"/>
      <c r="AE79" s="1"/>
      <c r="AF79" s="1"/>
      <c r="AG79" s="1"/>
      <c r="AH79" s="1"/>
      <c r="AI79" s="1"/>
      <c r="AJ79" s="1"/>
      <c r="AK79" s="1"/>
    </row>
    <row r="80" spans="2:37" x14ac:dyDescent="0.2">
      <c r="B80" s="1"/>
      <c r="C80" s="1"/>
      <c r="D80" s="1"/>
      <c r="E80" s="1"/>
      <c r="F80" s="1"/>
      <c r="G80" s="1"/>
      <c r="H80" s="1"/>
      <c r="I80" s="1"/>
      <c r="J80" s="1"/>
      <c r="K80" s="1"/>
      <c r="L80" s="1"/>
      <c r="M80" s="1"/>
      <c r="N80" s="1"/>
      <c r="O80" s="1"/>
      <c r="P80" s="1"/>
      <c r="Q80" s="1"/>
      <c r="R80" s="1"/>
      <c r="S80" s="1"/>
      <c r="T80" s="1"/>
      <c r="U80" s="1"/>
      <c r="V80" s="1"/>
      <c r="W80" s="1"/>
      <c r="X80" s="1"/>
      <c r="Y80" s="1"/>
      <c r="Z80" s="1"/>
      <c r="AA80" s="1"/>
      <c r="AB80" s="1"/>
      <c r="AC80" s="1"/>
      <c r="AD80" s="1"/>
      <c r="AE80" s="1"/>
      <c r="AF80" s="1"/>
      <c r="AG80" s="1"/>
      <c r="AH80" s="1"/>
      <c r="AI80" s="1"/>
      <c r="AJ80" s="1"/>
      <c r="AK80" s="1"/>
    </row>
    <row r="81" spans="2:37" x14ac:dyDescent="0.2">
      <c r="B81" s="1"/>
      <c r="C81" s="1"/>
      <c r="D81" s="1"/>
      <c r="E81" s="1"/>
      <c r="F81" s="1"/>
      <c r="G81" s="1"/>
      <c r="H81" s="1"/>
      <c r="I81" s="1"/>
      <c r="J81" s="1"/>
      <c r="K81" s="1"/>
      <c r="L81" s="1"/>
      <c r="M81" s="1"/>
      <c r="N81" s="1"/>
      <c r="O81" s="1"/>
      <c r="P81" s="1"/>
      <c r="Q81" s="1"/>
      <c r="R81" s="1"/>
      <c r="S81" s="1"/>
      <c r="T81" s="1"/>
      <c r="U81" s="1"/>
      <c r="V81" s="1"/>
      <c r="W81" s="1"/>
      <c r="X81" s="1"/>
      <c r="Y81" s="1"/>
      <c r="Z81" s="1"/>
      <c r="AA81" s="1"/>
      <c r="AB81" s="1"/>
      <c r="AC81" s="1"/>
      <c r="AD81" s="1"/>
      <c r="AE81" s="1"/>
      <c r="AF81" s="1"/>
      <c r="AG81" s="1"/>
      <c r="AH81" s="1"/>
      <c r="AI81" s="1"/>
      <c r="AJ81" s="1"/>
      <c r="AK81" s="1"/>
    </row>
    <row r="82" spans="2:37" x14ac:dyDescent="0.2">
      <c r="B82" s="1"/>
      <c r="C82" s="1"/>
      <c r="D82" s="1"/>
      <c r="E82" s="1"/>
      <c r="F82" s="1"/>
      <c r="G82" s="1"/>
      <c r="H82" s="1"/>
      <c r="I82" s="1"/>
      <c r="J82" s="1"/>
      <c r="K82" s="1"/>
      <c r="L82" s="1"/>
      <c r="M82" s="1"/>
      <c r="N82" s="1"/>
      <c r="O82" s="1"/>
      <c r="P82" s="1"/>
      <c r="Q82" s="1"/>
      <c r="R82" s="1"/>
      <c r="S82" s="1"/>
      <c r="T82" s="1"/>
      <c r="U82" s="1"/>
      <c r="V82" s="1"/>
      <c r="W82" s="1"/>
      <c r="X82" s="1"/>
      <c r="Y82" s="1"/>
      <c r="Z82" s="1"/>
      <c r="AA82" s="1"/>
      <c r="AB82" s="1"/>
      <c r="AC82" s="1"/>
      <c r="AD82" s="1"/>
      <c r="AE82" s="1"/>
      <c r="AF82" s="1"/>
      <c r="AG82" s="1"/>
      <c r="AH82" s="1"/>
      <c r="AI82" s="1"/>
      <c r="AJ82" s="1"/>
      <c r="AK82" s="1"/>
    </row>
    <row r="83" spans="2:37" x14ac:dyDescent="0.2">
      <c r="B83" s="1"/>
      <c r="C83" s="1"/>
      <c r="D83" s="1"/>
      <c r="E83" s="1"/>
      <c r="F83" s="1"/>
      <c r="G83" s="1"/>
      <c r="H83" s="1"/>
      <c r="I83" s="1"/>
      <c r="J83" s="1"/>
      <c r="K83" s="1"/>
      <c r="L83" s="1"/>
      <c r="M83" s="1"/>
      <c r="N83" s="1"/>
      <c r="O83" s="1"/>
      <c r="P83" s="1"/>
      <c r="Q83" s="1"/>
      <c r="R83" s="1"/>
      <c r="S83" s="1"/>
      <c r="T83" s="1"/>
      <c r="U83" s="1"/>
      <c r="V83" s="1"/>
      <c r="W83" s="1"/>
      <c r="X83" s="1"/>
      <c r="Y83" s="1"/>
      <c r="Z83" s="1"/>
      <c r="AA83" s="1"/>
      <c r="AB83" s="1"/>
      <c r="AC83" s="1"/>
      <c r="AD83" s="1"/>
      <c r="AE83" s="1"/>
      <c r="AF83" s="1"/>
      <c r="AG83" s="1"/>
      <c r="AH83" s="1"/>
      <c r="AI83" s="1"/>
      <c r="AJ83" s="1"/>
      <c r="AK83" s="1"/>
    </row>
    <row r="84" spans="2:37" x14ac:dyDescent="0.2">
      <c r="B84" s="1"/>
      <c r="C84" s="1"/>
      <c r="D84" s="1"/>
      <c r="E84" s="1"/>
      <c r="F84" s="1"/>
      <c r="G84" s="1"/>
      <c r="H84" s="1"/>
      <c r="I84" s="1"/>
      <c r="J84" s="1"/>
      <c r="K84" s="1"/>
      <c r="L84" s="1"/>
      <c r="M84" s="1"/>
      <c r="N84" s="1"/>
      <c r="O84" s="1"/>
      <c r="P84" s="1"/>
      <c r="Q84" s="1"/>
      <c r="R84" s="1"/>
      <c r="S84" s="1"/>
      <c r="T84" s="1"/>
      <c r="U84" s="1"/>
      <c r="V84" s="1"/>
      <c r="W84" s="1"/>
      <c r="X84" s="1"/>
      <c r="Y84" s="1"/>
      <c r="Z84" s="1"/>
      <c r="AA84" s="1"/>
      <c r="AB84" s="1"/>
      <c r="AC84" s="1"/>
      <c r="AD84" s="1"/>
      <c r="AE84" s="1"/>
      <c r="AF84" s="1"/>
      <c r="AG84" s="1"/>
      <c r="AH84" s="1"/>
      <c r="AI84" s="1"/>
      <c r="AJ84" s="1"/>
      <c r="AK84" s="1"/>
    </row>
    <row r="85" spans="2:37" x14ac:dyDescent="0.2">
      <c r="B85" s="1"/>
      <c r="C85" s="1"/>
      <c r="D85" s="1"/>
      <c r="E85" s="1"/>
      <c r="F85" s="1"/>
      <c r="G85" s="1"/>
      <c r="H85" s="1"/>
      <c r="I85" s="1"/>
      <c r="J85" s="1"/>
      <c r="K85" s="1"/>
      <c r="L85" s="1"/>
      <c r="M85" s="1"/>
      <c r="N85" s="1"/>
      <c r="O85" s="1"/>
      <c r="P85" s="1"/>
      <c r="Q85" s="1"/>
      <c r="R85" s="1"/>
      <c r="S85" s="1"/>
      <c r="T85" s="1"/>
      <c r="U85" s="1"/>
      <c r="V85" s="1"/>
      <c r="W85" s="1"/>
      <c r="X85" s="1"/>
      <c r="Y85" s="1"/>
      <c r="Z85" s="1"/>
      <c r="AA85" s="1"/>
      <c r="AB85" s="1"/>
      <c r="AC85" s="1"/>
      <c r="AD85" s="1"/>
      <c r="AE85" s="1"/>
      <c r="AF85" s="1"/>
      <c r="AG85" s="1"/>
      <c r="AH85" s="1"/>
      <c r="AI85" s="1"/>
      <c r="AJ85" s="1"/>
      <c r="AK85" s="1"/>
    </row>
    <row r="86" spans="2:37" x14ac:dyDescent="0.2">
      <c r="B86" s="1"/>
      <c r="C86" s="1"/>
      <c r="D86" s="1"/>
      <c r="E86" s="1"/>
      <c r="F86" s="1"/>
      <c r="G86" s="1"/>
      <c r="H86" s="1"/>
      <c r="I86" s="1"/>
      <c r="J86" s="1"/>
      <c r="K86" s="1"/>
      <c r="L86" s="1"/>
      <c r="M86" s="1"/>
      <c r="N86" s="1"/>
      <c r="O86" s="1"/>
      <c r="P86" s="1"/>
      <c r="Q86" s="1"/>
      <c r="R86" s="1"/>
      <c r="S86" s="1"/>
      <c r="T86" s="1"/>
      <c r="U86" s="1"/>
      <c r="V86" s="1"/>
      <c r="W86" s="1"/>
      <c r="X86" s="1"/>
      <c r="Y86" s="1"/>
      <c r="Z86" s="1"/>
      <c r="AA86" s="1"/>
      <c r="AB86" s="1"/>
      <c r="AC86" s="1"/>
      <c r="AD86" s="1"/>
      <c r="AE86" s="1"/>
      <c r="AF86" s="1"/>
      <c r="AG86" s="1"/>
      <c r="AH86" s="1"/>
      <c r="AI86" s="1"/>
      <c r="AJ86" s="1"/>
      <c r="AK86" s="1"/>
    </row>
    <row r="87" spans="2:37" x14ac:dyDescent="0.2">
      <c r="B87" s="1"/>
      <c r="C87" s="1"/>
      <c r="D87" s="1"/>
      <c r="E87" s="1"/>
      <c r="F87" s="1"/>
      <c r="G87" s="1"/>
      <c r="H87" s="1"/>
      <c r="I87" s="1"/>
      <c r="J87" s="1"/>
      <c r="K87" s="1"/>
      <c r="L87" s="1"/>
      <c r="M87" s="1"/>
      <c r="N87" s="1"/>
      <c r="O87" s="1"/>
      <c r="P87" s="1"/>
      <c r="Q87" s="1"/>
      <c r="R87" s="1"/>
      <c r="S87" s="1"/>
      <c r="T87" s="1"/>
      <c r="U87" s="1"/>
      <c r="V87" s="1"/>
      <c r="W87" s="1"/>
      <c r="X87" s="1"/>
      <c r="Y87" s="1"/>
      <c r="Z87" s="1"/>
      <c r="AA87" s="1"/>
      <c r="AB87" s="1"/>
      <c r="AC87" s="1"/>
      <c r="AD87" s="1"/>
      <c r="AE87" s="1"/>
      <c r="AF87" s="1"/>
      <c r="AG87" s="1"/>
      <c r="AH87" s="1"/>
      <c r="AI87" s="1"/>
      <c r="AJ87" s="1"/>
      <c r="AK87" s="1"/>
    </row>
    <row r="88" spans="2:37" x14ac:dyDescent="0.2">
      <c r="B88" s="1"/>
      <c r="C88" s="1"/>
      <c r="D88" s="1"/>
      <c r="E88" s="1"/>
      <c r="F88" s="1"/>
      <c r="G88" s="1"/>
      <c r="H88" s="1"/>
      <c r="I88" s="1"/>
      <c r="J88" s="1"/>
      <c r="K88" s="1"/>
      <c r="L88" s="1"/>
      <c r="M88" s="1"/>
      <c r="N88" s="1"/>
      <c r="O88" s="1"/>
      <c r="P88" s="1"/>
      <c r="Q88" s="1"/>
      <c r="R88" s="1"/>
      <c r="S88" s="1"/>
      <c r="T88" s="1"/>
      <c r="U88" s="1"/>
      <c r="V88" s="1"/>
      <c r="W88" s="1"/>
      <c r="X88" s="1"/>
      <c r="Y88" s="1"/>
      <c r="Z88" s="1"/>
      <c r="AA88" s="1"/>
      <c r="AB88" s="1"/>
      <c r="AC88" s="1"/>
      <c r="AD88" s="1"/>
      <c r="AE88" s="1"/>
      <c r="AF88" s="1"/>
      <c r="AG88" s="1"/>
      <c r="AH88" s="1"/>
      <c r="AI88" s="1"/>
      <c r="AJ88" s="1"/>
      <c r="AK88" s="1"/>
    </row>
    <row r="89" spans="2:37" x14ac:dyDescent="0.2">
      <c r="B89" s="1"/>
      <c r="C89" s="1"/>
      <c r="D89" s="1"/>
      <c r="E89" s="1"/>
      <c r="F89" s="1"/>
      <c r="G89" s="1"/>
      <c r="H89" s="1"/>
      <c r="I89" s="1"/>
      <c r="J89" s="1"/>
      <c r="K89" s="1"/>
      <c r="L89" s="1"/>
      <c r="M89" s="1"/>
      <c r="N89" s="1"/>
      <c r="O89" s="1"/>
      <c r="P89" s="1"/>
      <c r="Q89" s="1"/>
      <c r="R89" s="1"/>
      <c r="S89" s="1"/>
      <c r="T89" s="1"/>
      <c r="U89" s="1"/>
      <c r="V89" s="1"/>
      <c r="W89" s="1"/>
      <c r="X89" s="1"/>
      <c r="Y89" s="1"/>
      <c r="Z89" s="1"/>
      <c r="AA89" s="1"/>
      <c r="AB89" s="1"/>
      <c r="AC89" s="1"/>
      <c r="AD89" s="1"/>
      <c r="AE89" s="1"/>
      <c r="AF89" s="1"/>
      <c r="AG89" s="1"/>
      <c r="AH89" s="1"/>
      <c r="AI89" s="1"/>
      <c r="AJ89" s="1"/>
      <c r="AK89" s="1"/>
    </row>
    <row r="90" spans="2:37" x14ac:dyDescent="0.2">
      <c r="B90" s="1"/>
      <c r="C90" s="1"/>
      <c r="D90" s="1"/>
      <c r="E90" s="1"/>
      <c r="F90" s="1"/>
      <c r="G90" s="1"/>
      <c r="H90" s="1"/>
      <c r="I90" s="1"/>
      <c r="J90" s="1"/>
      <c r="K90" s="1"/>
      <c r="L90" s="1"/>
      <c r="M90" s="1"/>
      <c r="N90" s="1"/>
      <c r="O90" s="1"/>
      <c r="P90" s="1"/>
      <c r="Q90" s="1"/>
      <c r="R90" s="1"/>
      <c r="S90" s="1"/>
      <c r="T90" s="1"/>
      <c r="U90" s="1"/>
      <c r="V90" s="1"/>
      <c r="W90" s="1"/>
      <c r="X90" s="1"/>
      <c r="Y90" s="1"/>
      <c r="Z90" s="1"/>
      <c r="AA90" s="1"/>
      <c r="AB90" s="1"/>
      <c r="AC90" s="1"/>
      <c r="AD90" s="1"/>
      <c r="AE90" s="1"/>
      <c r="AF90" s="1"/>
      <c r="AG90" s="1"/>
      <c r="AH90" s="1"/>
      <c r="AI90" s="1"/>
      <c r="AJ90" s="1"/>
      <c r="AK90" s="1"/>
    </row>
    <row r="91" spans="2:37" x14ac:dyDescent="0.2">
      <c r="B91" s="1"/>
      <c r="C91" s="1"/>
      <c r="D91" s="1"/>
      <c r="E91" s="1"/>
      <c r="F91" s="1"/>
      <c r="G91" s="1"/>
      <c r="H91" s="1"/>
      <c r="I91" s="1"/>
      <c r="J91" s="1"/>
      <c r="K91" s="1"/>
      <c r="L91" s="1"/>
      <c r="M91" s="1"/>
      <c r="N91" s="1"/>
      <c r="O91" s="1"/>
      <c r="P91" s="1"/>
      <c r="Q91" s="1"/>
      <c r="R91" s="1"/>
      <c r="S91" s="1"/>
      <c r="T91" s="1"/>
      <c r="U91" s="1"/>
      <c r="V91" s="1"/>
      <c r="W91" s="1"/>
      <c r="X91" s="1"/>
      <c r="Y91" s="1"/>
      <c r="Z91" s="1"/>
      <c r="AA91" s="1"/>
      <c r="AB91" s="1"/>
      <c r="AC91" s="1"/>
      <c r="AD91" s="1"/>
      <c r="AE91" s="1"/>
      <c r="AF91" s="1"/>
      <c r="AG91" s="1"/>
      <c r="AH91" s="1"/>
      <c r="AI91" s="1"/>
      <c r="AJ91" s="1"/>
      <c r="AK91" s="1"/>
    </row>
    <row r="92" spans="2:37" x14ac:dyDescent="0.2">
      <c r="B92" s="1"/>
      <c r="C92" s="1"/>
      <c r="D92" s="1"/>
      <c r="E92" s="1"/>
      <c r="F92" s="1"/>
      <c r="G92" s="1"/>
      <c r="H92" s="1"/>
      <c r="I92" s="1"/>
      <c r="J92" s="1"/>
      <c r="K92" s="1"/>
      <c r="L92" s="1"/>
      <c r="M92" s="1"/>
      <c r="N92" s="1"/>
      <c r="O92" s="1"/>
      <c r="P92" s="1"/>
      <c r="Q92" s="1"/>
      <c r="R92" s="1"/>
      <c r="S92" s="1"/>
      <c r="T92" s="1"/>
      <c r="U92" s="1"/>
      <c r="V92" s="1"/>
      <c r="W92" s="1"/>
      <c r="X92" s="1"/>
      <c r="Y92" s="1"/>
      <c r="Z92" s="1"/>
      <c r="AA92" s="1"/>
      <c r="AB92" s="1"/>
      <c r="AC92" s="1"/>
      <c r="AD92" s="1"/>
      <c r="AE92" s="1"/>
      <c r="AF92" s="1"/>
      <c r="AG92" s="1"/>
      <c r="AH92" s="1"/>
      <c r="AI92" s="1"/>
      <c r="AJ92" s="1"/>
      <c r="AK92" s="1"/>
    </row>
    <row r="93" spans="2:37" x14ac:dyDescent="0.2">
      <c r="B93" s="1"/>
      <c r="C93" s="1"/>
      <c r="D93" s="1"/>
      <c r="E93" s="1"/>
      <c r="F93" s="1"/>
      <c r="G93" s="1"/>
      <c r="H93" s="1"/>
      <c r="I93" s="1"/>
      <c r="J93" s="1"/>
      <c r="K93" s="1"/>
      <c r="L93" s="1"/>
      <c r="M93" s="1"/>
      <c r="N93" s="1"/>
      <c r="O93" s="1"/>
      <c r="P93" s="1"/>
      <c r="Q93" s="1"/>
      <c r="R93" s="1"/>
      <c r="S93" s="1"/>
      <c r="T93" s="1"/>
      <c r="U93" s="1"/>
      <c r="V93" s="1"/>
      <c r="W93" s="1"/>
      <c r="X93" s="1"/>
      <c r="Y93" s="1"/>
      <c r="Z93" s="1"/>
      <c r="AA93" s="1"/>
      <c r="AB93" s="1"/>
      <c r="AC93" s="1"/>
      <c r="AD93" s="1"/>
      <c r="AE93" s="1"/>
      <c r="AF93" s="1"/>
      <c r="AG93" s="1"/>
      <c r="AH93" s="1"/>
      <c r="AI93" s="1"/>
      <c r="AJ93" s="1"/>
      <c r="AK93" s="1"/>
    </row>
    <row r="94" spans="2:37" x14ac:dyDescent="0.2">
      <c r="B94" s="1"/>
      <c r="C94" s="1"/>
      <c r="D94" s="1"/>
      <c r="E94" s="1"/>
      <c r="F94" s="1"/>
      <c r="G94" s="1"/>
      <c r="H94" s="1"/>
      <c r="I94" s="1"/>
      <c r="J94" s="1"/>
      <c r="K94" s="1"/>
      <c r="L94" s="1"/>
      <c r="M94" s="1"/>
      <c r="N94" s="1"/>
      <c r="O94" s="1"/>
      <c r="P94" s="1"/>
      <c r="Q94" s="1"/>
      <c r="R94" s="1"/>
      <c r="S94" s="1"/>
      <c r="T94" s="1"/>
      <c r="U94" s="1"/>
      <c r="V94" s="1"/>
      <c r="W94" s="1"/>
      <c r="X94" s="1"/>
      <c r="Y94" s="1"/>
      <c r="Z94" s="1"/>
      <c r="AA94" s="1"/>
      <c r="AB94" s="1"/>
      <c r="AC94" s="1"/>
      <c r="AD94" s="1"/>
      <c r="AE94" s="1"/>
      <c r="AF94" s="1"/>
      <c r="AG94" s="1"/>
      <c r="AH94" s="1"/>
      <c r="AI94" s="1"/>
      <c r="AJ94" s="1"/>
      <c r="AK94" s="1"/>
    </row>
    <row r="95" spans="2:37" x14ac:dyDescent="0.2">
      <c r="B95" s="1"/>
      <c r="C95" s="1"/>
      <c r="D95" s="1"/>
      <c r="E95" s="1"/>
      <c r="F95" s="1"/>
      <c r="G95" s="1"/>
      <c r="H95" s="1"/>
      <c r="I95" s="1"/>
      <c r="J95" s="1"/>
      <c r="K95" s="1"/>
      <c r="L95" s="1"/>
      <c r="M95" s="1"/>
      <c r="N95" s="1"/>
      <c r="O95" s="1"/>
      <c r="P95" s="1"/>
      <c r="Q95" s="1"/>
      <c r="R95" s="1"/>
      <c r="S95" s="1"/>
      <c r="T95" s="1"/>
      <c r="U95" s="1"/>
      <c r="V95" s="1"/>
      <c r="W95" s="1"/>
      <c r="X95" s="1"/>
      <c r="Y95" s="1"/>
      <c r="Z95" s="1"/>
      <c r="AA95" s="1"/>
      <c r="AB95" s="1"/>
      <c r="AC95" s="1"/>
      <c r="AD95" s="1"/>
      <c r="AE95" s="1"/>
      <c r="AF95" s="1"/>
      <c r="AG95" s="1"/>
      <c r="AH95" s="1"/>
      <c r="AI95" s="1"/>
      <c r="AJ95" s="1"/>
      <c r="AK95" s="1"/>
    </row>
    <row r="96" spans="2:37" x14ac:dyDescent="0.2">
      <c r="B96" s="1"/>
      <c r="C96" s="1"/>
      <c r="D96" s="1"/>
      <c r="E96" s="1"/>
      <c r="F96" s="1"/>
      <c r="G96" s="1"/>
      <c r="H96" s="1"/>
      <c r="I96" s="1"/>
      <c r="J96" s="1"/>
      <c r="K96" s="1"/>
      <c r="L96" s="1"/>
      <c r="M96" s="1"/>
      <c r="N96" s="1"/>
      <c r="O96" s="1"/>
      <c r="P96" s="1"/>
      <c r="Q96" s="1"/>
      <c r="R96" s="1"/>
      <c r="S96" s="1"/>
      <c r="T96" s="1"/>
      <c r="U96" s="1"/>
      <c r="V96" s="1"/>
      <c r="W96" s="1"/>
      <c r="X96" s="1"/>
      <c r="Y96" s="1"/>
      <c r="Z96" s="1"/>
      <c r="AA96" s="1"/>
      <c r="AB96" s="1"/>
      <c r="AC96" s="1"/>
      <c r="AD96" s="1"/>
      <c r="AE96" s="1"/>
      <c r="AF96" s="1"/>
      <c r="AG96" s="1"/>
      <c r="AH96" s="1"/>
      <c r="AI96" s="1"/>
      <c r="AJ96" s="1"/>
      <c r="AK96" s="1"/>
    </row>
    <row r="97" spans="2:37" x14ac:dyDescent="0.2">
      <c r="B97" s="1"/>
      <c r="C97" s="1"/>
      <c r="D97" s="1"/>
      <c r="E97" s="1"/>
      <c r="F97" s="1"/>
      <c r="G97" s="1"/>
      <c r="H97" s="1"/>
      <c r="I97" s="1"/>
      <c r="J97" s="1"/>
      <c r="K97" s="1"/>
      <c r="L97" s="1"/>
      <c r="M97" s="1"/>
      <c r="N97" s="1"/>
      <c r="O97" s="1"/>
      <c r="P97" s="1"/>
      <c r="Q97" s="1"/>
      <c r="R97" s="1"/>
      <c r="S97" s="1"/>
      <c r="T97" s="1"/>
      <c r="U97" s="1"/>
      <c r="V97" s="1"/>
      <c r="W97" s="1"/>
      <c r="X97" s="1"/>
      <c r="Y97" s="1"/>
      <c r="Z97" s="1"/>
      <c r="AA97" s="1"/>
      <c r="AB97" s="1"/>
      <c r="AC97" s="1"/>
      <c r="AD97" s="1"/>
      <c r="AE97" s="1"/>
      <c r="AF97" s="1"/>
      <c r="AG97" s="1"/>
      <c r="AH97" s="1"/>
      <c r="AI97" s="1"/>
      <c r="AJ97" s="1"/>
      <c r="AK97" s="1"/>
    </row>
    <row r="98" spans="2:37" x14ac:dyDescent="0.2">
      <c r="B98" s="1"/>
      <c r="C98" s="1"/>
      <c r="D98" s="1"/>
      <c r="E98" s="1"/>
      <c r="F98" s="1"/>
      <c r="G98" s="1"/>
      <c r="H98" s="1"/>
      <c r="I98" s="1"/>
      <c r="J98" s="1"/>
      <c r="K98" s="1"/>
      <c r="L98" s="1"/>
      <c r="M98" s="1"/>
      <c r="N98" s="1"/>
      <c r="O98" s="1"/>
      <c r="P98" s="1"/>
      <c r="Q98" s="1"/>
      <c r="R98" s="1"/>
      <c r="S98" s="1"/>
      <c r="T98" s="1"/>
      <c r="U98" s="1"/>
      <c r="V98" s="1"/>
      <c r="W98" s="1"/>
      <c r="X98" s="1"/>
      <c r="Y98" s="1"/>
      <c r="Z98" s="1"/>
      <c r="AA98" s="1"/>
      <c r="AB98" s="1"/>
      <c r="AC98" s="1"/>
      <c r="AD98" s="1"/>
      <c r="AE98" s="1"/>
      <c r="AF98" s="1"/>
      <c r="AG98" s="1"/>
      <c r="AH98" s="1"/>
      <c r="AI98" s="1"/>
      <c r="AJ98" s="1"/>
      <c r="AK98" s="1"/>
    </row>
    <row r="99" spans="2:37" x14ac:dyDescent="0.2">
      <c r="B99" s="1"/>
      <c r="C99" s="1"/>
      <c r="D99" s="1"/>
      <c r="E99" s="1"/>
      <c r="F99" s="1"/>
      <c r="G99" s="1"/>
      <c r="H99" s="1"/>
      <c r="I99" s="1"/>
      <c r="J99" s="1"/>
      <c r="K99" s="1"/>
      <c r="L99" s="1"/>
      <c r="M99" s="1"/>
      <c r="N99" s="1"/>
      <c r="O99" s="1"/>
      <c r="P99" s="1"/>
      <c r="Q99" s="1"/>
      <c r="R99" s="1"/>
      <c r="S99" s="1"/>
      <c r="T99" s="1"/>
      <c r="U99" s="1"/>
      <c r="V99" s="1"/>
      <c r="W99" s="1"/>
      <c r="X99" s="1"/>
      <c r="Y99" s="1"/>
      <c r="Z99" s="1"/>
      <c r="AA99" s="1"/>
      <c r="AB99" s="1"/>
      <c r="AC99" s="1"/>
      <c r="AD99" s="1"/>
      <c r="AE99" s="1"/>
      <c r="AF99" s="1"/>
      <c r="AG99" s="1"/>
      <c r="AH99" s="1"/>
      <c r="AI99" s="1"/>
      <c r="AJ99" s="1"/>
      <c r="AK99" s="1"/>
    </row>
    <row r="100" spans="2:37" x14ac:dyDescent="0.2">
      <c r="B100" s="1"/>
      <c r="C100" s="1"/>
      <c r="D100" s="1"/>
      <c r="E100" s="1"/>
      <c r="F100" s="1"/>
      <c r="G100" s="1"/>
      <c r="H100" s="1"/>
      <c r="I100" s="1"/>
      <c r="J100" s="1"/>
      <c r="K100" s="1"/>
      <c r="L100" s="1"/>
      <c r="M100" s="1"/>
      <c r="N100" s="1"/>
      <c r="O100" s="1"/>
      <c r="P100" s="1"/>
      <c r="Q100" s="1"/>
      <c r="R100" s="1"/>
      <c r="S100" s="1"/>
      <c r="T100" s="1"/>
      <c r="U100" s="1"/>
      <c r="V100" s="1"/>
      <c r="W100" s="1"/>
      <c r="X100" s="1"/>
      <c r="Y100" s="1"/>
      <c r="Z100" s="1"/>
      <c r="AA100" s="1"/>
      <c r="AB100" s="1"/>
      <c r="AC100" s="1"/>
      <c r="AD100" s="1"/>
      <c r="AE100" s="1"/>
      <c r="AF100" s="1"/>
      <c r="AG100" s="1"/>
      <c r="AH100" s="1"/>
      <c r="AI100" s="1"/>
      <c r="AJ100" s="1"/>
      <c r="AK100" s="1"/>
    </row>
    <row r="101" spans="2:37" x14ac:dyDescent="0.2">
      <c r="B101" s="1"/>
      <c r="C101" s="1"/>
      <c r="D101" s="1"/>
      <c r="E101" s="1"/>
      <c r="F101" s="1"/>
      <c r="G101" s="1"/>
      <c r="H101" s="1"/>
      <c r="I101" s="1"/>
      <c r="J101" s="1"/>
      <c r="K101" s="1"/>
      <c r="L101" s="1"/>
      <c r="M101" s="1"/>
      <c r="N101" s="1"/>
      <c r="O101" s="1"/>
      <c r="P101" s="1"/>
      <c r="Q101" s="1"/>
      <c r="R101" s="1"/>
      <c r="S101" s="1"/>
      <c r="T101" s="1"/>
      <c r="U101" s="1"/>
      <c r="V101" s="1"/>
      <c r="W101" s="1"/>
      <c r="X101" s="1"/>
      <c r="Y101" s="1"/>
      <c r="Z101" s="1"/>
      <c r="AA101" s="1"/>
      <c r="AB101" s="1"/>
      <c r="AC101" s="1"/>
      <c r="AD101" s="1"/>
      <c r="AE101" s="1"/>
      <c r="AF101" s="1"/>
      <c r="AG101" s="1"/>
      <c r="AH101" s="1"/>
      <c r="AI101" s="1"/>
      <c r="AJ101" s="1"/>
      <c r="AK101" s="1"/>
    </row>
    <row r="102" spans="2:37" x14ac:dyDescent="0.2">
      <c r="B102" s="1"/>
      <c r="C102" s="1"/>
      <c r="D102" s="1"/>
      <c r="E102" s="1"/>
      <c r="F102" s="1"/>
      <c r="G102" s="1"/>
      <c r="H102" s="1"/>
      <c r="I102" s="1"/>
      <c r="J102" s="1"/>
      <c r="K102" s="1"/>
      <c r="L102" s="1"/>
      <c r="M102" s="1"/>
      <c r="N102" s="1"/>
      <c r="O102" s="1"/>
      <c r="P102" s="1"/>
      <c r="Q102" s="1"/>
      <c r="R102" s="1"/>
      <c r="S102" s="1"/>
      <c r="T102" s="1"/>
      <c r="U102" s="1"/>
      <c r="V102" s="1"/>
      <c r="W102" s="1"/>
      <c r="X102" s="1"/>
      <c r="Y102" s="1"/>
      <c r="Z102" s="1"/>
      <c r="AA102" s="1"/>
      <c r="AB102" s="1"/>
      <c r="AC102" s="1"/>
      <c r="AD102" s="1"/>
      <c r="AE102" s="1"/>
      <c r="AF102" s="1"/>
      <c r="AG102" s="1"/>
      <c r="AH102" s="1"/>
      <c r="AI102" s="1"/>
      <c r="AJ102" s="1"/>
      <c r="AK102" s="1"/>
    </row>
    <row r="103" spans="2:37" x14ac:dyDescent="0.2">
      <c r="B103" s="1"/>
      <c r="C103" s="1"/>
      <c r="D103" s="1"/>
      <c r="E103" s="1"/>
      <c r="F103" s="1"/>
      <c r="G103" s="1"/>
      <c r="H103" s="1"/>
      <c r="I103" s="1"/>
      <c r="J103" s="1"/>
      <c r="K103" s="1"/>
      <c r="L103" s="1"/>
      <c r="M103" s="1"/>
      <c r="N103" s="1"/>
      <c r="O103" s="1"/>
      <c r="P103" s="1"/>
      <c r="Q103" s="1"/>
      <c r="R103" s="1"/>
      <c r="S103" s="1"/>
      <c r="T103" s="1"/>
      <c r="U103" s="1"/>
      <c r="V103" s="1"/>
      <c r="W103" s="1"/>
      <c r="X103" s="1"/>
      <c r="Y103" s="1"/>
      <c r="Z103" s="1"/>
      <c r="AA103" s="1"/>
      <c r="AB103" s="1"/>
      <c r="AC103" s="1"/>
      <c r="AD103" s="1"/>
      <c r="AE103" s="1"/>
      <c r="AF103" s="1"/>
      <c r="AG103" s="1"/>
      <c r="AH103" s="1"/>
      <c r="AI103" s="1"/>
      <c r="AJ103" s="1"/>
      <c r="AK103" s="1"/>
    </row>
    <row r="104" spans="2:37" x14ac:dyDescent="0.2">
      <c r="B104" s="1"/>
      <c r="C104" s="1"/>
      <c r="D104" s="1"/>
      <c r="E104" s="1"/>
      <c r="F104" s="1"/>
      <c r="G104" s="1"/>
      <c r="H104" s="1"/>
      <c r="I104" s="1"/>
      <c r="J104" s="1"/>
      <c r="K104" s="1"/>
      <c r="L104" s="1"/>
      <c r="M104" s="1"/>
      <c r="N104" s="1"/>
      <c r="O104" s="1"/>
      <c r="P104" s="1"/>
      <c r="Q104" s="1"/>
      <c r="R104" s="1"/>
      <c r="S104" s="1"/>
      <c r="T104" s="1"/>
      <c r="U104" s="1"/>
      <c r="V104" s="1"/>
      <c r="W104" s="1"/>
      <c r="X104" s="1"/>
      <c r="Y104" s="1"/>
      <c r="Z104" s="1"/>
      <c r="AA104" s="1"/>
      <c r="AB104" s="1"/>
      <c r="AC104" s="1"/>
      <c r="AD104" s="1"/>
      <c r="AE104" s="1"/>
      <c r="AF104" s="1"/>
      <c r="AG104" s="1"/>
      <c r="AH104" s="1"/>
      <c r="AI104" s="1"/>
      <c r="AJ104" s="1"/>
      <c r="AK104" s="1"/>
    </row>
    <row r="105" spans="2:37" x14ac:dyDescent="0.2">
      <c r="B105" s="1"/>
      <c r="C105" s="1"/>
      <c r="D105" s="1"/>
      <c r="E105" s="1"/>
      <c r="F105" s="1"/>
      <c r="G105" s="1"/>
      <c r="H105" s="1"/>
      <c r="I105" s="1"/>
      <c r="J105" s="1"/>
      <c r="K105" s="1"/>
      <c r="L105" s="1"/>
      <c r="M105" s="1"/>
      <c r="N105" s="1"/>
      <c r="O105" s="1"/>
      <c r="P105" s="1"/>
      <c r="Q105" s="1"/>
      <c r="R105" s="1"/>
      <c r="S105" s="1"/>
      <c r="T105" s="1"/>
      <c r="U105" s="1"/>
      <c r="V105" s="1"/>
      <c r="W105" s="1"/>
      <c r="X105" s="1"/>
      <c r="Y105" s="1"/>
      <c r="Z105" s="1"/>
      <c r="AA105" s="1"/>
      <c r="AB105" s="1"/>
      <c r="AC105" s="1"/>
      <c r="AD105" s="1"/>
      <c r="AE105" s="1"/>
      <c r="AF105" s="1"/>
      <c r="AG105" s="1"/>
      <c r="AH105" s="1"/>
      <c r="AI105" s="1"/>
      <c r="AJ105" s="1"/>
      <c r="AK105" s="1"/>
    </row>
    <row r="106" spans="2:37" x14ac:dyDescent="0.2">
      <c r="B106" s="1"/>
      <c r="C106" s="1"/>
      <c r="D106" s="1"/>
      <c r="E106" s="1"/>
      <c r="F106" s="1"/>
      <c r="G106" s="1"/>
      <c r="H106" s="1"/>
      <c r="I106" s="1"/>
      <c r="J106" s="1"/>
      <c r="K106" s="1"/>
      <c r="L106" s="1"/>
      <c r="M106" s="1"/>
      <c r="N106" s="1"/>
      <c r="O106" s="1"/>
      <c r="P106" s="1"/>
      <c r="Q106" s="1"/>
      <c r="R106" s="1"/>
      <c r="S106" s="1"/>
      <c r="T106" s="1"/>
      <c r="U106" s="1"/>
      <c r="V106" s="1"/>
      <c r="W106" s="1"/>
      <c r="X106" s="1"/>
      <c r="Y106" s="1"/>
      <c r="Z106" s="1"/>
      <c r="AA106" s="1"/>
      <c r="AB106" s="1"/>
      <c r="AC106" s="1"/>
      <c r="AD106" s="1"/>
      <c r="AE106" s="1"/>
      <c r="AF106" s="1"/>
      <c r="AG106" s="1"/>
      <c r="AH106" s="1"/>
      <c r="AI106" s="1"/>
      <c r="AJ106" s="1"/>
      <c r="AK106" s="1"/>
    </row>
    <row r="107" spans="2:37" x14ac:dyDescent="0.2">
      <c r="B107" s="1"/>
      <c r="C107" s="1"/>
      <c r="D107" s="1"/>
      <c r="E107" s="1"/>
      <c r="F107" s="1"/>
      <c r="G107" s="1"/>
      <c r="H107" s="1"/>
      <c r="I107" s="1"/>
      <c r="J107" s="1"/>
      <c r="K107" s="1"/>
      <c r="L107" s="1"/>
      <c r="M107" s="1"/>
      <c r="N107" s="1"/>
      <c r="O107" s="1"/>
      <c r="P107" s="1"/>
      <c r="Q107" s="1"/>
      <c r="R107" s="1"/>
      <c r="S107" s="1"/>
      <c r="T107" s="1"/>
      <c r="U107" s="1"/>
      <c r="V107" s="1"/>
      <c r="W107" s="1"/>
      <c r="X107" s="1"/>
      <c r="Y107" s="1"/>
      <c r="Z107" s="1"/>
      <c r="AA107" s="1"/>
      <c r="AB107" s="1"/>
      <c r="AC107" s="1"/>
      <c r="AD107" s="1"/>
      <c r="AE107" s="1"/>
      <c r="AF107" s="1"/>
      <c r="AG107" s="1"/>
      <c r="AH107" s="1"/>
      <c r="AI107" s="1"/>
      <c r="AJ107" s="1"/>
      <c r="AK107" s="1"/>
    </row>
    <row r="108" spans="2:37" x14ac:dyDescent="0.2">
      <c r="B108" s="1"/>
      <c r="C108" s="1"/>
      <c r="D108" s="1"/>
      <c r="E108" s="1"/>
      <c r="F108" s="1"/>
      <c r="G108" s="1"/>
      <c r="H108" s="1"/>
      <c r="I108" s="1"/>
      <c r="J108" s="1"/>
      <c r="K108" s="1"/>
      <c r="L108" s="1"/>
      <c r="M108" s="1"/>
      <c r="N108" s="1"/>
      <c r="O108" s="1"/>
      <c r="P108" s="1"/>
      <c r="Q108" s="1"/>
      <c r="R108" s="1"/>
      <c r="S108" s="1"/>
      <c r="T108" s="1"/>
      <c r="U108" s="1"/>
      <c r="V108" s="1"/>
      <c r="W108" s="1"/>
      <c r="X108" s="1"/>
      <c r="Y108" s="1"/>
      <c r="Z108" s="1"/>
      <c r="AA108" s="1"/>
      <c r="AB108" s="1"/>
      <c r="AC108" s="1"/>
      <c r="AD108" s="1"/>
      <c r="AE108" s="1"/>
      <c r="AF108" s="1"/>
      <c r="AG108" s="1"/>
      <c r="AH108" s="1"/>
      <c r="AI108" s="1"/>
      <c r="AJ108" s="1"/>
      <c r="AK108" s="1"/>
    </row>
    <row r="109" spans="2:37" x14ac:dyDescent="0.2">
      <c r="B109" s="1"/>
      <c r="C109" s="1"/>
      <c r="D109" s="1"/>
      <c r="E109" s="1"/>
      <c r="F109" s="1"/>
      <c r="G109" s="1"/>
      <c r="H109" s="1"/>
      <c r="I109" s="1"/>
      <c r="J109" s="1"/>
      <c r="K109" s="1"/>
      <c r="L109" s="1"/>
      <c r="M109" s="1"/>
      <c r="N109" s="1"/>
      <c r="O109" s="1"/>
      <c r="P109" s="1"/>
      <c r="Q109" s="1"/>
      <c r="R109" s="1"/>
      <c r="S109" s="1"/>
      <c r="T109" s="1"/>
      <c r="U109" s="1"/>
      <c r="V109" s="1"/>
      <c r="W109" s="1"/>
      <c r="X109" s="1"/>
      <c r="Y109" s="1"/>
      <c r="Z109" s="1"/>
      <c r="AA109" s="1"/>
      <c r="AB109" s="1"/>
      <c r="AC109" s="1"/>
      <c r="AD109" s="1"/>
      <c r="AE109" s="1"/>
      <c r="AF109" s="1"/>
      <c r="AG109" s="1"/>
      <c r="AH109" s="1"/>
      <c r="AI109" s="1"/>
      <c r="AJ109" s="1"/>
      <c r="AK109" s="1"/>
    </row>
    <row r="110" spans="2:37" x14ac:dyDescent="0.2">
      <c r="B110" s="1"/>
      <c r="C110" s="1"/>
      <c r="D110" s="1"/>
      <c r="E110" s="1"/>
      <c r="F110" s="1"/>
      <c r="G110" s="1"/>
      <c r="H110" s="1"/>
      <c r="I110" s="1"/>
      <c r="J110" s="1"/>
      <c r="K110" s="1"/>
      <c r="L110" s="1"/>
      <c r="M110" s="1"/>
      <c r="N110" s="1"/>
      <c r="O110" s="1"/>
      <c r="P110" s="1"/>
      <c r="Q110" s="1"/>
      <c r="R110" s="1"/>
      <c r="S110" s="1"/>
      <c r="T110" s="1"/>
      <c r="U110" s="1"/>
      <c r="V110" s="1"/>
      <c r="W110" s="1"/>
      <c r="X110" s="1"/>
      <c r="Y110" s="1"/>
      <c r="Z110" s="1"/>
      <c r="AA110" s="1"/>
      <c r="AB110" s="1"/>
      <c r="AC110" s="1"/>
      <c r="AD110" s="1"/>
      <c r="AE110" s="1"/>
      <c r="AF110" s="1"/>
      <c r="AG110" s="1"/>
      <c r="AH110" s="1"/>
      <c r="AI110" s="1"/>
      <c r="AJ110" s="1"/>
      <c r="AK110" s="1"/>
    </row>
    <row r="111" spans="2:37" x14ac:dyDescent="0.2">
      <c r="B111" s="1"/>
      <c r="C111" s="1"/>
      <c r="D111" s="1"/>
      <c r="E111" s="1"/>
      <c r="F111" s="1"/>
      <c r="G111" s="1"/>
      <c r="H111" s="1"/>
      <c r="I111" s="1"/>
      <c r="J111" s="1"/>
      <c r="K111" s="1"/>
      <c r="L111" s="1"/>
      <c r="M111" s="1"/>
      <c r="N111" s="1"/>
      <c r="O111" s="1"/>
      <c r="P111" s="1"/>
      <c r="Q111" s="1"/>
      <c r="R111" s="1"/>
      <c r="S111" s="1"/>
      <c r="T111" s="1"/>
      <c r="U111" s="1"/>
      <c r="V111" s="1"/>
      <c r="W111" s="1"/>
      <c r="X111" s="1"/>
      <c r="Y111" s="1"/>
      <c r="Z111" s="1"/>
      <c r="AA111" s="1"/>
      <c r="AB111" s="1"/>
      <c r="AC111" s="1"/>
      <c r="AD111" s="1"/>
      <c r="AE111" s="1"/>
      <c r="AF111" s="1"/>
      <c r="AG111" s="1"/>
      <c r="AH111" s="1"/>
      <c r="AI111" s="1"/>
      <c r="AJ111" s="1"/>
      <c r="AK111" s="1"/>
    </row>
    <row r="112" spans="2:37" x14ac:dyDescent="0.2">
      <c r="B112" s="1"/>
      <c r="C112" s="1"/>
      <c r="D112" s="1"/>
      <c r="E112" s="1"/>
      <c r="F112" s="1"/>
      <c r="G112" s="1"/>
      <c r="H112" s="1"/>
      <c r="I112" s="1"/>
      <c r="J112" s="1"/>
      <c r="K112" s="1"/>
      <c r="L112" s="1"/>
      <c r="M112" s="1"/>
      <c r="N112" s="1"/>
      <c r="O112" s="1"/>
      <c r="P112" s="1"/>
      <c r="Q112" s="1"/>
      <c r="R112" s="1"/>
      <c r="S112" s="1"/>
      <c r="T112" s="1"/>
      <c r="U112" s="1"/>
      <c r="V112" s="1"/>
      <c r="W112" s="1"/>
      <c r="X112" s="1"/>
      <c r="Y112" s="1"/>
      <c r="Z112" s="1"/>
      <c r="AA112" s="1"/>
      <c r="AB112" s="1"/>
      <c r="AC112" s="1"/>
      <c r="AD112" s="1"/>
      <c r="AE112" s="1"/>
      <c r="AF112" s="1"/>
      <c r="AG112" s="1"/>
      <c r="AH112" s="1"/>
      <c r="AI112" s="1"/>
      <c r="AJ112" s="1"/>
      <c r="AK112" s="1"/>
    </row>
    <row r="113" spans="2:37" x14ac:dyDescent="0.2">
      <c r="B113" s="1"/>
      <c r="C113" s="1"/>
      <c r="D113" s="1"/>
      <c r="E113" s="1"/>
      <c r="F113" s="1"/>
      <c r="G113" s="1"/>
      <c r="H113" s="1"/>
      <c r="I113" s="1"/>
      <c r="J113" s="1"/>
      <c r="K113" s="1"/>
      <c r="L113" s="1"/>
      <c r="M113" s="1"/>
      <c r="N113" s="1"/>
      <c r="O113" s="1"/>
      <c r="P113" s="1"/>
      <c r="Q113" s="1"/>
      <c r="R113" s="1"/>
      <c r="S113" s="1"/>
      <c r="T113" s="1"/>
      <c r="U113" s="1"/>
      <c r="V113" s="1"/>
      <c r="W113" s="1"/>
      <c r="X113" s="1"/>
      <c r="Y113" s="1"/>
      <c r="Z113" s="1"/>
      <c r="AA113" s="1"/>
      <c r="AB113" s="1"/>
      <c r="AC113" s="1"/>
      <c r="AD113" s="1"/>
      <c r="AE113" s="1"/>
      <c r="AF113" s="1"/>
      <c r="AG113" s="1"/>
      <c r="AH113" s="1"/>
      <c r="AI113" s="1"/>
      <c r="AJ113" s="1"/>
      <c r="AK113" s="1"/>
    </row>
    <row r="114" spans="2:37" x14ac:dyDescent="0.2">
      <c r="B114" s="1"/>
      <c r="C114" s="1"/>
      <c r="D114" s="1"/>
      <c r="E114" s="1"/>
      <c r="F114" s="1"/>
      <c r="G114" s="1"/>
      <c r="H114" s="1"/>
      <c r="I114" s="1"/>
      <c r="J114" s="1"/>
      <c r="K114" s="1"/>
      <c r="L114" s="1"/>
      <c r="M114" s="1"/>
      <c r="N114" s="1"/>
      <c r="O114" s="1"/>
      <c r="P114" s="1"/>
      <c r="Q114" s="1"/>
      <c r="R114" s="1"/>
      <c r="S114" s="1"/>
      <c r="T114" s="1"/>
      <c r="U114" s="1"/>
      <c r="V114" s="1"/>
      <c r="W114" s="1"/>
      <c r="X114" s="1"/>
      <c r="Y114" s="1"/>
      <c r="Z114" s="1"/>
      <c r="AA114" s="1"/>
      <c r="AB114" s="1"/>
      <c r="AC114" s="1"/>
      <c r="AD114" s="1"/>
      <c r="AE114" s="1"/>
      <c r="AF114" s="1"/>
      <c r="AG114" s="1"/>
      <c r="AH114" s="1"/>
      <c r="AI114" s="1"/>
      <c r="AJ114" s="1"/>
      <c r="AK114" s="1"/>
    </row>
    <row r="115" spans="2:37" x14ac:dyDescent="0.2">
      <c r="B115" s="1"/>
      <c r="C115" s="1"/>
      <c r="D115" s="1"/>
      <c r="E115" s="1"/>
      <c r="F115" s="1"/>
      <c r="G115" s="1"/>
      <c r="H115" s="1"/>
      <c r="I115" s="1"/>
      <c r="J115" s="1"/>
      <c r="K115" s="1"/>
      <c r="L115" s="1"/>
      <c r="M115" s="1"/>
      <c r="N115" s="1"/>
      <c r="O115" s="1"/>
      <c r="P115" s="1"/>
      <c r="Q115" s="1"/>
      <c r="R115" s="1"/>
      <c r="S115" s="1"/>
      <c r="T115" s="1"/>
      <c r="U115" s="1"/>
      <c r="V115" s="1"/>
      <c r="W115" s="1"/>
      <c r="X115" s="1"/>
      <c r="Y115" s="1"/>
      <c r="Z115" s="1"/>
      <c r="AA115" s="1"/>
      <c r="AB115" s="1"/>
      <c r="AC115" s="1"/>
      <c r="AD115" s="1"/>
      <c r="AE115" s="1"/>
      <c r="AF115" s="1"/>
      <c r="AG115" s="1"/>
      <c r="AH115" s="1"/>
      <c r="AI115" s="1"/>
      <c r="AJ115" s="1"/>
      <c r="AK115" s="1"/>
    </row>
    <row r="116" spans="2:37" x14ac:dyDescent="0.2">
      <c r="B116" s="1"/>
      <c r="C116" s="1"/>
      <c r="D116" s="1"/>
      <c r="E116" s="1"/>
      <c r="F116" s="1"/>
      <c r="G116" s="1"/>
      <c r="H116" s="1"/>
      <c r="I116" s="1"/>
      <c r="J116" s="1"/>
      <c r="K116" s="1"/>
      <c r="L116" s="1"/>
      <c r="M116" s="1"/>
      <c r="N116" s="1"/>
      <c r="O116" s="1"/>
      <c r="P116" s="1"/>
      <c r="Q116" s="1"/>
      <c r="R116" s="1"/>
      <c r="S116" s="1"/>
      <c r="T116" s="1"/>
      <c r="U116" s="1"/>
      <c r="V116" s="1"/>
      <c r="W116" s="1"/>
      <c r="X116" s="1"/>
      <c r="Y116" s="1"/>
      <c r="Z116" s="1"/>
      <c r="AA116" s="1"/>
      <c r="AB116" s="1"/>
      <c r="AC116" s="1"/>
      <c r="AD116" s="1"/>
      <c r="AE116" s="1"/>
      <c r="AF116" s="1"/>
      <c r="AG116" s="1"/>
      <c r="AH116" s="1"/>
      <c r="AI116" s="1"/>
      <c r="AJ116" s="1"/>
      <c r="AK116" s="1"/>
    </row>
    <row r="117" spans="2:37" x14ac:dyDescent="0.2">
      <c r="B117" s="1"/>
      <c r="C117" s="1"/>
      <c r="D117" s="1"/>
      <c r="E117" s="1"/>
      <c r="F117" s="1"/>
      <c r="G117" s="1"/>
      <c r="H117" s="1"/>
      <c r="I117" s="1"/>
      <c r="J117" s="1"/>
      <c r="K117" s="1"/>
      <c r="L117" s="1"/>
      <c r="M117" s="1"/>
      <c r="N117" s="1"/>
      <c r="O117" s="1"/>
      <c r="P117" s="1"/>
      <c r="Q117" s="1"/>
      <c r="R117" s="1"/>
      <c r="S117" s="1"/>
      <c r="T117" s="1"/>
      <c r="U117" s="1"/>
      <c r="V117" s="1"/>
      <c r="W117" s="1"/>
      <c r="X117" s="1"/>
      <c r="Y117" s="1"/>
      <c r="Z117" s="1"/>
      <c r="AA117" s="1"/>
      <c r="AB117" s="1"/>
      <c r="AC117" s="1"/>
      <c r="AD117" s="1"/>
      <c r="AE117" s="1"/>
      <c r="AF117" s="1"/>
      <c r="AG117" s="1"/>
      <c r="AH117" s="1"/>
      <c r="AI117" s="1"/>
      <c r="AJ117" s="1"/>
      <c r="AK117" s="1"/>
    </row>
    <row r="118" spans="2:37" x14ac:dyDescent="0.2">
      <c r="B118" s="1"/>
      <c r="C118" s="1"/>
      <c r="D118" s="1"/>
      <c r="E118" s="1"/>
      <c r="F118" s="1"/>
      <c r="G118" s="1"/>
      <c r="H118" s="1"/>
      <c r="I118" s="1"/>
      <c r="J118" s="1"/>
      <c r="K118" s="1"/>
      <c r="L118" s="1"/>
      <c r="M118" s="1"/>
      <c r="N118" s="1"/>
      <c r="O118" s="1"/>
      <c r="P118" s="1"/>
      <c r="Q118" s="1"/>
      <c r="R118" s="1"/>
      <c r="S118" s="1"/>
      <c r="T118" s="1"/>
      <c r="U118" s="1"/>
      <c r="V118" s="1"/>
      <c r="W118" s="1"/>
      <c r="X118" s="1"/>
      <c r="Y118" s="1"/>
      <c r="Z118" s="1"/>
      <c r="AA118" s="1"/>
      <c r="AB118" s="1"/>
      <c r="AC118" s="1"/>
      <c r="AD118" s="1"/>
      <c r="AE118" s="1"/>
      <c r="AF118" s="1"/>
      <c r="AG118" s="1"/>
      <c r="AH118" s="1"/>
      <c r="AI118" s="1"/>
      <c r="AJ118" s="1"/>
      <c r="AK118" s="1"/>
    </row>
    <row r="119" spans="2:37" x14ac:dyDescent="0.2">
      <c r="B119" s="1"/>
      <c r="C119" s="1"/>
      <c r="D119" s="1"/>
      <c r="E119" s="1"/>
      <c r="F119" s="1"/>
      <c r="G119" s="1"/>
      <c r="H119" s="1"/>
      <c r="I119" s="1"/>
      <c r="J119" s="1"/>
      <c r="K119" s="1"/>
      <c r="L119" s="1"/>
      <c r="M119" s="1"/>
      <c r="N119" s="1"/>
      <c r="O119" s="1"/>
      <c r="P119" s="1"/>
      <c r="Q119" s="1"/>
      <c r="R119" s="1"/>
      <c r="S119" s="1"/>
      <c r="T119" s="1"/>
      <c r="U119" s="1"/>
      <c r="V119" s="1"/>
      <c r="W119" s="1"/>
      <c r="X119" s="1"/>
      <c r="Y119" s="1"/>
      <c r="Z119" s="1"/>
      <c r="AA119" s="1"/>
      <c r="AB119" s="1"/>
      <c r="AC119" s="1"/>
      <c r="AD119" s="1"/>
      <c r="AE119" s="1"/>
      <c r="AF119" s="1"/>
      <c r="AG119" s="1"/>
      <c r="AH119" s="1"/>
      <c r="AI119" s="1"/>
      <c r="AJ119" s="1"/>
      <c r="AK119" s="1"/>
    </row>
    <row r="120" spans="2:37" x14ac:dyDescent="0.2">
      <c r="B120" s="1"/>
      <c r="C120" s="1"/>
      <c r="D120" s="1"/>
      <c r="E120" s="1"/>
      <c r="F120" s="1"/>
      <c r="G120" s="1"/>
      <c r="H120" s="1"/>
      <c r="I120" s="1"/>
      <c r="J120" s="1"/>
      <c r="K120" s="1"/>
      <c r="L120" s="1"/>
      <c r="M120" s="1"/>
      <c r="N120" s="1"/>
      <c r="O120" s="1"/>
      <c r="P120" s="1"/>
      <c r="Q120" s="1"/>
      <c r="R120" s="1"/>
      <c r="S120" s="1"/>
      <c r="T120" s="1"/>
      <c r="U120" s="1"/>
      <c r="V120" s="1"/>
      <c r="W120" s="1"/>
      <c r="X120" s="1"/>
      <c r="Y120" s="1"/>
      <c r="Z120" s="1"/>
      <c r="AA120" s="1"/>
      <c r="AB120" s="1"/>
      <c r="AC120" s="1"/>
      <c r="AD120" s="1"/>
      <c r="AE120" s="1"/>
      <c r="AF120" s="1"/>
      <c r="AG120" s="1"/>
      <c r="AH120" s="1"/>
      <c r="AI120" s="1"/>
      <c r="AJ120" s="1"/>
      <c r="AK120" s="1"/>
    </row>
    <row r="121" spans="2:37" x14ac:dyDescent="0.2">
      <c r="B121" s="1"/>
      <c r="C121" s="1"/>
      <c r="D121" s="1"/>
      <c r="E121" s="1"/>
      <c r="F121" s="1"/>
      <c r="G121" s="1"/>
      <c r="H121" s="1"/>
      <c r="I121" s="1"/>
      <c r="J121" s="1"/>
      <c r="K121" s="1"/>
      <c r="L121" s="1"/>
      <c r="M121" s="1"/>
      <c r="N121" s="1"/>
      <c r="O121" s="1"/>
      <c r="P121" s="1"/>
      <c r="Q121" s="1"/>
      <c r="R121" s="1"/>
      <c r="S121" s="1"/>
      <c r="T121" s="1"/>
      <c r="U121" s="1"/>
      <c r="V121" s="1"/>
      <c r="W121" s="1"/>
      <c r="X121" s="1"/>
      <c r="Y121" s="1"/>
      <c r="Z121" s="1"/>
      <c r="AA121" s="1"/>
      <c r="AB121" s="1"/>
      <c r="AC121" s="1"/>
      <c r="AD121" s="1"/>
      <c r="AE121" s="1"/>
      <c r="AF121" s="1"/>
      <c r="AG121" s="1"/>
      <c r="AH121" s="1"/>
      <c r="AI121" s="1"/>
      <c r="AJ121" s="1"/>
      <c r="AK121" s="1"/>
    </row>
    <row r="122" spans="2:37" x14ac:dyDescent="0.2">
      <c r="B122" s="1"/>
      <c r="C122" s="1"/>
      <c r="D122" s="1"/>
      <c r="E122" s="1"/>
      <c r="F122" s="1"/>
      <c r="G122" s="1"/>
      <c r="H122" s="1"/>
      <c r="I122" s="1"/>
      <c r="J122" s="1"/>
      <c r="K122" s="1"/>
      <c r="L122" s="1"/>
      <c r="M122" s="1"/>
      <c r="N122" s="1"/>
      <c r="O122" s="1"/>
      <c r="P122" s="1"/>
      <c r="Q122" s="1"/>
      <c r="R122" s="1"/>
      <c r="S122" s="1"/>
      <c r="T122" s="1"/>
      <c r="U122" s="1"/>
      <c r="V122" s="1"/>
      <c r="W122" s="1"/>
      <c r="X122" s="1"/>
      <c r="Y122" s="1"/>
      <c r="Z122" s="1"/>
      <c r="AA122" s="1"/>
      <c r="AB122" s="1"/>
      <c r="AC122" s="1"/>
      <c r="AD122" s="1"/>
      <c r="AE122" s="1"/>
      <c r="AF122" s="1"/>
      <c r="AG122" s="1"/>
      <c r="AH122" s="1"/>
      <c r="AI122" s="1"/>
      <c r="AJ122" s="1"/>
      <c r="AK122" s="1"/>
    </row>
    <row r="123" spans="2:37" x14ac:dyDescent="0.2">
      <c r="B123" s="1"/>
      <c r="C123" s="1"/>
      <c r="D123" s="1"/>
      <c r="E123" s="1"/>
      <c r="F123" s="1"/>
      <c r="G123" s="1"/>
      <c r="H123" s="1"/>
      <c r="I123" s="1"/>
      <c r="J123" s="1"/>
      <c r="K123" s="1"/>
      <c r="L123" s="1"/>
      <c r="M123" s="1"/>
      <c r="N123" s="1"/>
      <c r="O123" s="1"/>
      <c r="P123" s="1"/>
      <c r="Q123" s="1"/>
      <c r="R123" s="1"/>
      <c r="S123" s="1"/>
      <c r="T123" s="1"/>
      <c r="U123" s="1"/>
      <c r="V123" s="1"/>
      <c r="W123" s="1"/>
      <c r="X123" s="1"/>
      <c r="Y123" s="1"/>
      <c r="Z123" s="1"/>
      <c r="AA123" s="1"/>
      <c r="AB123" s="1"/>
      <c r="AC123" s="1"/>
      <c r="AD123" s="1"/>
      <c r="AE123" s="1"/>
      <c r="AF123" s="1"/>
      <c r="AG123" s="1"/>
      <c r="AH123" s="1"/>
      <c r="AI123" s="1"/>
      <c r="AJ123" s="1"/>
      <c r="AK123" s="1"/>
    </row>
    <row r="124" spans="2:37" x14ac:dyDescent="0.2">
      <c r="B124" s="1"/>
      <c r="C124" s="1"/>
      <c r="D124" s="1"/>
      <c r="E124" s="1"/>
      <c r="F124" s="1"/>
      <c r="G124" s="1"/>
      <c r="H124" s="1"/>
      <c r="I124" s="1"/>
      <c r="J124" s="1"/>
      <c r="K124" s="1"/>
      <c r="L124" s="1"/>
      <c r="M124" s="1"/>
      <c r="N124" s="1"/>
      <c r="O124" s="1"/>
      <c r="P124" s="1"/>
      <c r="Q124" s="1"/>
      <c r="R124" s="1"/>
      <c r="S124" s="1"/>
      <c r="T124" s="1"/>
      <c r="U124" s="1"/>
      <c r="V124" s="1"/>
      <c r="W124" s="1"/>
      <c r="X124" s="1"/>
      <c r="Y124" s="1"/>
      <c r="Z124" s="1"/>
      <c r="AA124" s="1"/>
      <c r="AB124" s="1"/>
      <c r="AC124" s="1"/>
      <c r="AD124" s="1"/>
      <c r="AE124" s="1"/>
      <c r="AF124" s="1"/>
      <c r="AG124" s="1"/>
      <c r="AH124" s="1"/>
      <c r="AI124" s="1"/>
      <c r="AJ124" s="1"/>
      <c r="AK124" s="1"/>
    </row>
    <row r="125" spans="2:37" x14ac:dyDescent="0.2">
      <c r="B125" s="1"/>
      <c r="C125" s="1"/>
      <c r="D125" s="1"/>
      <c r="E125" s="1"/>
      <c r="F125" s="1"/>
      <c r="G125" s="1"/>
      <c r="H125" s="1"/>
      <c r="I125" s="1"/>
      <c r="J125" s="1"/>
      <c r="K125" s="1"/>
      <c r="L125" s="1"/>
      <c r="M125" s="1"/>
      <c r="N125" s="1"/>
      <c r="O125" s="1"/>
      <c r="P125" s="1"/>
      <c r="Q125" s="1"/>
      <c r="R125" s="1"/>
      <c r="S125" s="1"/>
      <c r="T125" s="1"/>
      <c r="U125" s="1"/>
      <c r="V125" s="1"/>
      <c r="W125" s="1"/>
      <c r="X125" s="1"/>
      <c r="Y125" s="1"/>
      <c r="Z125" s="1"/>
      <c r="AA125" s="1"/>
      <c r="AB125" s="1"/>
      <c r="AC125" s="1"/>
      <c r="AD125" s="1"/>
      <c r="AE125" s="1"/>
      <c r="AF125" s="1"/>
      <c r="AG125" s="1"/>
      <c r="AH125" s="1"/>
      <c r="AI125" s="1"/>
      <c r="AJ125" s="1"/>
      <c r="AK125" s="1"/>
    </row>
    <row r="126" spans="2:37" x14ac:dyDescent="0.2">
      <c r="B126" s="1"/>
      <c r="C126" s="1"/>
      <c r="D126" s="1"/>
      <c r="E126" s="1"/>
      <c r="F126" s="1"/>
      <c r="G126" s="1"/>
      <c r="H126" s="1"/>
      <c r="I126" s="1"/>
      <c r="J126" s="1"/>
      <c r="K126" s="1"/>
      <c r="L126" s="1"/>
      <c r="M126" s="1"/>
      <c r="N126" s="1"/>
      <c r="O126" s="1"/>
      <c r="P126" s="1"/>
      <c r="Q126" s="1"/>
      <c r="R126" s="1"/>
      <c r="S126" s="1"/>
      <c r="T126" s="1"/>
      <c r="U126" s="1"/>
      <c r="V126" s="1"/>
      <c r="W126" s="1"/>
      <c r="X126" s="1"/>
      <c r="Y126" s="1"/>
      <c r="Z126" s="1"/>
      <c r="AA126" s="1"/>
      <c r="AB126" s="1"/>
      <c r="AC126" s="1"/>
      <c r="AD126" s="1"/>
      <c r="AE126" s="1"/>
      <c r="AF126" s="1"/>
      <c r="AG126" s="1"/>
      <c r="AH126" s="1"/>
      <c r="AI126" s="1"/>
      <c r="AJ126" s="1"/>
      <c r="AK126" s="1"/>
    </row>
    <row r="127" spans="2:37" x14ac:dyDescent="0.2">
      <c r="B127" s="1"/>
      <c r="C127" s="1"/>
      <c r="D127" s="1"/>
      <c r="E127" s="1"/>
      <c r="F127" s="1"/>
      <c r="G127" s="1"/>
      <c r="H127" s="1"/>
      <c r="I127" s="1"/>
      <c r="J127" s="1"/>
      <c r="K127" s="1"/>
      <c r="L127" s="1"/>
      <c r="M127" s="1"/>
      <c r="N127" s="1"/>
      <c r="O127" s="1"/>
      <c r="P127" s="1"/>
      <c r="Q127" s="1"/>
      <c r="R127" s="1"/>
      <c r="S127" s="1"/>
      <c r="T127" s="1"/>
      <c r="U127" s="1"/>
      <c r="V127" s="1"/>
      <c r="W127" s="1"/>
      <c r="X127" s="1"/>
      <c r="Y127" s="1"/>
      <c r="Z127" s="1"/>
      <c r="AA127" s="1"/>
      <c r="AB127" s="1"/>
      <c r="AC127" s="1"/>
      <c r="AD127" s="1"/>
      <c r="AE127" s="1"/>
      <c r="AF127" s="1"/>
      <c r="AG127" s="1"/>
      <c r="AH127" s="1"/>
      <c r="AI127" s="1"/>
      <c r="AJ127" s="1"/>
      <c r="AK127" s="1"/>
    </row>
    <row r="128" spans="2:37" x14ac:dyDescent="0.2">
      <c r="B128" s="1"/>
      <c r="C128" s="1"/>
      <c r="D128" s="1"/>
      <c r="E128" s="1"/>
      <c r="F128" s="1"/>
      <c r="G128" s="1"/>
      <c r="H128" s="1"/>
      <c r="I128" s="1"/>
      <c r="J128" s="1"/>
      <c r="K128" s="1"/>
      <c r="L128" s="1"/>
      <c r="M128" s="1"/>
      <c r="N128" s="1"/>
      <c r="O128" s="1"/>
      <c r="P128" s="1"/>
      <c r="Q128" s="1"/>
      <c r="R128" s="1"/>
      <c r="S128" s="1"/>
      <c r="T128" s="1"/>
      <c r="U128" s="1"/>
      <c r="V128" s="1"/>
      <c r="W128" s="1"/>
      <c r="X128" s="1"/>
      <c r="Y128" s="1"/>
      <c r="Z128" s="1"/>
      <c r="AA128" s="1"/>
      <c r="AB128" s="1"/>
      <c r="AC128" s="1"/>
      <c r="AD128" s="1"/>
      <c r="AE128" s="1"/>
      <c r="AF128" s="1"/>
      <c r="AG128" s="1"/>
      <c r="AH128" s="1"/>
      <c r="AI128" s="1"/>
      <c r="AJ128" s="1"/>
      <c r="AK128" s="1"/>
    </row>
    <row r="129" spans="2:37" x14ac:dyDescent="0.2">
      <c r="B129" s="1"/>
      <c r="C129" s="1"/>
      <c r="D129" s="1"/>
      <c r="E129" s="1"/>
      <c r="F129" s="1"/>
      <c r="G129" s="1"/>
      <c r="H129" s="1"/>
      <c r="I129" s="1"/>
      <c r="J129" s="1"/>
      <c r="K129" s="1"/>
      <c r="L129" s="1"/>
      <c r="M129" s="1"/>
      <c r="N129" s="1"/>
      <c r="O129" s="1"/>
      <c r="P129" s="1"/>
      <c r="Q129" s="1"/>
      <c r="R129" s="1"/>
      <c r="S129" s="1"/>
      <c r="T129" s="1"/>
      <c r="U129" s="1"/>
      <c r="V129" s="1"/>
      <c r="W129" s="1"/>
      <c r="X129" s="1"/>
      <c r="Y129" s="1"/>
      <c r="Z129" s="1"/>
      <c r="AA129" s="1"/>
      <c r="AB129" s="1"/>
      <c r="AC129" s="1"/>
      <c r="AD129" s="1"/>
      <c r="AE129" s="1"/>
      <c r="AF129" s="1"/>
      <c r="AG129" s="1"/>
      <c r="AH129" s="1"/>
      <c r="AI129" s="1"/>
      <c r="AJ129" s="1"/>
      <c r="AK129" s="1"/>
    </row>
    <row r="130" spans="2:37" x14ac:dyDescent="0.2">
      <c r="B130" s="1"/>
      <c r="C130" s="1"/>
      <c r="D130" s="1"/>
      <c r="E130" s="1"/>
      <c r="F130" s="1"/>
      <c r="G130" s="1"/>
      <c r="H130" s="1"/>
      <c r="I130" s="1"/>
      <c r="J130" s="1"/>
      <c r="K130" s="1"/>
      <c r="L130" s="1"/>
      <c r="M130" s="1"/>
      <c r="N130" s="1"/>
      <c r="O130" s="1"/>
      <c r="P130" s="1"/>
      <c r="Q130" s="1"/>
      <c r="R130" s="1"/>
      <c r="S130" s="1"/>
      <c r="T130" s="1"/>
      <c r="U130" s="1"/>
      <c r="V130" s="1"/>
      <c r="W130" s="1"/>
      <c r="X130" s="1"/>
      <c r="Y130" s="1"/>
      <c r="Z130" s="1"/>
      <c r="AA130" s="1"/>
      <c r="AB130" s="1"/>
      <c r="AC130" s="1"/>
      <c r="AD130" s="1"/>
      <c r="AE130" s="1"/>
      <c r="AF130" s="1"/>
      <c r="AG130" s="1"/>
      <c r="AH130" s="1"/>
      <c r="AI130" s="1"/>
      <c r="AJ130" s="1"/>
      <c r="AK130" s="1"/>
    </row>
    <row r="131" spans="2:37" x14ac:dyDescent="0.2">
      <c r="B131" s="1"/>
      <c r="C131" s="1"/>
      <c r="D131" s="1"/>
      <c r="E131" s="1"/>
      <c r="F131" s="1"/>
      <c r="G131" s="1"/>
      <c r="H131" s="1"/>
      <c r="I131" s="1"/>
      <c r="J131" s="1"/>
      <c r="K131" s="1"/>
      <c r="L131" s="1"/>
      <c r="M131" s="1"/>
      <c r="N131" s="1"/>
      <c r="O131" s="1"/>
      <c r="P131" s="1"/>
      <c r="Q131" s="1"/>
      <c r="R131" s="1"/>
      <c r="S131" s="1"/>
      <c r="T131" s="1"/>
      <c r="U131" s="1"/>
      <c r="V131" s="1"/>
      <c r="W131" s="1"/>
      <c r="X131" s="1"/>
      <c r="Y131" s="1"/>
      <c r="Z131" s="1"/>
      <c r="AA131" s="1"/>
      <c r="AB131" s="1"/>
      <c r="AC131" s="1"/>
      <c r="AD131" s="1"/>
      <c r="AE131" s="1"/>
      <c r="AF131" s="1"/>
      <c r="AG131" s="1"/>
      <c r="AH131" s="1"/>
      <c r="AI131" s="1"/>
      <c r="AJ131" s="1"/>
      <c r="AK131" s="1"/>
    </row>
    <row r="132" spans="2:37" x14ac:dyDescent="0.2">
      <c r="B132" s="1"/>
      <c r="C132" s="1"/>
      <c r="D132" s="1"/>
      <c r="E132" s="1"/>
      <c r="F132" s="1"/>
      <c r="G132" s="1"/>
      <c r="H132" s="1"/>
      <c r="I132" s="1"/>
      <c r="J132" s="1"/>
      <c r="K132" s="1"/>
      <c r="L132" s="1"/>
      <c r="M132" s="1"/>
      <c r="N132" s="1"/>
      <c r="O132" s="1"/>
      <c r="P132" s="1"/>
      <c r="Q132" s="1"/>
      <c r="R132" s="1"/>
      <c r="S132" s="1"/>
      <c r="T132" s="1"/>
      <c r="U132" s="1"/>
      <c r="V132" s="1"/>
      <c r="W132" s="1"/>
      <c r="X132" s="1"/>
      <c r="Y132" s="1"/>
      <c r="Z132" s="1"/>
      <c r="AA132" s="1"/>
      <c r="AB132" s="1"/>
      <c r="AC132" s="1"/>
      <c r="AD132" s="1"/>
      <c r="AE132" s="1"/>
      <c r="AF132" s="1"/>
      <c r="AG132" s="1"/>
      <c r="AH132" s="1"/>
      <c r="AI132" s="1"/>
      <c r="AJ132" s="1"/>
      <c r="AK132" s="1"/>
    </row>
    <row r="133" spans="2:37" x14ac:dyDescent="0.2">
      <c r="B133" s="1"/>
      <c r="C133" s="1"/>
      <c r="D133" s="1"/>
      <c r="E133" s="1"/>
      <c r="F133" s="1"/>
      <c r="G133" s="1"/>
      <c r="H133" s="1"/>
      <c r="I133" s="1"/>
      <c r="J133" s="1"/>
      <c r="K133" s="1"/>
      <c r="L133" s="1"/>
      <c r="M133" s="1"/>
      <c r="N133" s="1"/>
      <c r="O133" s="1"/>
      <c r="P133" s="1"/>
      <c r="Q133" s="1"/>
      <c r="R133" s="1"/>
      <c r="S133" s="1"/>
      <c r="T133" s="1"/>
      <c r="U133" s="1"/>
      <c r="V133" s="1"/>
      <c r="W133" s="1"/>
      <c r="X133" s="1"/>
      <c r="Y133" s="1"/>
      <c r="Z133" s="1"/>
      <c r="AA133" s="1"/>
      <c r="AB133" s="1"/>
      <c r="AC133" s="1"/>
      <c r="AD133" s="1"/>
      <c r="AE133" s="1"/>
      <c r="AF133" s="1"/>
      <c r="AG133" s="1"/>
      <c r="AH133" s="1"/>
      <c r="AI133" s="1"/>
      <c r="AJ133" s="1"/>
      <c r="AK133" s="1"/>
    </row>
    <row r="134" spans="2:37" x14ac:dyDescent="0.2">
      <c r="B134" s="1"/>
      <c r="C134" s="1"/>
      <c r="D134" s="1"/>
      <c r="E134" s="1"/>
      <c r="F134" s="1"/>
      <c r="G134" s="1"/>
      <c r="H134" s="1"/>
      <c r="I134" s="1"/>
      <c r="J134" s="1"/>
      <c r="K134" s="1"/>
      <c r="L134" s="1"/>
      <c r="M134" s="1"/>
      <c r="N134" s="1"/>
      <c r="O134" s="1"/>
      <c r="P134" s="1"/>
      <c r="Q134" s="1"/>
      <c r="R134" s="1"/>
      <c r="S134" s="1"/>
      <c r="T134" s="1"/>
      <c r="U134" s="1"/>
      <c r="V134" s="1"/>
      <c r="W134" s="1"/>
      <c r="X134" s="1"/>
      <c r="Y134" s="1"/>
      <c r="Z134" s="1"/>
      <c r="AA134" s="1"/>
      <c r="AB134" s="1"/>
      <c r="AC134" s="1"/>
      <c r="AD134" s="1"/>
      <c r="AE134" s="1"/>
      <c r="AF134" s="1"/>
      <c r="AG134" s="1"/>
      <c r="AH134" s="1"/>
      <c r="AI134" s="1"/>
      <c r="AJ134" s="1"/>
      <c r="AK134" s="1"/>
    </row>
    <row r="135" spans="2:37" x14ac:dyDescent="0.2">
      <c r="B135" s="1"/>
      <c r="C135" s="1"/>
      <c r="D135" s="1"/>
      <c r="E135" s="1"/>
      <c r="F135" s="1"/>
      <c r="G135" s="1"/>
      <c r="H135" s="1"/>
      <c r="I135" s="1"/>
      <c r="J135" s="1"/>
      <c r="K135" s="1"/>
      <c r="L135" s="1"/>
      <c r="M135" s="1"/>
      <c r="N135" s="1"/>
      <c r="O135" s="1"/>
      <c r="P135" s="1"/>
      <c r="Q135" s="1"/>
      <c r="R135" s="1"/>
      <c r="S135" s="1"/>
      <c r="T135" s="1"/>
      <c r="U135" s="1"/>
      <c r="V135" s="1"/>
      <c r="W135" s="1"/>
      <c r="X135" s="1"/>
      <c r="Y135" s="1"/>
      <c r="Z135" s="1"/>
      <c r="AA135" s="1"/>
      <c r="AB135" s="1"/>
      <c r="AC135" s="1"/>
      <c r="AD135" s="1"/>
      <c r="AE135" s="1"/>
      <c r="AF135" s="1"/>
      <c r="AG135" s="1"/>
      <c r="AH135" s="1"/>
      <c r="AI135" s="1"/>
      <c r="AJ135" s="1"/>
      <c r="AK135" s="1"/>
    </row>
    <row r="136" spans="2:37" x14ac:dyDescent="0.2">
      <c r="B136" s="1"/>
      <c r="C136" s="1"/>
      <c r="D136" s="1"/>
      <c r="E136" s="1"/>
      <c r="F136" s="1"/>
      <c r="G136" s="1"/>
      <c r="H136" s="1"/>
      <c r="I136" s="1"/>
      <c r="J136" s="1"/>
      <c r="K136" s="1"/>
      <c r="L136" s="1"/>
      <c r="M136" s="1"/>
      <c r="N136" s="1"/>
      <c r="O136" s="1"/>
      <c r="P136" s="1"/>
      <c r="Q136" s="1"/>
      <c r="R136" s="1"/>
      <c r="S136" s="1"/>
      <c r="T136" s="1"/>
      <c r="U136" s="1"/>
      <c r="V136" s="1"/>
      <c r="W136" s="1"/>
      <c r="X136" s="1"/>
      <c r="Y136" s="1"/>
      <c r="Z136" s="1"/>
      <c r="AA136" s="1"/>
      <c r="AB136" s="1"/>
      <c r="AC136" s="1"/>
      <c r="AD136" s="1"/>
      <c r="AE136" s="1"/>
      <c r="AF136" s="1"/>
      <c r="AG136" s="1"/>
      <c r="AH136" s="1"/>
      <c r="AI136" s="1"/>
      <c r="AJ136" s="1"/>
      <c r="AK136" s="1"/>
    </row>
    <row r="137" spans="2:37" x14ac:dyDescent="0.2">
      <c r="B137" s="1"/>
      <c r="C137" s="1"/>
      <c r="D137" s="1"/>
      <c r="E137" s="1"/>
      <c r="F137" s="1"/>
      <c r="G137" s="1"/>
      <c r="H137" s="1"/>
      <c r="I137" s="1"/>
      <c r="J137" s="1"/>
      <c r="K137" s="1"/>
      <c r="L137" s="1"/>
      <c r="M137" s="1"/>
      <c r="N137" s="1"/>
      <c r="O137" s="1"/>
      <c r="P137" s="1"/>
      <c r="Q137" s="1"/>
      <c r="R137" s="1"/>
      <c r="S137" s="1"/>
      <c r="T137" s="1"/>
      <c r="U137" s="1"/>
      <c r="V137" s="1"/>
      <c r="W137" s="1"/>
      <c r="X137" s="1"/>
      <c r="Y137" s="1"/>
      <c r="Z137" s="1"/>
      <c r="AA137" s="1"/>
      <c r="AB137" s="1"/>
      <c r="AC137" s="1"/>
      <c r="AD137" s="1"/>
      <c r="AE137" s="1"/>
      <c r="AF137" s="1"/>
      <c r="AG137" s="1"/>
      <c r="AH137" s="1"/>
      <c r="AI137" s="1"/>
      <c r="AJ137" s="1"/>
      <c r="AK137" s="1"/>
    </row>
    <row r="138" spans="2:37" x14ac:dyDescent="0.2">
      <c r="B138" s="1"/>
      <c r="C138" s="1"/>
      <c r="D138" s="1"/>
      <c r="E138" s="1"/>
      <c r="F138" s="1"/>
      <c r="G138" s="1"/>
      <c r="H138" s="1"/>
      <c r="I138" s="1"/>
      <c r="J138" s="1"/>
      <c r="K138" s="1"/>
      <c r="L138" s="1"/>
      <c r="M138" s="1"/>
      <c r="N138" s="1"/>
      <c r="O138" s="1"/>
      <c r="P138" s="1"/>
      <c r="Q138" s="1"/>
      <c r="R138" s="1"/>
      <c r="S138" s="1"/>
      <c r="T138" s="1"/>
      <c r="U138" s="1"/>
      <c r="V138" s="1"/>
      <c r="W138" s="1"/>
      <c r="X138" s="1"/>
      <c r="Y138" s="1"/>
      <c r="Z138" s="1"/>
      <c r="AA138" s="1"/>
      <c r="AB138" s="1"/>
      <c r="AC138" s="1"/>
      <c r="AD138" s="1"/>
      <c r="AE138" s="1"/>
      <c r="AF138" s="1"/>
      <c r="AG138" s="1"/>
      <c r="AH138" s="1"/>
      <c r="AI138" s="1"/>
      <c r="AJ138" s="1"/>
      <c r="AK138" s="1"/>
    </row>
    <row r="139" spans="2:37" x14ac:dyDescent="0.2">
      <c r="B139" s="1"/>
      <c r="C139" s="1"/>
      <c r="D139" s="1"/>
      <c r="E139" s="1"/>
      <c r="F139" s="1"/>
      <c r="G139" s="1"/>
      <c r="H139" s="1"/>
      <c r="I139" s="1"/>
      <c r="J139" s="1"/>
      <c r="K139" s="1"/>
      <c r="L139" s="1"/>
      <c r="M139" s="1"/>
      <c r="N139" s="1"/>
      <c r="O139" s="1"/>
      <c r="P139" s="1"/>
      <c r="Q139" s="1"/>
      <c r="R139" s="1"/>
      <c r="S139" s="1"/>
      <c r="T139" s="1"/>
      <c r="U139" s="1"/>
      <c r="V139" s="1"/>
      <c r="W139" s="1"/>
      <c r="X139" s="1"/>
      <c r="Y139" s="1"/>
      <c r="Z139" s="1"/>
      <c r="AA139" s="1"/>
      <c r="AB139" s="1"/>
      <c r="AC139" s="1"/>
      <c r="AD139" s="1"/>
      <c r="AE139" s="1"/>
      <c r="AF139" s="1"/>
      <c r="AG139" s="1"/>
      <c r="AH139" s="1"/>
      <c r="AI139" s="1"/>
      <c r="AJ139" s="1"/>
      <c r="AK139" s="1"/>
    </row>
    <row r="140" spans="2:37" x14ac:dyDescent="0.2">
      <c r="B140" s="1"/>
      <c r="C140" s="1"/>
      <c r="D140" s="1"/>
      <c r="E140" s="1"/>
      <c r="F140" s="1"/>
      <c r="G140" s="1"/>
      <c r="H140" s="1"/>
      <c r="I140" s="1"/>
      <c r="J140" s="1"/>
      <c r="K140" s="1"/>
      <c r="L140" s="1"/>
      <c r="M140" s="1"/>
      <c r="N140" s="1"/>
      <c r="O140" s="1"/>
      <c r="P140" s="1"/>
      <c r="Q140" s="1"/>
      <c r="R140" s="1"/>
      <c r="S140" s="1"/>
      <c r="T140" s="1"/>
      <c r="U140" s="1"/>
      <c r="V140" s="1"/>
      <c r="W140" s="1"/>
      <c r="X140" s="1"/>
      <c r="Y140" s="1"/>
      <c r="Z140" s="1"/>
      <c r="AA140" s="1"/>
      <c r="AB140" s="1"/>
      <c r="AC140" s="1"/>
      <c r="AD140" s="1"/>
      <c r="AE140" s="1"/>
      <c r="AF140" s="1"/>
      <c r="AG140" s="1"/>
      <c r="AH140" s="1"/>
      <c r="AI140" s="1"/>
      <c r="AJ140" s="1"/>
      <c r="AK140" s="1"/>
    </row>
    <row r="141" spans="2:37" x14ac:dyDescent="0.2">
      <c r="B141" s="1"/>
      <c r="C141" s="1"/>
      <c r="D141" s="1"/>
      <c r="E141" s="1"/>
      <c r="F141" s="1"/>
      <c r="G141" s="1"/>
      <c r="H141" s="1"/>
      <c r="I141" s="1"/>
      <c r="J141" s="1"/>
      <c r="K141" s="1"/>
      <c r="L141" s="1"/>
      <c r="M141" s="1"/>
      <c r="N141" s="1"/>
      <c r="O141" s="1"/>
      <c r="P141" s="1"/>
      <c r="Q141" s="1"/>
      <c r="R141" s="1"/>
      <c r="S141" s="1"/>
      <c r="T141" s="1"/>
      <c r="U141" s="1"/>
      <c r="V141" s="1"/>
      <c r="W141" s="1"/>
      <c r="X141" s="1"/>
      <c r="Y141" s="1"/>
      <c r="Z141" s="1"/>
      <c r="AA141" s="1"/>
      <c r="AB141" s="1"/>
      <c r="AC141" s="1"/>
      <c r="AD141" s="1"/>
      <c r="AE141" s="1"/>
      <c r="AF141" s="1"/>
      <c r="AG141" s="1"/>
      <c r="AH141" s="1"/>
      <c r="AI141" s="1"/>
      <c r="AJ141" s="1"/>
      <c r="AK141" s="1"/>
    </row>
    <row r="142" spans="2:37" x14ac:dyDescent="0.2">
      <c r="B142" s="1"/>
      <c r="C142" s="1"/>
      <c r="D142" s="1"/>
      <c r="E142" s="1"/>
      <c r="F142" s="1"/>
      <c r="G142" s="1"/>
      <c r="H142" s="1"/>
      <c r="I142" s="1"/>
      <c r="J142" s="1"/>
      <c r="K142" s="1"/>
      <c r="L142" s="1"/>
      <c r="M142" s="1"/>
      <c r="N142" s="1"/>
      <c r="O142" s="1"/>
      <c r="P142" s="1"/>
      <c r="Q142" s="1"/>
      <c r="R142" s="1"/>
      <c r="S142" s="1"/>
      <c r="T142" s="1"/>
      <c r="U142" s="1"/>
      <c r="V142" s="1"/>
      <c r="W142" s="1"/>
      <c r="X142" s="1"/>
      <c r="Y142" s="1"/>
      <c r="Z142" s="1"/>
      <c r="AA142" s="1"/>
      <c r="AB142" s="1"/>
      <c r="AC142" s="1"/>
      <c r="AD142" s="1"/>
      <c r="AE142" s="1"/>
      <c r="AF142" s="1"/>
      <c r="AG142" s="1"/>
      <c r="AH142" s="1"/>
      <c r="AI142" s="1"/>
      <c r="AJ142" s="1"/>
      <c r="AK142" s="1"/>
    </row>
    <row r="143" spans="2:37" x14ac:dyDescent="0.2">
      <c r="B143" s="1"/>
      <c r="C143" s="1"/>
      <c r="D143" s="1"/>
      <c r="E143" s="1"/>
      <c r="F143" s="1"/>
      <c r="G143" s="1"/>
      <c r="H143" s="1"/>
      <c r="I143" s="1"/>
      <c r="J143" s="1"/>
      <c r="K143" s="1"/>
      <c r="L143" s="1"/>
      <c r="M143" s="1"/>
      <c r="N143" s="1"/>
      <c r="O143" s="1"/>
      <c r="P143" s="1"/>
      <c r="Q143" s="1"/>
      <c r="R143" s="1"/>
      <c r="S143" s="1"/>
      <c r="T143" s="1"/>
      <c r="U143" s="1"/>
      <c r="V143" s="1"/>
      <c r="W143" s="1"/>
      <c r="X143" s="1"/>
      <c r="Y143" s="1"/>
      <c r="Z143" s="1"/>
      <c r="AA143" s="1"/>
      <c r="AB143" s="1"/>
      <c r="AC143" s="1"/>
      <c r="AD143" s="1"/>
      <c r="AE143" s="1"/>
      <c r="AF143" s="1"/>
      <c r="AG143" s="1"/>
      <c r="AH143" s="1"/>
      <c r="AI143" s="1"/>
      <c r="AJ143" s="1"/>
      <c r="AK143" s="1"/>
    </row>
    <row r="144" spans="2:37" x14ac:dyDescent="0.2">
      <c r="B144" s="1"/>
      <c r="C144" s="1"/>
      <c r="D144" s="1"/>
      <c r="E144" s="1"/>
      <c r="F144" s="1"/>
      <c r="G144" s="1"/>
      <c r="H144" s="1"/>
      <c r="I144" s="1"/>
      <c r="J144" s="1"/>
      <c r="K144" s="1"/>
      <c r="L144" s="1"/>
      <c r="M144" s="1"/>
      <c r="N144" s="1"/>
      <c r="O144" s="1"/>
      <c r="P144" s="1"/>
      <c r="Q144" s="1"/>
      <c r="R144" s="1"/>
      <c r="S144" s="1"/>
      <c r="T144" s="1"/>
      <c r="U144" s="1"/>
      <c r="V144" s="1"/>
      <c r="W144" s="1"/>
      <c r="X144" s="1"/>
      <c r="Y144" s="1"/>
      <c r="Z144" s="1"/>
      <c r="AA144" s="1"/>
      <c r="AB144" s="1"/>
      <c r="AC144" s="1"/>
      <c r="AD144" s="1"/>
      <c r="AE144" s="1"/>
      <c r="AF144" s="1"/>
      <c r="AG144" s="1"/>
      <c r="AH144" s="1"/>
      <c r="AI144" s="1"/>
      <c r="AJ144" s="1"/>
      <c r="AK144" s="1"/>
    </row>
    <row r="145" spans="2:37" x14ac:dyDescent="0.2">
      <c r="B145" s="1"/>
      <c r="C145" s="1"/>
      <c r="D145" s="1"/>
      <c r="E145" s="1"/>
      <c r="F145" s="1"/>
      <c r="G145" s="1"/>
      <c r="H145" s="1"/>
      <c r="I145" s="1"/>
      <c r="J145" s="1"/>
      <c r="K145" s="1"/>
      <c r="L145" s="1"/>
      <c r="M145" s="1"/>
      <c r="N145" s="1"/>
      <c r="O145" s="1"/>
      <c r="P145" s="1"/>
      <c r="Q145" s="1"/>
      <c r="R145" s="1"/>
      <c r="S145" s="1"/>
      <c r="T145" s="1"/>
      <c r="U145" s="1"/>
      <c r="V145" s="1"/>
      <c r="W145" s="1"/>
      <c r="X145" s="1"/>
      <c r="Y145" s="1"/>
      <c r="Z145" s="1"/>
      <c r="AA145" s="1"/>
      <c r="AB145" s="1"/>
      <c r="AC145" s="1"/>
      <c r="AD145" s="1"/>
      <c r="AE145" s="1"/>
      <c r="AF145" s="1"/>
      <c r="AG145" s="1"/>
      <c r="AH145" s="1"/>
      <c r="AI145" s="1"/>
      <c r="AJ145" s="1"/>
      <c r="AK145" s="1"/>
    </row>
    <row r="146" spans="2:37" x14ac:dyDescent="0.2">
      <c r="B146" s="1"/>
      <c r="C146" s="1"/>
      <c r="D146" s="1"/>
      <c r="E146" s="1"/>
      <c r="F146" s="1"/>
      <c r="G146" s="1"/>
      <c r="H146" s="1"/>
      <c r="I146" s="1"/>
      <c r="J146" s="1"/>
      <c r="K146" s="1"/>
      <c r="L146" s="1"/>
      <c r="M146" s="1"/>
      <c r="N146" s="1"/>
      <c r="O146" s="1"/>
      <c r="P146" s="1"/>
      <c r="Q146" s="1"/>
      <c r="R146" s="1"/>
      <c r="S146" s="1"/>
      <c r="T146" s="1"/>
      <c r="U146" s="1"/>
      <c r="V146" s="1"/>
      <c r="W146" s="1"/>
      <c r="X146" s="1"/>
      <c r="Y146" s="1"/>
      <c r="Z146" s="1"/>
      <c r="AA146" s="1"/>
      <c r="AB146" s="1"/>
      <c r="AC146" s="1"/>
      <c r="AD146" s="1"/>
      <c r="AE146" s="1"/>
      <c r="AF146" s="1"/>
      <c r="AG146" s="1"/>
      <c r="AH146" s="1"/>
      <c r="AI146" s="1"/>
      <c r="AJ146" s="1"/>
      <c r="AK146" s="1"/>
    </row>
    <row r="147" spans="2:37" x14ac:dyDescent="0.2">
      <c r="B147" s="1"/>
      <c r="C147" s="1"/>
      <c r="D147" s="1"/>
      <c r="E147" s="1"/>
      <c r="F147" s="1"/>
      <c r="G147" s="1"/>
      <c r="H147" s="1"/>
      <c r="I147" s="1"/>
      <c r="J147" s="1"/>
      <c r="K147" s="1"/>
      <c r="L147" s="1"/>
      <c r="M147" s="1"/>
      <c r="N147" s="1"/>
      <c r="O147" s="1"/>
      <c r="P147" s="1"/>
      <c r="Q147" s="1"/>
      <c r="R147" s="1"/>
      <c r="S147" s="1"/>
      <c r="T147" s="1"/>
      <c r="U147" s="1"/>
      <c r="V147" s="1"/>
      <c r="W147" s="1"/>
      <c r="X147" s="1"/>
      <c r="Y147" s="1"/>
      <c r="Z147" s="1"/>
      <c r="AA147" s="1"/>
      <c r="AB147" s="1"/>
      <c r="AC147" s="1"/>
      <c r="AD147" s="1"/>
      <c r="AE147" s="1"/>
      <c r="AF147" s="1"/>
      <c r="AG147" s="1"/>
      <c r="AH147" s="1"/>
      <c r="AI147" s="1"/>
      <c r="AJ147" s="1"/>
      <c r="AK147" s="1"/>
    </row>
    <row r="148" spans="2:37" x14ac:dyDescent="0.2">
      <c r="B148" s="1"/>
      <c r="C148" s="1"/>
      <c r="D148" s="1"/>
      <c r="E148" s="1"/>
      <c r="F148" s="1"/>
      <c r="G148" s="1"/>
      <c r="H148" s="1"/>
      <c r="I148" s="1"/>
      <c r="J148" s="1"/>
      <c r="K148" s="1"/>
      <c r="L148" s="1"/>
      <c r="M148" s="1"/>
      <c r="N148" s="1"/>
      <c r="O148" s="1"/>
      <c r="P148" s="1"/>
      <c r="Q148" s="1"/>
      <c r="R148" s="1"/>
      <c r="S148" s="1"/>
      <c r="T148" s="1"/>
      <c r="U148" s="1"/>
      <c r="V148" s="1"/>
      <c r="W148" s="1"/>
      <c r="X148" s="1"/>
      <c r="Y148" s="1"/>
      <c r="Z148" s="1"/>
      <c r="AA148" s="1"/>
      <c r="AB148" s="1"/>
      <c r="AC148" s="1"/>
      <c r="AD148" s="1"/>
      <c r="AE148" s="1"/>
      <c r="AF148" s="1"/>
      <c r="AG148" s="1"/>
      <c r="AH148" s="1"/>
      <c r="AI148" s="1"/>
      <c r="AJ148" s="1"/>
      <c r="AK148" s="1"/>
    </row>
    <row r="149" spans="2:37" x14ac:dyDescent="0.2">
      <c r="B149" s="1"/>
      <c r="C149" s="1"/>
      <c r="D149" s="1"/>
      <c r="E149" s="1"/>
      <c r="F149" s="1"/>
      <c r="G149" s="1"/>
      <c r="H149" s="1"/>
      <c r="I149" s="1"/>
      <c r="J149" s="1"/>
      <c r="K149" s="1"/>
      <c r="L149" s="1"/>
      <c r="M149" s="1"/>
      <c r="N149" s="1"/>
      <c r="O149" s="1"/>
      <c r="P149" s="1"/>
      <c r="Q149" s="1"/>
      <c r="R149" s="1"/>
      <c r="S149" s="1"/>
      <c r="T149" s="1"/>
      <c r="U149" s="1"/>
      <c r="V149" s="1"/>
      <c r="W149" s="1"/>
      <c r="X149" s="1"/>
      <c r="Y149" s="1"/>
      <c r="Z149" s="1"/>
      <c r="AA149" s="1"/>
      <c r="AB149" s="1"/>
      <c r="AC149" s="1"/>
      <c r="AD149" s="1"/>
      <c r="AE149" s="1"/>
      <c r="AF149" s="1"/>
      <c r="AG149" s="1"/>
      <c r="AH149" s="1"/>
      <c r="AI149" s="1"/>
      <c r="AJ149" s="1"/>
      <c r="AK149" s="1"/>
    </row>
    <row r="150" spans="2:37" x14ac:dyDescent="0.2">
      <c r="B150" s="1"/>
      <c r="C150" s="1"/>
      <c r="D150" s="1"/>
      <c r="E150" s="1"/>
      <c r="F150" s="1"/>
      <c r="G150" s="1"/>
      <c r="H150" s="1"/>
      <c r="I150" s="1"/>
      <c r="J150" s="1"/>
      <c r="K150" s="1"/>
      <c r="L150" s="1"/>
      <c r="M150" s="1"/>
      <c r="N150" s="1"/>
      <c r="O150" s="1"/>
      <c r="P150" s="1"/>
      <c r="Q150" s="1"/>
      <c r="R150" s="1"/>
      <c r="S150" s="1"/>
      <c r="T150" s="1"/>
      <c r="U150" s="1"/>
      <c r="V150" s="1"/>
      <c r="W150" s="1"/>
      <c r="X150" s="1"/>
      <c r="Y150" s="1"/>
      <c r="Z150" s="1"/>
      <c r="AA150" s="1"/>
      <c r="AB150" s="1"/>
      <c r="AC150" s="1"/>
      <c r="AD150" s="1"/>
      <c r="AE150" s="1"/>
      <c r="AF150" s="1"/>
      <c r="AG150" s="1"/>
      <c r="AH150" s="1"/>
      <c r="AI150" s="1"/>
      <c r="AJ150" s="1"/>
      <c r="AK150" s="1"/>
    </row>
    <row r="151" spans="2:37" x14ac:dyDescent="0.2">
      <c r="B151" s="1"/>
      <c r="C151" s="1"/>
      <c r="D151" s="1"/>
      <c r="E151" s="1"/>
      <c r="F151" s="1"/>
      <c r="G151" s="1"/>
      <c r="H151" s="1"/>
      <c r="I151" s="1"/>
      <c r="J151" s="1"/>
      <c r="K151" s="1"/>
      <c r="L151" s="1"/>
      <c r="M151" s="1"/>
      <c r="N151" s="1"/>
      <c r="O151" s="1"/>
      <c r="P151" s="1"/>
      <c r="Q151" s="1"/>
      <c r="R151" s="1"/>
      <c r="S151" s="1"/>
      <c r="T151" s="1"/>
      <c r="U151" s="1"/>
      <c r="V151" s="1"/>
      <c r="W151" s="1"/>
      <c r="X151" s="1"/>
      <c r="Y151" s="1"/>
      <c r="Z151" s="1"/>
      <c r="AA151" s="1"/>
      <c r="AB151" s="1"/>
      <c r="AC151" s="1"/>
      <c r="AD151" s="1"/>
      <c r="AE151" s="1"/>
      <c r="AF151" s="1"/>
      <c r="AG151" s="1"/>
      <c r="AH151" s="1"/>
      <c r="AI151" s="1"/>
      <c r="AJ151" s="1"/>
      <c r="AK151" s="1"/>
    </row>
    <row r="152" spans="2:37" x14ac:dyDescent="0.2">
      <c r="B152" s="1"/>
      <c r="C152" s="1"/>
      <c r="D152" s="1"/>
      <c r="E152" s="1"/>
      <c r="F152" s="1"/>
      <c r="G152" s="1"/>
      <c r="H152" s="1"/>
      <c r="I152" s="1"/>
      <c r="J152" s="1"/>
      <c r="K152" s="1"/>
      <c r="L152" s="1"/>
      <c r="M152" s="1"/>
      <c r="N152" s="1"/>
      <c r="O152" s="1"/>
      <c r="P152" s="1"/>
      <c r="Q152" s="1"/>
      <c r="R152" s="1"/>
      <c r="S152" s="1"/>
      <c r="T152" s="1"/>
      <c r="U152" s="1"/>
      <c r="V152" s="1"/>
      <c r="W152" s="1"/>
      <c r="X152" s="1"/>
      <c r="Y152" s="1"/>
      <c r="Z152" s="1"/>
      <c r="AA152" s="1"/>
      <c r="AB152" s="1"/>
      <c r="AC152" s="1"/>
      <c r="AD152" s="1"/>
      <c r="AE152" s="1"/>
      <c r="AF152" s="1"/>
      <c r="AG152" s="1"/>
      <c r="AH152" s="1"/>
      <c r="AI152" s="1"/>
      <c r="AJ152" s="1"/>
      <c r="AK152" s="1"/>
    </row>
    <row r="153" spans="2:37" x14ac:dyDescent="0.2">
      <c r="B153" s="1"/>
      <c r="C153" s="1"/>
      <c r="D153" s="1"/>
      <c r="E153" s="1"/>
      <c r="F153" s="1"/>
      <c r="G153" s="1"/>
      <c r="H153" s="1"/>
      <c r="I153" s="1"/>
      <c r="J153" s="1"/>
      <c r="K153" s="1"/>
      <c r="L153" s="1"/>
      <c r="M153" s="1"/>
      <c r="N153" s="1"/>
      <c r="O153" s="1"/>
      <c r="P153" s="1"/>
      <c r="Q153" s="1"/>
      <c r="R153" s="1"/>
      <c r="S153" s="1"/>
      <c r="T153" s="1"/>
      <c r="U153" s="1"/>
      <c r="V153" s="1"/>
      <c r="W153" s="1"/>
      <c r="X153" s="1"/>
      <c r="Y153" s="1"/>
      <c r="Z153" s="1"/>
      <c r="AA153" s="1"/>
      <c r="AB153" s="1"/>
      <c r="AC153" s="1"/>
      <c r="AD153" s="1"/>
      <c r="AE153" s="1"/>
      <c r="AF153" s="1"/>
      <c r="AG153" s="1"/>
      <c r="AH153" s="1"/>
      <c r="AI153" s="1"/>
      <c r="AJ153" s="1"/>
      <c r="AK153" s="1"/>
    </row>
    <row r="154" spans="2:37" x14ac:dyDescent="0.2">
      <c r="B154" s="1"/>
      <c r="C154" s="1"/>
      <c r="D154" s="1"/>
      <c r="E154" s="1"/>
      <c r="F154" s="1"/>
      <c r="G154" s="1"/>
      <c r="H154" s="1"/>
      <c r="I154" s="1"/>
      <c r="J154" s="1"/>
      <c r="K154" s="1"/>
      <c r="L154" s="1"/>
      <c r="M154" s="1"/>
      <c r="N154" s="1"/>
      <c r="O154" s="1"/>
      <c r="P154" s="1"/>
      <c r="Q154" s="1"/>
      <c r="R154" s="1"/>
      <c r="S154" s="1"/>
      <c r="T154" s="1"/>
      <c r="U154" s="1"/>
      <c r="V154" s="1"/>
      <c r="W154" s="1"/>
      <c r="X154" s="1"/>
      <c r="Y154" s="1"/>
      <c r="Z154" s="1"/>
      <c r="AA154" s="1"/>
      <c r="AB154" s="1"/>
      <c r="AC154" s="1"/>
      <c r="AD154" s="1"/>
      <c r="AE154" s="1"/>
      <c r="AF154" s="1"/>
      <c r="AG154" s="1"/>
      <c r="AH154" s="1"/>
      <c r="AI154" s="1"/>
      <c r="AJ154" s="1"/>
      <c r="AK154" s="1"/>
    </row>
    <row r="155" spans="2:37" x14ac:dyDescent="0.2">
      <c r="B155" s="1"/>
      <c r="C155" s="1"/>
      <c r="D155" s="1"/>
      <c r="E155" s="1"/>
      <c r="F155" s="1"/>
      <c r="G155" s="1"/>
      <c r="H155" s="1"/>
      <c r="I155" s="1"/>
      <c r="J155" s="1"/>
      <c r="K155" s="1"/>
      <c r="L155" s="1"/>
      <c r="M155" s="1"/>
      <c r="N155" s="1"/>
      <c r="O155" s="1"/>
      <c r="P155" s="1"/>
      <c r="Q155" s="1"/>
      <c r="R155" s="1"/>
      <c r="S155" s="1"/>
      <c r="T155" s="1"/>
      <c r="U155" s="1"/>
      <c r="V155" s="1"/>
      <c r="W155" s="1"/>
      <c r="X155" s="1"/>
      <c r="Y155" s="1"/>
      <c r="Z155" s="1"/>
      <c r="AA155" s="1"/>
      <c r="AB155" s="1"/>
      <c r="AC155" s="1"/>
      <c r="AD155" s="1"/>
      <c r="AE155" s="1"/>
      <c r="AF155" s="1"/>
      <c r="AG155" s="1"/>
      <c r="AH155" s="1"/>
      <c r="AI155" s="1"/>
      <c r="AJ155" s="1"/>
      <c r="AK155" s="1"/>
    </row>
    <row r="156" spans="2:37" x14ac:dyDescent="0.2">
      <c r="B156" s="1"/>
      <c r="C156" s="1"/>
      <c r="D156" s="1"/>
      <c r="E156" s="1"/>
      <c r="F156" s="1"/>
      <c r="G156" s="1"/>
      <c r="H156" s="1"/>
      <c r="I156" s="1"/>
      <c r="J156" s="1"/>
      <c r="K156" s="1"/>
      <c r="L156" s="1"/>
      <c r="M156" s="1"/>
      <c r="N156" s="1"/>
      <c r="O156" s="1"/>
      <c r="P156" s="1"/>
      <c r="Q156" s="1"/>
      <c r="R156" s="1"/>
      <c r="S156" s="1"/>
      <c r="T156" s="1"/>
      <c r="U156" s="1"/>
      <c r="V156" s="1"/>
      <c r="W156" s="1"/>
      <c r="X156" s="1"/>
      <c r="Y156" s="1"/>
      <c r="Z156" s="1"/>
      <c r="AA156" s="1"/>
      <c r="AB156" s="1"/>
      <c r="AC156" s="1"/>
      <c r="AD156" s="1"/>
      <c r="AE156" s="1"/>
      <c r="AF156" s="1"/>
      <c r="AG156" s="1"/>
      <c r="AH156" s="1"/>
      <c r="AI156" s="1"/>
      <c r="AJ156" s="1"/>
      <c r="AK156" s="1"/>
    </row>
    <row r="157" spans="2:37" x14ac:dyDescent="0.2">
      <c r="B157" s="1"/>
      <c r="C157" s="1"/>
      <c r="D157" s="1"/>
      <c r="E157" s="1"/>
      <c r="F157" s="1"/>
      <c r="G157" s="1"/>
      <c r="H157" s="1"/>
      <c r="I157" s="1"/>
      <c r="J157" s="1"/>
      <c r="K157" s="1"/>
      <c r="L157" s="1"/>
      <c r="M157" s="1"/>
      <c r="N157" s="1"/>
      <c r="O157" s="1"/>
      <c r="P157" s="1"/>
      <c r="Q157" s="1"/>
      <c r="R157" s="1"/>
      <c r="S157" s="1"/>
      <c r="T157" s="1"/>
      <c r="U157" s="1"/>
      <c r="V157" s="1"/>
      <c r="W157" s="1"/>
      <c r="X157" s="1"/>
      <c r="Y157" s="1"/>
      <c r="Z157" s="1"/>
      <c r="AA157" s="1"/>
      <c r="AB157" s="1"/>
      <c r="AC157" s="1"/>
      <c r="AD157" s="1"/>
      <c r="AE157" s="1"/>
      <c r="AF157" s="1"/>
      <c r="AG157" s="1"/>
      <c r="AH157" s="1"/>
      <c r="AI157" s="1"/>
      <c r="AJ157" s="1"/>
      <c r="AK157" s="1"/>
    </row>
    <row r="158" spans="2:37" x14ac:dyDescent="0.2">
      <c r="B158" s="1"/>
      <c r="C158" s="1"/>
      <c r="D158" s="1"/>
      <c r="E158" s="1"/>
      <c r="F158" s="1"/>
      <c r="G158" s="1"/>
      <c r="H158" s="1"/>
      <c r="I158" s="1"/>
      <c r="J158" s="1"/>
      <c r="K158" s="1"/>
      <c r="L158" s="1"/>
      <c r="M158" s="1"/>
      <c r="N158" s="1"/>
      <c r="O158" s="1"/>
      <c r="P158" s="1"/>
      <c r="Q158" s="1"/>
      <c r="R158" s="1"/>
      <c r="S158" s="1"/>
      <c r="T158" s="1"/>
      <c r="U158" s="1"/>
      <c r="V158" s="1"/>
      <c r="W158" s="1"/>
      <c r="X158" s="1"/>
      <c r="Y158" s="1"/>
      <c r="Z158" s="1"/>
      <c r="AA158" s="1"/>
      <c r="AB158" s="1"/>
      <c r="AC158" s="1"/>
      <c r="AD158" s="1"/>
      <c r="AE158" s="1"/>
      <c r="AF158" s="1"/>
      <c r="AG158" s="1"/>
      <c r="AH158" s="1"/>
      <c r="AI158" s="1"/>
      <c r="AJ158" s="1"/>
      <c r="AK158" s="1"/>
    </row>
    <row r="159" spans="2:37" x14ac:dyDescent="0.2">
      <c r="B159" s="1"/>
      <c r="C159" s="1"/>
      <c r="D159" s="1"/>
      <c r="E159" s="1"/>
      <c r="F159" s="1"/>
      <c r="G159" s="1"/>
      <c r="H159" s="1"/>
      <c r="I159" s="1"/>
      <c r="J159" s="1"/>
      <c r="K159" s="1"/>
      <c r="L159" s="1"/>
      <c r="M159" s="1"/>
      <c r="N159" s="1"/>
      <c r="O159" s="1"/>
      <c r="P159" s="1"/>
      <c r="Q159" s="1"/>
      <c r="R159" s="1"/>
      <c r="S159" s="1"/>
      <c r="T159" s="1"/>
      <c r="U159" s="1"/>
      <c r="V159" s="1"/>
      <c r="W159" s="1"/>
      <c r="X159" s="1"/>
      <c r="Y159" s="1"/>
      <c r="Z159" s="1"/>
      <c r="AA159" s="1"/>
      <c r="AB159" s="1"/>
      <c r="AC159" s="1"/>
      <c r="AD159" s="1"/>
      <c r="AE159" s="1"/>
      <c r="AF159" s="1"/>
      <c r="AG159" s="1"/>
      <c r="AH159" s="1"/>
      <c r="AI159" s="1"/>
      <c r="AJ159" s="1"/>
      <c r="AK159" s="1"/>
    </row>
    <row r="160" spans="2:37" x14ac:dyDescent="0.2">
      <c r="B160" s="1"/>
      <c r="C160" s="1"/>
      <c r="D160" s="1"/>
      <c r="E160" s="1"/>
      <c r="F160" s="1"/>
      <c r="G160" s="1"/>
      <c r="H160" s="1"/>
      <c r="I160" s="1"/>
      <c r="J160" s="1"/>
      <c r="K160" s="1"/>
      <c r="L160" s="1"/>
      <c r="M160" s="1"/>
      <c r="N160" s="1"/>
      <c r="O160" s="1"/>
      <c r="P160" s="1"/>
      <c r="Q160" s="1"/>
      <c r="R160" s="1"/>
      <c r="S160" s="1"/>
      <c r="T160" s="1"/>
      <c r="U160" s="1"/>
      <c r="V160" s="1"/>
      <c r="W160" s="1"/>
      <c r="X160" s="1"/>
      <c r="Y160" s="1"/>
      <c r="Z160" s="1"/>
      <c r="AA160" s="1"/>
      <c r="AB160" s="1"/>
      <c r="AC160" s="1"/>
      <c r="AD160" s="1"/>
      <c r="AE160" s="1"/>
      <c r="AF160" s="1"/>
      <c r="AG160" s="1"/>
      <c r="AH160" s="1"/>
      <c r="AI160" s="1"/>
      <c r="AJ160" s="1"/>
      <c r="AK160" s="1"/>
    </row>
    <row r="161" spans="2:37" x14ac:dyDescent="0.2">
      <c r="B161" s="1"/>
      <c r="C161" s="1"/>
      <c r="D161" s="1"/>
      <c r="E161" s="1"/>
      <c r="F161" s="1"/>
      <c r="G161" s="1"/>
      <c r="H161" s="1"/>
      <c r="I161" s="1"/>
      <c r="J161" s="1"/>
      <c r="K161" s="1"/>
      <c r="L161" s="1"/>
      <c r="M161" s="1"/>
      <c r="N161" s="1"/>
      <c r="O161" s="1"/>
      <c r="P161" s="1"/>
      <c r="Q161" s="1"/>
      <c r="R161" s="1"/>
      <c r="S161" s="1"/>
      <c r="T161" s="1"/>
      <c r="U161" s="1"/>
      <c r="V161" s="1"/>
      <c r="W161" s="1"/>
      <c r="X161" s="1"/>
      <c r="Y161" s="1"/>
      <c r="Z161" s="1"/>
      <c r="AA161" s="1"/>
      <c r="AB161" s="1"/>
      <c r="AC161" s="1"/>
      <c r="AD161" s="1"/>
      <c r="AE161" s="1"/>
      <c r="AF161" s="1"/>
      <c r="AG161" s="1"/>
      <c r="AH161" s="1"/>
      <c r="AI161" s="1"/>
      <c r="AJ161" s="1"/>
      <c r="AK161" s="1"/>
    </row>
    <row r="162" spans="2:37" x14ac:dyDescent="0.2">
      <c r="B162" s="1"/>
      <c r="C162" s="1"/>
      <c r="D162" s="1"/>
      <c r="E162" s="1"/>
      <c r="F162" s="1"/>
      <c r="G162" s="1"/>
      <c r="H162" s="1"/>
      <c r="I162" s="1"/>
      <c r="J162" s="1"/>
      <c r="K162" s="1"/>
      <c r="L162" s="1"/>
      <c r="M162" s="1"/>
      <c r="N162" s="1"/>
      <c r="O162" s="1"/>
      <c r="P162" s="1"/>
      <c r="Q162" s="1"/>
      <c r="R162" s="1"/>
      <c r="S162" s="1"/>
      <c r="T162" s="1"/>
      <c r="U162" s="1"/>
      <c r="V162" s="1"/>
      <c r="W162" s="1"/>
      <c r="X162" s="1"/>
      <c r="Y162" s="1"/>
      <c r="Z162" s="1"/>
      <c r="AA162" s="1"/>
      <c r="AB162" s="1"/>
      <c r="AC162" s="1"/>
      <c r="AD162" s="1"/>
      <c r="AE162" s="1"/>
      <c r="AF162" s="1"/>
      <c r="AG162" s="1"/>
      <c r="AH162" s="1"/>
      <c r="AI162" s="1"/>
      <c r="AJ162" s="1"/>
      <c r="AK162" s="1"/>
    </row>
    <row r="163" spans="2:37" x14ac:dyDescent="0.2">
      <c r="B163" s="1"/>
      <c r="C163" s="1"/>
      <c r="D163" s="1"/>
      <c r="E163" s="1"/>
      <c r="F163" s="1"/>
      <c r="G163" s="1"/>
      <c r="H163" s="1"/>
      <c r="I163" s="1"/>
      <c r="J163" s="1"/>
      <c r="K163" s="1"/>
      <c r="L163" s="1"/>
      <c r="M163" s="1"/>
      <c r="N163" s="1"/>
      <c r="O163" s="1"/>
      <c r="P163" s="1"/>
      <c r="Q163" s="1"/>
      <c r="R163" s="1"/>
      <c r="S163" s="1"/>
      <c r="T163" s="1"/>
      <c r="U163" s="1"/>
      <c r="V163" s="1"/>
      <c r="W163" s="1"/>
      <c r="X163" s="1"/>
      <c r="Y163" s="1"/>
      <c r="Z163" s="1"/>
      <c r="AA163" s="1"/>
      <c r="AB163" s="1"/>
      <c r="AC163" s="1"/>
      <c r="AD163" s="1"/>
      <c r="AE163" s="1"/>
      <c r="AF163" s="1"/>
      <c r="AG163" s="1"/>
      <c r="AH163" s="1"/>
      <c r="AI163" s="1"/>
      <c r="AJ163" s="1"/>
      <c r="AK163" s="1"/>
    </row>
    <row r="164" spans="2:37" x14ac:dyDescent="0.2">
      <c r="B164" s="1"/>
      <c r="C164" s="1"/>
      <c r="D164" s="1"/>
      <c r="E164" s="1"/>
      <c r="F164" s="1"/>
      <c r="G164" s="1"/>
      <c r="H164" s="1"/>
      <c r="I164" s="1"/>
      <c r="J164" s="1"/>
      <c r="K164" s="1"/>
      <c r="L164" s="1"/>
      <c r="M164" s="1"/>
      <c r="N164" s="1"/>
      <c r="O164" s="1"/>
      <c r="P164" s="1"/>
      <c r="Q164" s="1"/>
      <c r="R164" s="1"/>
      <c r="S164" s="1"/>
      <c r="T164" s="1"/>
      <c r="U164" s="1"/>
      <c r="V164" s="1"/>
      <c r="W164" s="1"/>
      <c r="X164" s="1"/>
      <c r="Y164" s="1"/>
      <c r="Z164" s="1"/>
      <c r="AA164" s="1"/>
      <c r="AB164" s="1"/>
      <c r="AC164" s="1"/>
      <c r="AD164" s="1"/>
      <c r="AE164" s="1"/>
      <c r="AF164" s="1"/>
      <c r="AG164" s="1"/>
      <c r="AH164" s="1"/>
      <c r="AI164" s="1"/>
      <c r="AJ164" s="1"/>
      <c r="AK164" s="1"/>
    </row>
    <row r="165" spans="2:37" x14ac:dyDescent="0.2">
      <c r="B165" s="1"/>
      <c r="C165" s="1"/>
      <c r="D165" s="1"/>
      <c r="E165" s="1"/>
      <c r="F165" s="1"/>
      <c r="G165" s="1"/>
      <c r="H165" s="1"/>
      <c r="I165" s="1"/>
      <c r="J165" s="1"/>
      <c r="K165" s="1"/>
      <c r="L165" s="1"/>
      <c r="M165" s="1"/>
      <c r="N165" s="1"/>
      <c r="O165" s="1"/>
      <c r="P165" s="1"/>
      <c r="Q165" s="1"/>
      <c r="R165" s="1"/>
      <c r="S165" s="1"/>
      <c r="T165" s="1"/>
      <c r="U165" s="1"/>
      <c r="V165" s="1"/>
      <c r="W165" s="1"/>
      <c r="X165" s="1"/>
      <c r="Y165" s="1"/>
      <c r="Z165" s="1"/>
      <c r="AA165" s="1"/>
      <c r="AB165" s="1"/>
      <c r="AC165" s="1"/>
      <c r="AD165" s="1"/>
      <c r="AE165" s="1"/>
      <c r="AF165" s="1"/>
      <c r="AG165" s="1"/>
      <c r="AH165" s="1"/>
      <c r="AI165" s="1"/>
      <c r="AJ165" s="1"/>
      <c r="AK165" s="1"/>
    </row>
    <row r="166" spans="2:37" x14ac:dyDescent="0.2">
      <c r="B166" s="1"/>
      <c r="C166" s="1"/>
      <c r="D166" s="1"/>
      <c r="E166" s="1"/>
      <c r="F166" s="1"/>
      <c r="G166" s="1"/>
      <c r="H166" s="1"/>
      <c r="I166" s="1"/>
      <c r="J166" s="1"/>
      <c r="K166" s="1"/>
      <c r="L166" s="1"/>
      <c r="M166" s="1"/>
      <c r="N166" s="1"/>
      <c r="O166" s="1"/>
      <c r="P166" s="1"/>
      <c r="Q166" s="1"/>
      <c r="R166" s="1"/>
      <c r="S166" s="1"/>
      <c r="T166" s="1"/>
      <c r="U166" s="1"/>
      <c r="V166" s="1"/>
      <c r="W166" s="1"/>
      <c r="X166" s="1"/>
      <c r="Y166" s="1"/>
      <c r="Z166" s="1"/>
      <c r="AA166" s="1"/>
      <c r="AB166" s="1"/>
      <c r="AC166" s="1"/>
      <c r="AD166" s="1"/>
      <c r="AE166" s="1"/>
      <c r="AF166" s="1"/>
      <c r="AG166" s="1"/>
      <c r="AH166" s="1"/>
      <c r="AI166" s="1"/>
      <c r="AJ166" s="1"/>
      <c r="AK166" s="1"/>
    </row>
    <row r="167" spans="2:37" x14ac:dyDescent="0.2">
      <c r="B167" s="1"/>
      <c r="C167" s="1"/>
      <c r="D167" s="1"/>
      <c r="E167" s="1"/>
      <c r="F167" s="1"/>
      <c r="G167" s="1"/>
      <c r="H167" s="1"/>
      <c r="I167" s="1"/>
      <c r="J167" s="1"/>
      <c r="K167" s="1"/>
      <c r="L167" s="1"/>
      <c r="M167" s="1"/>
      <c r="N167" s="1"/>
      <c r="O167" s="1"/>
      <c r="P167" s="1"/>
      <c r="Q167" s="1"/>
      <c r="R167" s="1"/>
      <c r="S167" s="1"/>
      <c r="T167" s="1"/>
      <c r="U167" s="1"/>
      <c r="V167" s="1"/>
      <c r="W167" s="1"/>
      <c r="X167" s="1"/>
      <c r="Y167" s="1"/>
      <c r="Z167" s="1"/>
      <c r="AA167" s="1"/>
      <c r="AB167" s="1"/>
      <c r="AC167" s="1"/>
      <c r="AD167" s="1"/>
      <c r="AE167" s="1"/>
      <c r="AF167" s="1"/>
      <c r="AG167" s="1"/>
      <c r="AH167" s="1"/>
      <c r="AI167" s="1"/>
      <c r="AJ167" s="1"/>
      <c r="AK167" s="1"/>
    </row>
    <row r="168" spans="2:37" x14ac:dyDescent="0.2">
      <c r="B168" s="1"/>
      <c r="C168" s="1"/>
      <c r="D168" s="1"/>
      <c r="E168" s="1"/>
      <c r="F168" s="1"/>
      <c r="G168" s="1"/>
      <c r="H168" s="1"/>
      <c r="I168" s="1"/>
      <c r="J168" s="1"/>
      <c r="K168" s="1"/>
      <c r="L168" s="1"/>
      <c r="M168" s="1"/>
      <c r="N168" s="1"/>
      <c r="O168" s="1"/>
      <c r="P168" s="1"/>
      <c r="Q168" s="1"/>
      <c r="R168" s="1"/>
      <c r="S168" s="1"/>
      <c r="T168" s="1"/>
      <c r="U168" s="1"/>
      <c r="V168" s="1"/>
      <c r="W168" s="1"/>
      <c r="X168" s="1"/>
      <c r="Y168" s="1"/>
      <c r="Z168" s="1"/>
      <c r="AA168" s="1"/>
      <c r="AB168" s="1"/>
      <c r="AC168" s="1"/>
      <c r="AD168" s="1"/>
      <c r="AE168" s="1"/>
      <c r="AF168" s="1"/>
      <c r="AG168" s="1"/>
      <c r="AH168" s="1"/>
      <c r="AI168" s="1"/>
      <c r="AJ168" s="1"/>
      <c r="AK168" s="1"/>
    </row>
    <row r="169" spans="2:37" x14ac:dyDescent="0.2">
      <c r="B169" s="1"/>
      <c r="C169" s="1"/>
      <c r="D169" s="1"/>
      <c r="E169" s="1"/>
      <c r="F169" s="1"/>
      <c r="G169" s="1"/>
      <c r="H169" s="1"/>
      <c r="I169" s="1"/>
      <c r="J169" s="1"/>
      <c r="K169" s="1"/>
      <c r="L169" s="1"/>
      <c r="M169" s="1"/>
      <c r="N169" s="1"/>
      <c r="O169" s="1"/>
      <c r="P169" s="1"/>
      <c r="Q169" s="1"/>
      <c r="R169" s="1"/>
      <c r="S169" s="1"/>
      <c r="T169" s="1"/>
      <c r="U169" s="1"/>
      <c r="V169" s="1"/>
      <c r="W169" s="1"/>
      <c r="X169" s="1"/>
      <c r="Y169" s="1"/>
      <c r="Z169" s="1"/>
      <c r="AA169" s="1"/>
      <c r="AB169" s="1"/>
      <c r="AC169" s="1"/>
      <c r="AD169" s="1"/>
      <c r="AE169" s="1"/>
      <c r="AF169" s="1"/>
      <c r="AG169" s="1"/>
      <c r="AH169" s="1"/>
      <c r="AI169" s="1"/>
      <c r="AJ169" s="1"/>
      <c r="AK169" s="1"/>
    </row>
    <row r="170" spans="2:37" x14ac:dyDescent="0.2">
      <c r="B170" s="1"/>
      <c r="C170" s="1"/>
      <c r="D170" s="1"/>
      <c r="E170" s="1"/>
      <c r="F170" s="1"/>
      <c r="G170" s="1"/>
      <c r="H170" s="1"/>
      <c r="I170" s="1"/>
      <c r="J170" s="1"/>
      <c r="K170" s="1"/>
      <c r="L170" s="1"/>
      <c r="M170" s="1"/>
      <c r="N170" s="1"/>
      <c r="O170" s="1"/>
      <c r="P170" s="1"/>
      <c r="Q170" s="1"/>
      <c r="R170" s="1"/>
      <c r="S170" s="1"/>
      <c r="T170" s="1"/>
      <c r="U170" s="1"/>
      <c r="V170" s="1"/>
      <c r="W170" s="1"/>
      <c r="X170" s="1"/>
      <c r="Y170" s="1"/>
      <c r="Z170" s="1"/>
      <c r="AA170" s="1"/>
      <c r="AB170" s="1"/>
      <c r="AC170" s="1"/>
      <c r="AD170" s="1"/>
      <c r="AE170" s="1"/>
      <c r="AF170" s="1"/>
      <c r="AG170" s="1"/>
      <c r="AH170" s="1"/>
      <c r="AI170" s="1"/>
      <c r="AJ170" s="1"/>
      <c r="AK170" s="1"/>
    </row>
    <row r="171" spans="2:37" x14ac:dyDescent="0.2">
      <c r="B171" s="1"/>
      <c r="C171" s="1"/>
      <c r="D171" s="1"/>
      <c r="E171" s="1"/>
      <c r="F171" s="1"/>
      <c r="G171" s="1"/>
      <c r="H171" s="1"/>
      <c r="I171" s="1"/>
      <c r="J171" s="1"/>
      <c r="K171" s="1"/>
      <c r="L171" s="1"/>
      <c r="M171" s="1"/>
      <c r="N171" s="1"/>
      <c r="O171" s="1"/>
      <c r="P171" s="1"/>
      <c r="Q171" s="1"/>
      <c r="R171" s="1"/>
      <c r="S171" s="1"/>
      <c r="T171" s="1"/>
      <c r="U171" s="1"/>
      <c r="V171" s="1"/>
      <c r="W171" s="1"/>
      <c r="X171" s="1"/>
      <c r="Y171" s="1"/>
      <c r="Z171" s="1"/>
      <c r="AA171" s="1"/>
      <c r="AB171" s="1"/>
      <c r="AC171" s="1"/>
      <c r="AD171" s="1"/>
      <c r="AE171" s="1"/>
      <c r="AF171" s="1"/>
      <c r="AG171" s="1"/>
      <c r="AH171" s="1"/>
      <c r="AI171" s="1"/>
      <c r="AJ171" s="1"/>
      <c r="AK171" s="1"/>
    </row>
    <row r="172" spans="2:37" x14ac:dyDescent="0.2">
      <c r="B172" s="1"/>
      <c r="C172" s="1"/>
      <c r="D172" s="1"/>
      <c r="E172" s="1"/>
      <c r="F172" s="1"/>
      <c r="G172" s="1"/>
      <c r="H172" s="1"/>
      <c r="I172" s="1"/>
      <c r="J172" s="1"/>
      <c r="K172" s="1"/>
      <c r="L172" s="1"/>
      <c r="M172" s="1"/>
      <c r="N172" s="1"/>
      <c r="O172" s="1"/>
      <c r="P172" s="1"/>
      <c r="Q172" s="1"/>
      <c r="R172" s="1"/>
      <c r="S172" s="1"/>
      <c r="T172" s="1"/>
      <c r="U172" s="1"/>
      <c r="V172" s="1"/>
      <c r="W172" s="1"/>
      <c r="X172" s="1"/>
      <c r="Y172" s="1"/>
      <c r="Z172" s="1"/>
      <c r="AA172" s="1"/>
      <c r="AB172" s="1"/>
      <c r="AC172" s="1"/>
      <c r="AD172" s="1"/>
      <c r="AE172" s="1"/>
      <c r="AF172" s="1"/>
      <c r="AG172" s="1"/>
      <c r="AH172" s="1"/>
      <c r="AI172" s="1"/>
      <c r="AJ172" s="1"/>
      <c r="AK172" s="1"/>
    </row>
    <row r="173" spans="2:37" x14ac:dyDescent="0.2">
      <c r="B173" s="1"/>
      <c r="C173" s="1"/>
      <c r="D173" s="1"/>
      <c r="E173" s="1"/>
      <c r="F173" s="1"/>
      <c r="G173" s="1"/>
      <c r="H173" s="1"/>
      <c r="I173" s="1"/>
      <c r="J173" s="1"/>
      <c r="K173" s="1"/>
      <c r="L173" s="1"/>
      <c r="M173" s="1"/>
      <c r="N173" s="1"/>
      <c r="O173" s="1"/>
      <c r="P173" s="1"/>
      <c r="Q173" s="1"/>
      <c r="R173" s="1"/>
      <c r="S173" s="1"/>
      <c r="T173" s="1"/>
      <c r="U173" s="1"/>
      <c r="V173" s="1"/>
      <c r="W173" s="1"/>
      <c r="X173" s="1"/>
      <c r="Y173" s="1"/>
      <c r="Z173" s="1"/>
      <c r="AA173" s="1"/>
      <c r="AB173" s="1"/>
      <c r="AC173" s="1"/>
      <c r="AD173" s="1"/>
      <c r="AE173" s="1"/>
      <c r="AF173" s="1"/>
      <c r="AG173" s="1"/>
      <c r="AH173" s="1"/>
      <c r="AI173" s="1"/>
      <c r="AJ173" s="1"/>
      <c r="AK173" s="1"/>
    </row>
    <row r="174" spans="2:37" x14ac:dyDescent="0.2">
      <c r="B174" s="1"/>
      <c r="C174" s="1"/>
      <c r="D174" s="1"/>
      <c r="E174" s="1"/>
      <c r="F174" s="1"/>
      <c r="G174" s="1"/>
      <c r="H174" s="1"/>
      <c r="I174" s="1"/>
      <c r="J174" s="1"/>
      <c r="K174" s="1"/>
      <c r="L174" s="1"/>
      <c r="M174" s="1"/>
      <c r="N174" s="1"/>
      <c r="O174" s="1"/>
      <c r="P174" s="1"/>
      <c r="Q174" s="1"/>
      <c r="R174" s="1"/>
      <c r="S174" s="1"/>
      <c r="T174" s="1"/>
      <c r="U174" s="1"/>
      <c r="V174" s="1"/>
      <c r="W174" s="1"/>
      <c r="X174" s="1"/>
      <c r="Y174" s="1"/>
      <c r="Z174" s="1"/>
      <c r="AA174" s="1"/>
      <c r="AB174" s="1"/>
      <c r="AC174" s="1"/>
      <c r="AD174" s="1"/>
      <c r="AE174" s="1"/>
      <c r="AF174" s="1"/>
      <c r="AG174" s="1"/>
      <c r="AH174" s="1"/>
      <c r="AI174" s="1"/>
      <c r="AJ174" s="1"/>
      <c r="AK174" s="1"/>
    </row>
    <row r="175" spans="2:37" x14ac:dyDescent="0.2">
      <c r="B175" s="1"/>
      <c r="C175" s="1"/>
      <c r="D175" s="1"/>
      <c r="E175" s="1"/>
      <c r="F175" s="1"/>
      <c r="G175" s="1"/>
      <c r="H175" s="1"/>
      <c r="I175" s="1"/>
      <c r="J175" s="1"/>
      <c r="K175" s="1"/>
      <c r="L175" s="1"/>
      <c r="M175" s="1"/>
      <c r="N175" s="1"/>
      <c r="O175" s="1"/>
      <c r="P175" s="1"/>
      <c r="Q175" s="1"/>
      <c r="R175" s="1"/>
      <c r="S175" s="1"/>
      <c r="T175" s="1"/>
      <c r="U175" s="1"/>
      <c r="V175" s="1"/>
      <c r="W175" s="1"/>
      <c r="X175" s="1"/>
      <c r="Y175" s="1"/>
      <c r="Z175" s="1"/>
      <c r="AA175" s="1"/>
      <c r="AB175" s="1"/>
      <c r="AC175" s="1"/>
      <c r="AD175" s="1"/>
      <c r="AE175" s="1"/>
      <c r="AF175" s="1"/>
      <c r="AG175" s="1"/>
      <c r="AH175" s="1"/>
      <c r="AI175" s="1"/>
      <c r="AJ175" s="1"/>
      <c r="AK175" s="1"/>
    </row>
    <row r="176" spans="2:37" x14ac:dyDescent="0.2">
      <c r="B176" s="1"/>
      <c r="C176" s="1"/>
      <c r="D176" s="1"/>
      <c r="E176" s="1"/>
      <c r="F176" s="1"/>
      <c r="G176" s="1"/>
      <c r="H176" s="1"/>
      <c r="I176" s="1"/>
      <c r="J176" s="1"/>
      <c r="K176" s="1"/>
      <c r="L176" s="1"/>
      <c r="M176" s="1"/>
      <c r="N176" s="1"/>
      <c r="O176" s="1"/>
      <c r="P176" s="1"/>
      <c r="Q176" s="1"/>
      <c r="R176" s="1"/>
      <c r="S176" s="1"/>
      <c r="T176" s="1"/>
      <c r="U176" s="1"/>
      <c r="V176" s="1"/>
      <c r="W176" s="1"/>
      <c r="X176" s="1"/>
      <c r="Y176" s="1"/>
      <c r="Z176" s="1"/>
      <c r="AA176" s="1"/>
      <c r="AB176" s="1"/>
      <c r="AC176" s="1"/>
      <c r="AD176" s="1"/>
      <c r="AE176" s="1"/>
      <c r="AF176" s="1"/>
      <c r="AG176" s="1"/>
      <c r="AH176" s="1"/>
      <c r="AI176" s="1"/>
      <c r="AJ176" s="1"/>
      <c r="AK176" s="1"/>
    </row>
    <row r="177" spans="2:37" x14ac:dyDescent="0.2">
      <c r="B177" s="1"/>
      <c r="C177" s="1"/>
      <c r="D177" s="1"/>
      <c r="E177" s="1"/>
      <c r="F177" s="1"/>
      <c r="G177" s="1"/>
      <c r="H177" s="1"/>
      <c r="I177" s="1"/>
      <c r="J177" s="1"/>
      <c r="K177" s="1"/>
      <c r="L177" s="1"/>
      <c r="M177" s="1"/>
      <c r="N177" s="1"/>
      <c r="O177" s="1"/>
      <c r="P177" s="1"/>
      <c r="Q177" s="1"/>
      <c r="R177" s="1"/>
      <c r="S177" s="1"/>
      <c r="T177" s="1"/>
      <c r="U177" s="1"/>
      <c r="V177" s="1"/>
      <c r="W177" s="1"/>
      <c r="X177" s="1"/>
      <c r="Y177" s="1"/>
      <c r="Z177" s="1"/>
      <c r="AA177" s="1"/>
      <c r="AB177" s="1"/>
      <c r="AC177" s="1"/>
      <c r="AD177" s="1"/>
      <c r="AE177" s="1"/>
      <c r="AF177" s="1"/>
      <c r="AG177" s="1"/>
      <c r="AH177" s="1"/>
      <c r="AI177" s="1"/>
      <c r="AJ177" s="1"/>
      <c r="AK177" s="1"/>
    </row>
    <row r="178" spans="2:37" x14ac:dyDescent="0.2">
      <c r="B178" s="1"/>
      <c r="C178" s="1"/>
      <c r="D178" s="1"/>
      <c r="E178" s="1"/>
      <c r="F178" s="1"/>
      <c r="G178" s="1"/>
      <c r="H178" s="1"/>
      <c r="I178" s="1"/>
      <c r="J178" s="1"/>
      <c r="K178" s="1"/>
      <c r="L178" s="1"/>
      <c r="M178" s="1"/>
      <c r="N178" s="1"/>
      <c r="O178" s="1"/>
      <c r="P178" s="1"/>
      <c r="Q178" s="1"/>
      <c r="R178" s="1"/>
      <c r="S178" s="1"/>
      <c r="T178" s="1"/>
      <c r="U178" s="1"/>
      <c r="V178" s="1"/>
      <c r="W178" s="1"/>
      <c r="X178" s="1"/>
      <c r="Y178" s="1"/>
      <c r="Z178" s="1"/>
      <c r="AA178" s="1"/>
      <c r="AB178" s="1"/>
      <c r="AC178" s="1"/>
      <c r="AD178" s="1"/>
      <c r="AE178" s="1"/>
      <c r="AF178" s="1"/>
      <c r="AG178" s="1"/>
      <c r="AH178" s="1"/>
      <c r="AI178" s="1"/>
      <c r="AJ178" s="1"/>
      <c r="AK178" s="1"/>
    </row>
    <row r="179" spans="2:37" x14ac:dyDescent="0.2">
      <c r="B179" s="1"/>
      <c r="C179" s="1"/>
      <c r="D179" s="1"/>
      <c r="E179" s="1"/>
      <c r="F179" s="1"/>
      <c r="G179" s="1"/>
      <c r="H179" s="1"/>
      <c r="I179" s="1"/>
      <c r="J179" s="1"/>
      <c r="K179" s="1"/>
      <c r="L179" s="1"/>
      <c r="M179" s="1"/>
      <c r="N179" s="1"/>
      <c r="O179" s="1"/>
      <c r="P179" s="1"/>
      <c r="Q179" s="1"/>
      <c r="R179" s="1"/>
      <c r="S179" s="1"/>
      <c r="T179" s="1"/>
      <c r="U179" s="1"/>
      <c r="V179" s="1"/>
      <c r="W179" s="1"/>
      <c r="X179" s="1"/>
      <c r="Y179" s="1"/>
      <c r="Z179" s="1"/>
      <c r="AA179" s="1"/>
      <c r="AB179" s="1"/>
      <c r="AC179" s="1"/>
      <c r="AD179" s="1"/>
      <c r="AE179" s="1"/>
      <c r="AF179" s="1"/>
      <c r="AG179" s="1"/>
      <c r="AH179" s="1"/>
      <c r="AI179" s="1"/>
      <c r="AJ179" s="1"/>
      <c r="AK179" s="1"/>
    </row>
    <row r="180" spans="2:37" x14ac:dyDescent="0.2">
      <c r="B180" s="1"/>
      <c r="C180" s="1"/>
      <c r="D180" s="1"/>
      <c r="E180" s="1"/>
      <c r="F180" s="1"/>
      <c r="G180" s="1"/>
      <c r="H180" s="1"/>
      <c r="I180" s="1"/>
      <c r="J180" s="1"/>
      <c r="K180" s="1"/>
      <c r="L180" s="1"/>
      <c r="M180" s="1"/>
      <c r="N180" s="1"/>
      <c r="O180" s="1"/>
      <c r="P180" s="1"/>
      <c r="Q180" s="1"/>
      <c r="R180" s="1"/>
      <c r="S180" s="1"/>
      <c r="T180" s="1"/>
      <c r="U180" s="1"/>
      <c r="V180" s="1"/>
      <c r="W180" s="1"/>
      <c r="X180" s="1"/>
      <c r="Y180" s="1"/>
      <c r="Z180" s="1"/>
      <c r="AA180" s="1"/>
      <c r="AB180" s="1"/>
      <c r="AC180" s="1"/>
      <c r="AD180" s="1"/>
      <c r="AE180" s="1"/>
      <c r="AF180" s="1"/>
      <c r="AG180" s="1"/>
      <c r="AH180" s="1"/>
      <c r="AI180" s="1"/>
      <c r="AJ180" s="1"/>
      <c r="AK180" s="1"/>
    </row>
    <row r="181" spans="2:37" x14ac:dyDescent="0.2">
      <c r="B181" s="1"/>
      <c r="C181" s="1"/>
      <c r="D181" s="1"/>
      <c r="E181" s="1"/>
      <c r="F181" s="1"/>
      <c r="G181" s="1"/>
      <c r="H181" s="1"/>
      <c r="I181" s="1"/>
      <c r="J181" s="1"/>
      <c r="K181" s="1"/>
      <c r="L181" s="1"/>
      <c r="M181" s="1"/>
      <c r="N181" s="1"/>
      <c r="O181" s="1"/>
      <c r="P181" s="1"/>
      <c r="Q181" s="1"/>
      <c r="R181" s="1"/>
      <c r="S181" s="1"/>
      <c r="T181" s="1"/>
      <c r="U181" s="1"/>
      <c r="V181" s="1"/>
      <c r="W181" s="1"/>
      <c r="X181" s="1"/>
      <c r="Y181" s="1"/>
      <c r="Z181" s="1"/>
      <c r="AA181" s="1"/>
      <c r="AB181" s="1"/>
      <c r="AC181" s="1"/>
      <c r="AD181" s="1"/>
      <c r="AE181" s="1"/>
      <c r="AF181" s="1"/>
      <c r="AG181" s="1"/>
      <c r="AH181" s="1"/>
      <c r="AI181" s="1"/>
      <c r="AJ181" s="1"/>
      <c r="AK181" s="1"/>
    </row>
    <row r="182" spans="2:37" x14ac:dyDescent="0.2">
      <c r="B182" s="1"/>
      <c r="C182" s="1"/>
      <c r="D182" s="1"/>
      <c r="E182" s="1"/>
      <c r="F182" s="1"/>
      <c r="G182" s="1"/>
      <c r="H182" s="1"/>
      <c r="I182" s="1"/>
      <c r="J182" s="1"/>
      <c r="K182" s="1"/>
      <c r="L182" s="1"/>
      <c r="M182" s="1"/>
      <c r="N182" s="1"/>
      <c r="O182" s="1"/>
      <c r="P182" s="1"/>
      <c r="Q182" s="1"/>
      <c r="R182" s="1"/>
      <c r="S182" s="1"/>
      <c r="T182" s="1"/>
      <c r="U182" s="1"/>
      <c r="V182" s="1"/>
      <c r="W182" s="1"/>
      <c r="X182" s="1"/>
      <c r="Y182" s="1"/>
      <c r="Z182" s="1"/>
      <c r="AA182" s="1"/>
      <c r="AB182" s="1"/>
      <c r="AC182" s="1"/>
      <c r="AD182" s="1"/>
      <c r="AE182" s="1"/>
      <c r="AF182" s="1"/>
      <c r="AG182" s="1"/>
      <c r="AH182" s="1"/>
      <c r="AI182" s="1"/>
      <c r="AJ182" s="1"/>
      <c r="AK182" s="1"/>
    </row>
    <row r="183" spans="2:37" x14ac:dyDescent="0.2">
      <c r="B183" s="1"/>
      <c r="C183" s="1"/>
      <c r="D183" s="1"/>
      <c r="E183" s="1"/>
      <c r="F183" s="1"/>
      <c r="G183" s="1"/>
      <c r="H183" s="1"/>
      <c r="I183" s="1"/>
      <c r="J183" s="1"/>
      <c r="K183" s="1"/>
      <c r="L183" s="1"/>
      <c r="M183" s="1"/>
      <c r="N183" s="1"/>
      <c r="O183" s="1"/>
      <c r="P183" s="1"/>
      <c r="Q183" s="1"/>
      <c r="R183" s="1"/>
      <c r="S183" s="1"/>
      <c r="T183" s="1"/>
      <c r="U183" s="1"/>
      <c r="V183" s="1"/>
      <c r="W183" s="1"/>
      <c r="X183" s="1"/>
      <c r="Y183" s="1"/>
      <c r="Z183" s="1"/>
      <c r="AA183" s="1"/>
      <c r="AB183" s="1"/>
      <c r="AC183" s="1"/>
      <c r="AD183" s="1"/>
      <c r="AE183" s="1"/>
      <c r="AF183" s="1"/>
      <c r="AG183" s="1"/>
      <c r="AH183" s="1"/>
      <c r="AI183" s="1"/>
      <c r="AJ183" s="1"/>
      <c r="AK183" s="1"/>
    </row>
    <row r="184" spans="2:37" x14ac:dyDescent="0.2">
      <c r="B184" s="1"/>
      <c r="C184" s="1"/>
      <c r="D184" s="1"/>
      <c r="E184" s="1"/>
      <c r="F184" s="1"/>
      <c r="G184" s="1"/>
      <c r="H184" s="1"/>
      <c r="I184" s="1"/>
      <c r="J184" s="1"/>
      <c r="K184" s="1"/>
      <c r="L184" s="1"/>
      <c r="M184" s="1"/>
      <c r="N184" s="1"/>
      <c r="O184" s="1"/>
      <c r="P184" s="1"/>
      <c r="Q184" s="1"/>
      <c r="R184" s="1"/>
      <c r="S184" s="1"/>
      <c r="T184" s="1"/>
      <c r="U184" s="1"/>
      <c r="V184" s="1"/>
      <c r="W184" s="1"/>
      <c r="X184" s="1"/>
      <c r="Y184" s="1"/>
      <c r="Z184" s="1"/>
      <c r="AA184" s="1"/>
      <c r="AB184" s="1"/>
      <c r="AC184" s="1"/>
      <c r="AD184" s="1"/>
      <c r="AE184" s="1"/>
      <c r="AF184" s="1"/>
      <c r="AG184" s="1"/>
      <c r="AH184" s="1"/>
      <c r="AI184" s="1"/>
      <c r="AJ184" s="1"/>
      <c r="AK184" s="1"/>
    </row>
    <row r="185" spans="2:37" x14ac:dyDescent="0.2">
      <c r="B185" s="1"/>
      <c r="C185" s="1"/>
      <c r="D185" s="1"/>
      <c r="E185" s="1"/>
      <c r="F185" s="1"/>
      <c r="G185" s="1"/>
      <c r="H185" s="1"/>
      <c r="I185" s="1"/>
      <c r="J185" s="1"/>
      <c r="K185" s="1"/>
      <c r="L185" s="1"/>
      <c r="M185" s="1"/>
      <c r="N185" s="1"/>
      <c r="O185" s="1"/>
      <c r="P185" s="1"/>
      <c r="Q185" s="1"/>
      <c r="R185" s="1"/>
      <c r="S185" s="1"/>
      <c r="T185" s="1"/>
      <c r="U185" s="1"/>
      <c r="V185" s="1"/>
      <c r="W185" s="1"/>
      <c r="X185" s="1"/>
      <c r="Y185" s="1"/>
      <c r="Z185" s="1"/>
      <c r="AA185" s="1"/>
      <c r="AB185" s="1"/>
      <c r="AC185" s="1"/>
      <c r="AD185" s="1"/>
      <c r="AE185" s="1"/>
      <c r="AF185" s="1"/>
      <c r="AG185" s="1"/>
      <c r="AH185" s="1"/>
      <c r="AI185" s="1"/>
      <c r="AJ185" s="1"/>
      <c r="AK185" s="1"/>
    </row>
    <row r="186" spans="2:37" x14ac:dyDescent="0.2">
      <c r="B186" s="1"/>
      <c r="C186" s="1"/>
      <c r="D186" s="1"/>
      <c r="E186" s="1"/>
      <c r="F186" s="1"/>
      <c r="G186" s="1"/>
      <c r="H186" s="1"/>
      <c r="I186" s="1"/>
      <c r="J186" s="1"/>
      <c r="K186" s="1"/>
      <c r="L186" s="1"/>
      <c r="M186" s="1"/>
      <c r="N186" s="1"/>
      <c r="O186" s="1"/>
      <c r="P186" s="1"/>
      <c r="Q186" s="1"/>
      <c r="R186" s="1"/>
      <c r="S186" s="1"/>
      <c r="T186" s="1"/>
      <c r="U186" s="1"/>
      <c r="V186" s="1"/>
      <c r="W186" s="1"/>
      <c r="X186" s="1"/>
      <c r="Y186" s="1"/>
      <c r="Z186" s="1"/>
      <c r="AA186" s="1"/>
      <c r="AB186" s="1"/>
      <c r="AC186" s="1"/>
      <c r="AD186" s="1"/>
      <c r="AE186" s="1"/>
      <c r="AF186" s="1"/>
      <c r="AG186" s="1"/>
      <c r="AH186" s="1"/>
      <c r="AI186" s="1"/>
      <c r="AJ186" s="1"/>
      <c r="AK186" s="1"/>
    </row>
    <row r="187" spans="2:37" x14ac:dyDescent="0.2">
      <c r="B187" s="1"/>
      <c r="C187" s="1"/>
      <c r="D187" s="1"/>
      <c r="E187" s="1"/>
      <c r="F187" s="1"/>
      <c r="G187" s="1"/>
      <c r="H187" s="1"/>
      <c r="I187" s="1"/>
      <c r="J187" s="1"/>
      <c r="K187" s="1"/>
      <c r="L187" s="1"/>
      <c r="M187" s="1"/>
      <c r="N187" s="1"/>
      <c r="O187" s="1"/>
      <c r="P187" s="1"/>
      <c r="Q187" s="1"/>
      <c r="R187" s="1"/>
      <c r="S187" s="1"/>
      <c r="T187" s="1"/>
      <c r="U187" s="1"/>
      <c r="V187" s="1"/>
      <c r="W187" s="1"/>
      <c r="X187" s="1"/>
      <c r="Y187" s="1"/>
      <c r="Z187" s="1"/>
      <c r="AA187" s="1"/>
      <c r="AB187" s="1"/>
      <c r="AC187" s="1"/>
      <c r="AD187" s="1"/>
      <c r="AE187" s="1"/>
      <c r="AF187" s="1"/>
      <c r="AG187" s="1"/>
      <c r="AH187" s="1"/>
      <c r="AI187" s="1"/>
      <c r="AJ187" s="1"/>
      <c r="AK187" s="1"/>
    </row>
    <row r="188" spans="2:37" x14ac:dyDescent="0.2">
      <c r="B188" s="1"/>
      <c r="C188" s="1"/>
      <c r="D188" s="1"/>
      <c r="E188" s="1"/>
      <c r="F188" s="1"/>
      <c r="G188" s="1"/>
      <c r="H188" s="1"/>
      <c r="I188" s="1"/>
      <c r="J188" s="1"/>
      <c r="K188" s="1"/>
      <c r="L188" s="1"/>
      <c r="M188" s="1"/>
      <c r="N188" s="1"/>
      <c r="O188" s="1"/>
      <c r="P188" s="1"/>
      <c r="Q188" s="1"/>
      <c r="R188" s="1"/>
      <c r="S188" s="1"/>
      <c r="T188" s="1"/>
      <c r="U188" s="1"/>
      <c r="V188" s="1"/>
      <c r="W188" s="1"/>
      <c r="X188" s="1"/>
      <c r="Y188" s="1"/>
      <c r="Z188" s="1"/>
      <c r="AA188" s="1"/>
      <c r="AB188" s="1"/>
      <c r="AC188" s="1"/>
      <c r="AD188" s="1"/>
      <c r="AE188" s="1"/>
      <c r="AF188" s="1"/>
      <c r="AG188" s="1"/>
      <c r="AH188" s="1"/>
      <c r="AI188" s="1"/>
      <c r="AJ188" s="1"/>
      <c r="AK188" s="1"/>
    </row>
    <row r="189" spans="2:37" x14ac:dyDescent="0.2">
      <c r="B189" s="1"/>
      <c r="C189" s="1"/>
      <c r="D189" s="1"/>
      <c r="E189" s="1"/>
      <c r="F189" s="1"/>
      <c r="G189" s="1"/>
      <c r="H189" s="1"/>
      <c r="I189" s="1"/>
      <c r="J189" s="1"/>
      <c r="K189" s="1"/>
      <c r="L189" s="1"/>
      <c r="M189" s="1"/>
      <c r="N189" s="1"/>
      <c r="O189" s="1"/>
      <c r="P189" s="1"/>
      <c r="Q189" s="1"/>
      <c r="R189" s="1"/>
      <c r="S189" s="1"/>
      <c r="T189" s="1"/>
      <c r="U189" s="1"/>
      <c r="V189" s="1"/>
      <c r="W189" s="1"/>
      <c r="X189" s="1"/>
      <c r="Y189" s="1"/>
      <c r="Z189" s="1"/>
      <c r="AA189" s="1"/>
      <c r="AB189" s="1"/>
      <c r="AC189" s="1"/>
      <c r="AD189" s="1"/>
      <c r="AE189" s="1"/>
      <c r="AF189" s="1"/>
      <c r="AG189" s="1"/>
      <c r="AH189" s="1"/>
      <c r="AI189" s="1"/>
      <c r="AJ189" s="1"/>
      <c r="AK189" s="1"/>
    </row>
    <row r="190" spans="2:37" x14ac:dyDescent="0.2">
      <c r="B190" s="1"/>
      <c r="C190" s="1"/>
      <c r="D190" s="1"/>
      <c r="E190" s="1"/>
      <c r="F190" s="1"/>
      <c r="G190" s="1"/>
      <c r="H190" s="1"/>
      <c r="I190" s="1"/>
      <c r="J190" s="1"/>
      <c r="K190" s="1"/>
      <c r="L190" s="1"/>
      <c r="M190" s="1"/>
      <c r="N190" s="1"/>
      <c r="O190" s="1"/>
      <c r="P190" s="1"/>
      <c r="Q190" s="1"/>
      <c r="R190" s="1"/>
      <c r="S190" s="1"/>
      <c r="T190" s="1"/>
      <c r="U190" s="1"/>
      <c r="V190" s="1"/>
      <c r="W190" s="1"/>
      <c r="X190" s="1"/>
      <c r="Y190" s="1"/>
      <c r="Z190" s="1"/>
      <c r="AA190" s="1"/>
      <c r="AB190" s="1"/>
      <c r="AC190" s="1"/>
      <c r="AD190" s="1"/>
      <c r="AE190" s="1"/>
      <c r="AF190" s="1"/>
      <c r="AG190" s="1"/>
      <c r="AH190" s="1"/>
      <c r="AI190" s="1"/>
      <c r="AJ190" s="1"/>
      <c r="AK190" s="1"/>
    </row>
    <row r="191" spans="2:37" x14ac:dyDescent="0.2">
      <c r="B191" s="1"/>
      <c r="C191" s="1"/>
      <c r="D191" s="1"/>
      <c r="E191" s="1"/>
      <c r="F191" s="1"/>
      <c r="G191" s="1"/>
      <c r="H191" s="1"/>
      <c r="I191" s="1"/>
      <c r="J191" s="1"/>
      <c r="K191" s="1"/>
      <c r="L191" s="1"/>
      <c r="M191" s="1"/>
      <c r="N191" s="1"/>
      <c r="O191" s="1"/>
      <c r="P191" s="1"/>
      <c r="Q191" s="1"/>
      <c r="R191" s="1"/>
      <c r="S191" s="1"/>
      <c r="T191" s="1"/>
      <c r="U191" s="1"/>
      <c r="V191" s="1"/>
      <c r="W191" s="1"/>
      <c r="X191" s="1"/>
      <c r="Y191" s="1"/>
      <c r="Z191" s="1"/>
      <c r="AA191" s="1"/>
      <c r="AB191" s="1"/>
      <c r="AC191" s="1"/>
      <c r="AD191" s="1"/>
      <c r="AE191" s="1"/>
      <c r="AF191" s="1"/>
      <c r="AG191" s="1"/>
      <c r="AH191" s="1"/>
      <c r="AI191" s="1"/>
      <c r="AJ191" s="1"/>
      <c r="AK191" s="1"/>
    </row>
    <row r="192" spans="2:37" x14ac:dyDescent="0.2">
      <c r="B192" s="1"/>
      <c r="C192" s="1"/>
      <c r="D192" s="1"/>
      <c r="E192" s="1"/>
      <c r="F192" s="1"/>
      <c r="G192" s="1"/>
      <c r="H192" s="1"/>
      <c r="I192" s="1"/>
      <c r="J192" s="1"/>
      <c r="K192" s="1"/>
      <c r="L192" s="1"/>
      <c r="M192" s="1"/>
      <c r="N192" s="1"/>
      <c r="O192" s="1"/>
      <c r="P192" s="1"/>
      <c r="Q192" s="1"/>
      <c r="R192" s="1"/>
      <c r="S192" s="1"/>
      <c r="T192" s="1"/>
      <c r="U192" s="1"/>
      <c r="V192" s="1"/>
      <c r="W192" s="1"/>
      <c r="X192" s="1"/>
      <c r="Y192" s="1"/>
      <c r="Z192" s="1"/>
      <c r="AA192" s="1"/>
      <c r="AB192" s="1"/>
      <c r="AC192" s="1"/>
      <c r="AD192" s="1"/>
      <c r="AE192" s="1"/>
      <c r="AF192" s="1"/>
      <c r="AG192" s="1"/>
      <c r="AH192" s="1"/>
      <c r="AI192" s="1"/>
      <c r="AJ192" s="1"/>
      <c r="AK192" s="1"/>
    </row>
    <row r="193" spans="2:37" x14ac:dyDescent="0.2">
      <c r="B193" s="1"/>
      <c r="C193" s="1"/>
      <c r="D193" s="1"/>
      <c r="E193" s="1"/>
      <c r="F193" s="1"/>
      <c r="G193" s="1"/>
      <c r="H193" s="1"/>
      <c r="I193" s="1"/>
      <c r="J193" s="1"/>
      <c r="K193" s="1"/>
      <c r="L193" s="1"/>
      <c r="M193" s="1"/>
      <c r="N193" s="1"/>
      <c r="O193" s="1"/>
      <c r="P193" s="1"/>
      <c r="Q193" s="1"/>
      <c r="R193" s="1"/>
      <c r="S193" s="1"/>
      <c r="T193" s="1"/>
      <c r="U193" s="1"/>
      <c r="V193" s="1"/>
      <c r="W193" s="1"/>
      <c r="X193" s="1"/>
      <c r="Y193" s="1"/>
      <c r="Z193" s="1"/>
      <c r="AA193" s="1"/>
      <c r="AB193" s="1"/>
      <c r="AC193" s="1"/>
      <c r="AD193" s="1"/>
      <c r="AE193" s="1"/>
      <c r="AF193" s="1"/>
      <c r="AG193" s="1"/>
      <c r="AH193" s="1"/>
      <c r="AI193" s="1"/>
      <c r="AJ193" s="1"/>
      <c r="AK193" s="1"/>
    </row>
    <row r="194" spans="2:37" x14ac:dyDescent="0.2">
      <c r="B194" s="1"/>
      <c r="C194" s="1"/>
      <c r="D194" s="1"/>
      <c r="E194" s="1"/>
      <c r="F194" s="1"/>
      <c r="G194" s="1"/>
      <c r="H194" s="1"/>
      <c r="I194" s="1"/>
      <c r="J194" s="1"/>
      <c r="K194" s="1"/>
      <c r="L194" s="1"/>
      <c r="M194" s="1"/>
      <c r="N194" s="1"/>
      <c r="O194" s="1"/>
      <c r="P194" s="1"/>
      <c r="Q194" s="1"/>
      <c r="R194" s="1"/>
      <c r="S194" s="1"/>
      <c r="T194" s="1"/>
      <c r="U194" s="1"/>
      <c r="V194" s="1"/>
      <c r="W194" s="1"/>
      <c r="X194" s="1"/>
      <c r="Y194" s="1"/>
      <c r="Z194" s="1"/>
      <c r="AA194" s="1"/>
      <c r="AB194" s="1"/>
      <c r="AC194" s="1"/>
      <c r="AD194" s="1"/>
      <c r="AE194" s="1"/>
      <c r="AF194" s="1"/>
      <c r="AG194" s="1"/>
      <c r="AH194" s="1"/>
      <c r="AI194" s="1"/>
      <c r="AJ194" s="1"/>
      <c r="AK194" s="1"/>
    </row>
    <row r="195" spans="2:37" x14ac:dyDescent="0.2">
      <c r="B195" s="1"/>
      <c r="C195" s="1"/>
      <c r="D195" s="1"/>
      <c r="E195" s="1"/>
      <c r="F195" s="1"/>
      <c r="G195" s="1"/>
      <c r="H195" s="1"/>
      <c r="I195" s="1"/>
      <c r="J195" s="1"/>
      <c r="K195" s="1"/>
      <c r="L195" s="1"/>
      <c r="M195" s="1"/>
      <c r="N195" s="1"/>
      <c r="O195" s="1"/>
      <c r="P195" s="1"/>
      <c r="Q195" s="1"/>
      <c r="R195" s="1"/>
      <c r="S195" s="1"/>
      <c r="T195" s="1"/>
      <c r="U195" s="1"/>
      <c r="V195" s="1"/>
      <c r="W195" s="1"/>
      <c r="X195" s="1"/>
      <c r="Y195" s="1"/>
      <c r="Z195" s="1"/>
      <c r="AA195" s="1"/>
      <c r="AB195" s="1"/>
      <c r="AC195" s="1"/>
      <c r="AD195" s="1"/>
      <c r="AE195" s="1"/>
      <c r="AF195" s="1"/>
      <c r="AG195" s="1"/>
      <c r="AH195" s="1"/>
      <c r="AI195" s="1"/>
      <c r="AJ195" s="1"/>
      <c r="AK195" s="1"/>
    </row>
    <row r="196" spans="2:37" x14ac:dyDescent="0.2">
      <c r="B196" s="1"/>
      <c r="C196" s="1"/>
      <c r="D196" s="1"/>
      <c r="E196" s="1"/>
      <c r="F196" s="1"/>
      <c r="G196" s="1"/>
      <c r="H196" s="1"/>
      <c r="I196" s="1"/>
      <c r="J196" s="1"/>
      <c r="K196" s="1"/>
      <c r="L196" s="1"/>
      <c r="M196" s="1"/>
      <c r="N196" s="1"/>
      <c r="O196" s="1"/>
      <c r="P196" s="1"/>
      <c r="Q196" s="1"/>
      <c r="R196" s="1"/>
      <c r="S196" s="1"/>
      <c r="T196" s="1"/>
      <c r="U196" s="1"/>
      <c r="V196" s="1"/>
      <c r="W196" s="1"/>
      <c r="X196" s="1"/>
      <c r="Y196" s="1"/>
      <c r="Z196" s="1"/>
      <c r="AA196" s="1"/>
      <c r="AB196" s="1"/>
      <c r="AC196" s="1"/>
      <c r="AD196" s="1"/>
      <c r="AE196" s="1"/>
      <c r="AF196" s="1"/>
      <c r="AG196" s="1"/>
      <c r="AH196" s="1"/>
      <c r="AI196" s="1"/>
      <c r="AJ196" s="1"/>
      <c r="AK196" s="1"/>
    </row>
    <row r="197" spans="2:37" x14ac:dyDescent="0.2">
      <c r="B197" s="1"/>
      <c r="C197" s="1"/>
      <c r="D197" s="1"/>
      <c r="E197" s="1"/>
      <c r="F197" s="1"/>
      <c r="G197" s="1"/>
      <c r="H197" s="1"/>
      <c r="I197" s="1"/>
      <c r="J197" s="1"/>
      <c r="K197" s="1"/>
      <c r="L197" s="1"/>
      <c r="M197" s="1"/>
      <c r="N197" s="1"/>
      <c r="O197" s="1"/>
      <c r="P197" s="1"/>
      <c r="Q197" s="1"/>
      <c r="R197" s="1"/>
      <c r="S197" s="1"/>
      <c r="T197" s="1"/>
      <c r="U197" s="1"/>
      <c r="V197" s="1"/>
      <c r="W197" s="1"/>
      <c r="X197" s="1"/>
      <c r="Y197" s="1"/>
      <c r="Z197" s="1"/>
      <c r="AA197" s="1"/>
      <c r="AB197" s="1"/>
      <c r="AC197" s="1"/>
      <c r="AD197" s="1"/>
      <c r="AE197" s="1"/>
      <c r="AF197" s="1"/>
      <c r="AG197" s="1"/>
      <c r="AH197" s="1"/>
      <c r="AI197" s="1"/>
      <c r="AJ197" s="1"/>
      <c r="AK197" s="1"/>
    </row>
    <row r="198" spans="2:37" x14ac:dyDescent="0.2">
      <c r="B198" s="1"/>
      <c r="C198" s="1"/>
      <c r="D198" s="1"/>
      <c r="E198" s="1"/>
      <c r="F198" s="1"/>
      <c r="G198" s="1"/>
      <c r="H198" s="1"/>
      <c r="I198" s="1"/>
      <c r="J198" s="1"/>
      <c r="K198" s="1"/>
      <c r="L198" s="1"/>
      <c r="M198" s="1"/>
      <c r="N198" s="1"/>
      <c r="O198" s="1"/>
      <c r="P198" s="1"/>
      <c r="Q198" s="1"/>
      <c r="R198" s="1"/>
      <c r="S198" s="1"/>
      <c r="T198" s="1"/>
      <c r="U198" s="1"/>
      <c r="V198" s="1"/>
      <c r="W198" s="1"/>
      <c r="X198" s="1"/>
      <c r="Y198" s="1"/>
      <c r="Z198" s="1"/>
      <c r="AA198" s="1"/>
      <c r="AB198" s="1"/>
      <c r="AC198" s="1"/>
      <c r="AD198" s="1"/>
      <c r="AE198" s="1"/>
      <c r="AF198" s="1"/>
      <c r="AG198" s="1"/>
      <c r="AH198" s="1"/>
      <c r="AI198" s="1"/>
      <c r="AJ198" s="1"/>
      <c r="AK198" s="1"/>
    </row>
    <row r="199" spans="2:37" x14ac:dyDescent="0.2">
      <c r="B199" s="1"/>
      <c r="C199" s="1"/>
      <c r="D199" s="1"/>
      <c r="E199" s="1"/>
      <c r="F199" s="1"/>
      <c r="G199" s="1"/>
      <c r="H199" s="1"/>
      <c r="I199" s="1"/>
      <c r="J199" s="1"/>
      <c r="K199" s="1"/>
      <c r="L199" s="1"/>
      <c r="M199" s="1"/>
      <c r="N199" s="1"/>
      <c r="O199" s="1"/>
      <c r="P199" s="1"/>
      <c r="Q199" s="1"/>
      <c r="R199" s="1"/>
      <c r="S199" s="1"/>
      <c r="T199" s="1"/>
      <c r="U199" s="1"/>
      <c r="V199" s="1"/>
      <c r="W199" s="1"/>
      <c r="X199" s="1"/>
      <c r="Y199" s="1"/>
      <c r="Z199" s="1"/>
      <c r="AA199" s="1"/>
      <c r="AB199" s="1"/>
      <c r="AC199" s="1"/>
      <c r="AD199" s="1"/>
      <c r="AE199" s="1"/>
      <c r="AF199" s="1"/>
      <c r="AG199" s="1"/>
      <c r="AH199" s="1"/>
      <c r="AI199" s="1"/>
      <c r="AJ199" s="1"/>
      <c r="AK199" s="1"/>
    </row>
    <row r="200" spans="2:37" x14ac:dyDescent="0.2">
      <c r="B200" s="1"/>
      <c r="C200" s="1"/>
      <c r="D200" s="1"/>
      <c r="E200" s="1"/>
      <c r="F200" s="1"/>
      <c r="G200" s="1"/>
      <c r="H200" s="1"/>
      <c r="I200" s="1"/>
      <c r="J200" s="1"/>
      <c r="K200" s="1"/>
      <c r="L200" s="1"/>
      <c r="M200" s="1"/>
      <c r="N200" s="1"/>
      <c r="O200" s="1"/>
      <c r="P200" s="1"/>
      <c r="Q200" s="1"/>
      <c r="R200" s="1"/>
      <c r="S200" s="1"/>
      <c r="T200" s="1"/>
      <c r="U200" s="1"/>
      <c r="V200" s="1"/>
      <c r="W200" s="1"/>
      <c r="X200" s="1"/>
      <c r="Y200" s="1"/>
      <c r="Z200" s="1"/>
      <c r="AA200" s="1"/>
      <c r="AB200" s="1"/>
      <c r="AC200" s="1"/>
      <c r="AD200" s="1"/>
      <c r="AE200" s="1"/>
      <c r="AF200" s="1"/>
      <c r="AG200" s="1"/>
      <c r="AH200" s="1"/>
      <c r="AI200" s="1"/>
      <c r="AJ200" s="1"/>
      <c r="AK200" s="1"/>
    </row>
    <row r="201" spans="2:37" x14ac:dyDescent="0.2">
      <c r="B201" s="1"/>
      <c r="C201" s="1"/>
      <c r="D201" s="1"/>
      <c r="E201" s="1"/>
      <c r="F201" s="1"/>
      <c r="G201" s="1"/>
      <c r="H201" s="1"/>
      <c r="I201" s="1"/>
      <c r="J201" s="1"/>
      <c r="K201" s="1"/>
      <c r="L201" s="1"/>
      <c r="M201" s="1"/>
      <c r="N201" s="1"/>
      <c r="O201" s="1"/>
      <c r="P201" s="1"/>
      <c r="Q201" s="1"/>
      <c r="R201" s="1"/>
      <c r="S201" s="1"/>
      <c r="T201" s="1"/>
      <c r="U201" s="1"/>
      <c r="V201" s="1"/>
      <c r="W201" s="1"/>
      <c r="X201" s="1"/>
      <c r="Y201" s="1"/>
      <c r="Z201" s="1"/>
      <c r="AA201" s="1"/>
      <c r="AB201" s="1"/>
      <c r="AC201" s="1"/>
      <c r="AD201" s="1"/>
      <c r="AE201" s="1"/>
      <c r="AF201" s="1"/>
      <c r="AG201" s="1"/>
      <c r="AH201" s="1"/>
      <c r="AI201" s="1"/>
      <c r="AJ201" s="1"/>
      <c r="AK201" s="1"/>
    </row>
    <row r="202" spans="2:37" x14ac:dyDescent="0.2">
      <c r="B202" s="1"/>
      <c r="C202" s="1"/>
      <c r="D202" s="1"/>
      <c r="E202" s="1"/>
      <c r="F202" s="1"/>
      <c r="G202" s="1"/>
      <c r="H202" s="1"/>
      <c r="I202" s="1"/>
      <c r="J202" s="1"/>
      <c r="K202" s="1"/>
      <c r="L202" s="1"/>
      <c r="M202" s="1"/>
      <c r="N202" s="1"/>
      <c r="O202" s="1"/>
      <c r="P202" s="1"/>
      <c r="Q202" s="1"/>
      <c r="R202" s="1"/>
      <c r="S202" s="1"/>
      <c r="T202" s="1"/>
      <c r="U202" s="1"/>
      <c r="V202" s="1"/>
      <c r="W202" s="1"/>
      <c r="X202" s="1"/>
      <c r="Y202" s="1"/>
      <c r="Z202" s="1"/>
      <c r="AA202" s="1"/>
      <c r="AB202" s="1"/>
      <c r="AC202" s="1"/>
      <c r="AD202" s="1"/>
      <c r="AE202" s="1"/>
      <c r="AF202" s="1"/>
      <c r="AG202" s="1"/>
      <c r="AH202" s="1"/>
      <c r="AI202" s="1"/>
      <c r="AJ202" s="1"/>
      <c r="AK202" s="1"/>
    </row>
    <row r="203" spans="2:37" x14ac:dyDescent="0.2">
      <c r="B203" s="1"/>
      <c r="C203" s="1"/>
      <c r="D203" s="1"/>
      <c r="E203" s="1"/>
      <c r="F203" s="1"/>
      <c r="G203" s="1"/>
      <c r="H203" s="1"/>
      <c r="I203" s="1"/>
      <c r="J203" s="1"/>
      <c r="K203" s="1"/>
      <c r="L203" s="1"/>
      <c r="M203" s="1"/>
      <c r="N203" s="1"/>
      <c r="O203" s="1"/>
      <c r="P203" s="1"/>
      <c r="Q203" s="1"/>
      <c r="R203" s="1"/>
      <c r="S203" s="1"/>
      <c r="T203" s="1"/>
      <c r="U203" s="1"/>
      <c r="V203" s="1"/>
      <c r="W203" s="1"/>
      <c r="X203" s="1"/>
      <c r="Y203" s="1"/>
      <c r="Z203" s="1"/>
      <c r="AA203" s="1"/>
      <c r="AB203" s="1"/>
      <c r="AC203" s="1"/>
      <c r="AD203" s="1"/>
      <c r="AE203" s="1"/>
      <c r="AF203" s="1"/>
      <c r="AG203" s="1"/>
      <c r="AH203" s="1"/>
      <c r="AI203" s="1"/>
      <c r="AJ203" s="1"/>
      <c r="AK203" s="1"/>
    </row>
    <row r="204" spans="2:37" x14ac:dyDescent="0.2">
      <c r="B204" s="1"/>
      <c r="C204" s="1"/>
      <c r="D204" s="1"/>
      <c r="E204" s="1"/>
      <c r="F204" s="1"/>
      <c r="G204" s="1"/>
      <c r="H204" s="1"/>
      <c r="I204" s="1"/>
      <c r="J204" s="1"/>
      <c r="K204" s="1"/>
      <c r="L204" s="1"/>
      <c r="M204" s="1"/>
      <c r="N204" s="1"/>
      <c r="O204" s="1"/>
      <c r="P204" s="1"/>
      <c r="Q204" s="1"/>
      <c r="R204" s="1"/>
      <c r="S204" s="1"/>
      <c r="T204" s="1"/>
      <c r="U204" s="1"/>
      <c r="V204" s="1"/>
      <c r="W204" s="1"/>
      <c r="X204" s="1"/>
      <c r="Y204" s="1"/>
      <c r="Z204" s="1"/>
      <c r="AA204" s="1"/>
      <c r="AB204" s="1"/>
      <c r="AC204" s="1"/>
      <c r="AD204" s="1"/>
      <c r="AE204" s="1"/>
      <c r="AF204" s="1"/>
      <c r="AG204" s="1"/>
      <c r="AH204" s="1"/>
      <c r="AI204" s="1"/>
      <c r="AJ204" s="1"/>
      <c r="AK204" s="1"/>
    </row>
    <row r="205" spans="2:37" x14ac:dyDescent="0.2">
      <c r="B205" s="1"/>
      <c r="C205" s="1"/>
      <c r="D205" s="1"/>
      <c r="E205" s="1"/>
      <c r="F205" s="1"/>
      <c r="G205" s="1"/>
      <c r="H205" s="1"/>
      <c r="I205" s="1"/>
      <c r="J205" s="1"/>
      <c r="K205" s="1"/>
      <c r="L205" s="1"/>
      <c r="M205" s="1"/>
      <c r="N205" s="1"/>
      <c r="O205" s="1"/>
      <c r="P205" s="1"/>
      <c r="Q205" s="1"/>
      <c r="R205" s="1"/>
      <c r="S205" s="1"/>
      <c r="T205" s="1"/>
      <c r="U205" s="1"/>
      <c r="V205" s="1"/>
      <c r="W205" s="1"/>
      <c r="X205" s="1"/>
      <c r="Y205" s="1"/>
      <c r="Z205" s="1"/>
      <c r="AA205" s="1"/>
      <c r="AB205" s="1"/>
      <c r="AC205" s="1"/>
      <c r="AD205" s="1"/>
      <c r="AE205" s="1"/>
      <c r="AF205" s="1"/>
      <c r="AG205" s="1"/>
      <c r="AH205" s="1"/>
      <c r="AI205" s="1"/>
      <c r="AJ205" s="1"/>
      <c r="AK205" s="1"/>
    </row>
    <row r="206" spans="2:37" x14ac:dyDescent="0.2">
      <c r="B206" s="1"/>
      <c r="C206" s="1"/>
      <c r="D206" s="1"/>
      <c r="E206" s="1"/>
      <c r="F206" s="1"/>
      <c r="G206" s="1"/>
      <c r="H206" s="1"/>
      <c r="I206" s="1"/>
      <c r="J206" s="1"/>
      <c r="K206" s="1"/>
      <c r="L206" s="1"/>
      <c r="M206" s="1"/>
      <c r="N206" s="1"/>
      <c r="O206" s="1"/>
      <c r="P206" s="1"/>
      <c r="Q206" s="1"/>
      <c r="R206" s="1"/>
      <c r="S206" s="1"/>
      <c r="T206" s="1"/>
      <c r="U206" s="1"/>
      <c r="V206" s="1"/>
      <c r="W206" s="1"/>
      <c r="X206" s="1"/>
      <c r="Y206" s="1"/>
      <c r="Z206" s="1"/>
      <c r="AA206" s="1"/>
      <c r="AB206" s="1"/>
      <c r="AC206" s="1"/>
      <c r="AD206" s="1"/>
      <c r="AE206" s="1"/>
      <c r="AF206" s="1"/>
      <c r="AG206" s="1"/>
      <c r="AH206" s="1"/>
      <c r="AI206" s="1"/>
      <c r="AJ206" s="1"/>
      <c r="AK206" s="1"/>
    </row>
    <row r="207" spans="2:37" x14ac:dyDescent="0.2">
      <c r="B207" s="1"/>
      <c r="C207" s="1"/>
      <c r="D207" s="1"/>
      <c r="E207" s="1"/>
      <c r="F207" s="1"/>
      <c r="G207" s="1"/>
      <c r="H207" s="1"/>
      <c r="I207" s="1"/>
      <c r="J207" s="1"/>
      <c r="K207" s="1"/>
      <c r="L207" s="1"/>
      <c r="M207" s="1"/>
      <c r="N207" s="1"/>
      <c r="O207" s="1"/>
      <c r="P207" s="1"/>
      <c r="Q207" s="1"/>
      <c r="R207" s="1"/>
      <c r="S207" s="1"/>
      <c r="T207" s="1"/>
      <c r="U207" s="1"/>
      <c r="V207" s="1"/>
      <c r="W207" s="1"/>
      <c r="X207" s="1"/>
      <c r="Y207" s="1"/>
      <c r="Z207" s="1"/>
      <c r="AA207" s="1"/>
      <c r="AB207" s="1"/>
      <c r="AC207" s="1"/>
      <c r="AD207" s="1"/>
      <c r="AE207" s="1"/>
      <c r="AF207" s="1"/>
      <c r="AG207" s="1"/>
      <c r="AH207" s="1"/>
      <c r="AI207" s="1"/>
      <c r="AJ207" s="1"/>
      <c r="AK207" s="1"/>
    </row>
    <row r="208" spans="2:37" x14ac:dyDescent="0.2">
      <c r="B208" s="1"/>
      <c r="C208" s="1"/>
      <c r="D208" s="1"/>
      <c r="E208" s="1"/>
      <c r="F208" s="1"/>
      <c r="G208" s="1"/>
      <c r="H208" s="1"/>
      <c r="I208" s="1"/>
      <c r="J208" s="1"/>
      <c r="K208" s="1"/>
      <c r="L208" s="1"/>
      <c r="M208" s="1"/>
      <c r="N208" s="1"/>
      <c r="O208" s="1"/>
      <c r="P208" s="1"/>
      <c r="Q208" s="1"/>
      <c r="R208" s="1"/>
      <c r="S208" s="1"/>
      <c r="T208" s="1"/>
      <c r="U208" s="1"/>
      <c r="V208" s="1"/>
      <c r="W208" s="1"/>
      <c r="X208" s="1"/>
      <c r="Y208" s="1"/>
      <c r="Z208" s="1"/>
      <c r="AA208" s="1"/>
      <c r="AB208" s="1"/>
      <c r="AC208" s="1"/>
      <c r="AD208" s="1"/>
      <c r="AE208" s="1"/>
      <c r="AF208" s="1"/>
      <c r="AG208" s="1"/>
      <c r="AH208" s="1"/>
      <c r="AI208" s="1"/>
      <c r="AJ208" s="1"/>
      <c r="AK208" s="1"/>
    </row>
    <row r="209" spans="2:37" x14ac:dyDescent="0.2">
      <c r="B209" s="1"/>
      <c r="C209" s="1"/>
      <c r="D209" s="1"/>
      <c r="E209" s="1"/>
      <c r="F209" s="1"/>
      <c r="G209" s="1"/>
      <c r="H209" s="1"/>
      <c r="I209" s="1"/>
      <c r="J209" s="1"/>
      <c r="K209" s="1"/>
      <c r="L209" s="1"/>
      <c r="M209" s="1"/>
      <c r="N209" s="1"/>
      <c r="O209" s="1"/>
      <c r="P209" s="1"/>
      <c r="Q209" s="1"/>
      <c r="R209" s="1"/>
      <c r="S209" s="1"/>
      <c r="T209" s="1"/>
      <c r="U209" s="1"/>
      <c r="V209" s="1"/>
      <c r="W209" s="1"/>
      <c r="X209" s="1"/>
      <c r="Y209" s="1"/>
      <c r="Z209" s="1"/>
      <c r="AA209" s="1"/>
      <c r="AB209" s="1"/>
      <c r="AC209" s="1"/>
      <c r="AD209" s="1"/>
      <c r="AE209" s="1"/>
      <c r="AF209" s="1"/>
      <c r="AG209" s="1"/>
      <c r="AH209" s="1"/>
      <c r="AI209" s="1"/>
      <c r="AJ209" s="1"/>
      <c r="AK209" s="1"/>
    </row>
    <row r="210" spans="2:37" x14ac:dyDescent="0.2">
      <c r="B210" s="1"/>
      <c r="C210" s="1"/>
      <c r="D210" s="1"/>
      <c r="E210" s="1"/>
      <c r="F210" s="1"/>
      <c r="G210" s="1"/>
      <c r="H210" s="1"/>
      <c r="I210" s="1"/>
      <c r="J210" s="1"/>
      <c r="K210" s="1"/>
      <c r="L210" s="1"/>
      <c r="M210" s="1"/>
      <c r="N210" s="1"/>
      <c r="O210" s="1"/>
      <c r="P210" s="1"/>
      <c r="Q210" s="1"/>
      <c r="R210" s="1"/>
      <c r="S210" s="1"/>
      <c r="T210" s="1"/>
      <c r="U210" s="1"/>
      <c r="V210" s="1"/>
      <c r="W210" s="1"/>
      <c r="X210" s="1"/>
      <c r="Y210" s="1"/>
      <c r="Z210" s="1"/>
      <c r="AA210" s="1"/>
      <c r="AB210" s="1"/>
      <c r="AC210" s="1"/>
      <c r="AD210" s="1"/>
      <c r="AE210" s="1"/>
      <c r="AF210" s="1"/>
      <c r="AG210" s="1"/>
      <c r="AH210" s="1"/>
      <c r="AI210" s="1"/>
      <c r="AJ210" s="1"/>
      <c r="AK210" s="1"/>
    </row>
    <row r="211" spans="2:37" x14ac:dyDescent="0.2">
      <c r="B211" s="1"/>
      <c r="C211" s="1"/>
      <c r="D211" s="1"/>
      <c r="E211" s="1"/>
      <c r="F211" s="1"/>
      <c r="G211" s="1"/>
      <c r="H211" s="1"/>
      <c r="I211" s="1"/>
      <c r="J211" s="1"/>
      <c r="K211" s="1"/>
      <c r="L211" s="1"/>
      <c r="M211" s="1"/>
      <c r="N211" s="1"/>
      <c r="O211" s="1"/>
      <c r="P211" s="1"/>
      <c r="Q211" s="1"/>
      <c r="R211" s="1"/>
      <c r="S211" s="1"/>
      <c r="T211" s="1"/>
      <c r="U211" s="1"/>
      <c r="V211" s="1"/>
      <c r="W211" s="1"/>
      <c r="X211" s="1"/>
      <c r="Y211" s="1"/>
      <c r="Z211" s="1"/>
      <c r="AA211" s="1"/>
      <c r="AB211" s="1"/>
      <c r="AC211" s="1"/>
      <c r="AD211" s="1"/>
      <c r="AE211" s="1"/>
      <c r="AF211" s="1"/>
      <c r="AG211" s="1"/>
      <c r="AH211" s="1"/>
      <c r="AI211" s="1"/>
      <c r="AJ211" s="1"/>
      <c r="AK211" s="1"/>
    </row>
    <row r="212" spans="2:37" x14ac:dyDescent="0.2">
      <c r="B212" s="1"/>
      <c r="C212" s="1"/>
      <c r="D212" s="1"/>
      <c r="E212" s="1"/>
      <c r="F212" s="1"/>
      <c r="G212" s="1"/>
      <c r="H212" s="1"/>
      <c r="I212" s="1"/>
      <c r="J212" s="1"/>
      <c r="K212" s="1"/>
      <c r="L212" s="1"/>
      <c r="M212" s="1"/>
      <c r="N212" s="1"/>
      <c r="O212" s="1"/>
      <c r="P212" s="1"/>
      <c r="Q212" s="1"/>
      <c r="R212" s="1"/>
      <c r="S212" s="1"/>
      <c r="T212" s="1"/>
      <c r="U212" s="1"/>
      <c r="V212" s="1"/>
      <c r="W212" s="1"/>
      <c r="X212" s="1"/>
      <c r="Y212" s="1"/>
      <c r="Z212" s="1"/>
      <c r="AA212" s="1"/>
      <c r="AB212" s="1"/>
      <c r="AC212" s="1"/>
      <c r="AD212" s="1"/>
      <c r="AE212" s="1"/>
      <c r="AF212" s="1"/>
      <c r="AG212" s="1"/>
      <c r="AH212" s="1"/>
      <c r="AI212" s="1"/>
      <c r="AJ212" s="1"/>
      <c r="AK212" s="1"/>
    </row>
    <row r="213" spans="2:37" x14ac:dyDescent="0.2">
      <c r="B213" s="1"/>
      <c r="C213" s="1"/>
      <c r="D213" s="1"/>
      <c r="E213" s="1"/>
      <c r="F213" s="1"/>
      <c r="G213" s="1"/>
      <c r="H213" s="1"/>
      <c r="I213" s="1"/>
      <c r="J213" s="1"/>
      <c r="K213" s="1"/>
      <c r="L213" s="1"/>
      <c r="M213" s="1"/>
      <c r="N213" s="1"/>
      <c r="O213" s="1"/>
      <c r="P213" s="1"/>
      <c r="Q213" s="1"/>
      <c r="R213" s="1"/>
      <c r="S213" s="1"/>
      <c r="T213" s="1"/>
      <c r="U213" s="1"/>
      <c r="V213" s="1"/>
      <c r="W213" s="1"/>
      <c r="X213" s="1"/>
      <c r="Y213" s="1"/>
      <c r="Z213" s="1"/>
      <c r="AA213" s="1"/>
      <c r="AB213" s="1"/>
      <c r="AC213" s="1"/>
      <c r="AD213" s="1"/>
      <c r="AE213" s="1"/>
      <c r="AF213" s="1"/>
      <c r="AG213" s="1"/>
      <c r="AH213" s="1"/>
      <c r="AI213" s="1"/>
      <c r="AJ213" s="1"/>
      <c r="AK213" s="1"/>
    </row>
    <row r="214" spans="2:37" x14ac:dyDescent="0.2">
      <c r="B214" s="1"/>
      <c r="C214" s="1"/>
      <c r="D214" s="1"/>
      <c r="E214" s="1"/>
      <c r="F214" s="1"/>
      <c r="G214" s="1"/>
      <c r="H214" s="1"/>
      <c r="I214" s="1"/>
      <c r="J214" s="1"/>
      <c r="K214" s="1"/>
      <c r="L214" s="1"/>
      <c r="M214" s="1"/>
      <c r="N214" s="1"/>
      <c r="O214" s="1"/>
      <c r="P214" s="1"/>
      <c r="Q214" s="1"/>
      <c r="R214" s="1"/>
      <c r="S214" s="1"/>
      <c r="T214" s="1"/>
      <c r="U214" s="1"/>
      <c r="V214" s="1"/>
      <c r="W214" s="1"/>
      <c r="X214" s="1"/>
      <c r="Y214" s="1"/>
      <c r="Z214" s="1"/>
      <c r="AA214" s="1"/>
      <c r="AB214" s="1"/>
      <c r="AC214" s="1"/>
      <c r="AD214" s="1"/>
      <c r="AE214" s="1"/>
      <c r="AF214" s="1"/>
      <c r="AG214" s="1"/>
      <c r="AH214" s="1"/>
      <c r="AI214" s="1"/>
      <c r="AJ214" s="1"/>
      <c r="AK214" s="1"/>
    </row>
    <row r="215" spans="2:37" x14ac:dyDescent="0.2">
      <c r="B215" s="1"/>
      <c r="C215" s="1"/>
      <c r="D215" s="1"/>
      <c r="E215" s="1"/>
      <c r="F215" s="1"/>
      <c r="G215" s="1"/>
      <c r="H215" s="1"/>
      <c r="I215" s="1"/>
      <c r="J215" s="1"/>
      <c r="K215" s="1"/>
      <c r="L215" s="1"/>
      <c r="M215" s="1"/>
      <c r="N215" s="1"/>
      <c r="O215" s="1"/>
      <c r="P215" s="1"/>
      <c r="Q215" s="1"/>
      <c r="R215" s="1"/>
      <c r="S215" s="1"/>
      <c r="T215" s="1"/>
      <c r="U215" s="1"/>
      <c r="V215" s="1"/>
      <c r="W215" s="1"/>
      <c r="X215" s="1"/>
      <c r="Y215" s="1"/>
      <c r="Z215" s="1"/>
      <c r="AA215" s="1"/>
      <c r="AB215" s="1"/>
      <c r="AC215" s="1"/>
      <c r="AD215" s="1"/>
      <c r="AE215" s="1"/>
      <c r="AF215" s="1"/>
      <c r="AG215" s="1"/>
      <c r="AH215" s="1"/>
      <c r="AI215" s="1"/>
      <c r="AJ215" s="1"/>
      <c r="AK215" s="1"/>
    </row>
    <row r="216" spans="2:37" x14ac:dyDescent="0.2">
      <c r="B216" s="1"/>
      <c r="C216" s="1"/>
      <c r="D216" s="1"/>
      <c r="E216" s="1"/>
      <c r="F216" s="1"/>
      <c r="G216" s="1"/>
      <c r="H216" s="1"/>
      <c r="I216" s="1"/>
      <c r="J216" s="1"/>
      <c r="K216" s="1"/>
      <c r="L216" s="1"/>
      <c r="M216" s="1"/>
      <c r="N216" s="1"/>
      <c r="O216" s="1"/>
      <c r="P216" s="1"/>
      <c r="Q216" s="1"/>
      <c r="R216" s="1"/>
      <c r="S216" s="1"/>
      <c r="T216" s="1"/>
      <c r="U216" s="1"/>
      <c r="V216" s="1"/>
      <c r="W216" s="1"/>
      <c r="X216" s="1"/>
      <c r="Y216" s="1"/>
      <c r="Z216" s="1"/>
      <c r="AA216" s="1"/>
      <c r="AB216" s="1"/>
      <c r="AC216" s="1"/>
      <c r="AD216" s="1"/>
      <c r="AE216" s="1"/>
      <c r="AF216" s="1"/>
      <c r="AG216" s="1"/>
      <c r="AH216" s="1"/>
      <c r="AI216" s="1"/>
      <c r="AJ216" s="1"/>
      <c r="AK216" s="1"/>
    </row>
    <row r="217" spans="2:37" x14ac:dyDescent="0.2">
      <c r="B217" s="1"/>
      <c r="C217" s="1"/>
      <c r="D217" s="1"/>
      <c r="E217" s="1"/>
      <c r="F217" s="1"/>
      <c r="G217" s="1"/>
      <c r="H217" s="1"/>
      <c r="I217" s="1"/>
      <c r="J217" s="1"/>
      <c r="K217" s="1"/>
      <c r="L217" s="1"/>
      <c r="M217" s="1"/>
      <c r="N217" s="1"/>
      <c r="O217" s="1"/>
      <c r="P217" s="1"/>
      <c r="Q217" s="1"/>
      <c r="R217" s="1"/>
      <c r="S217" s="1"/>
      <c r="T217" s="1"/>
      <c r="U217" s="1"/>
      <c r="V217" s="1"/>
      <c r="W217" s="1"/>
      <c r="X217" s="1"/>
      <c r="Y217" s="1"/>
      <c r="Z217" s="1"/>
      <c r="AA217" s="1"/>
      <c r="AB217" s="1"/>
      <c r="AC217" s="1"/>
      <c r="AD217" s="1"/>
      <c r="AE217" s="1"/>
      <c r="AF217" s="1"/>
      <c r="AG217" s="1"/>
      <c r="AH217" s="1"/>
      <c r="AI217" s="1"/>
      <c r="AJ217" s="1"/>
      <c r="AK217" s="1"/>
    </row>
    <row r="218" spans="2:37" x14ac:dyDescent="0.2">
      <c r="B218" s="1"/>
      <c r="C218" s="1"/>
      <c r="D218" s="1"/>
      <c r="E218" s="1"/>
      <c r="F218" s="1"/>
      <c r="G218" s="1"/>
      <c r="H218" s="1"/>
      <c r="I218" s="1"/>
      <c r="J218" s="1"/>
      <c r="K218" s="1"/>
      <c r="L218" s="1"/>
      <c r="M218" s="1"/>
      <c r="N218" s="1"/>
      <c r="O218" s="1"/>
      <c r="P218" s="1"/>
      <c r="Q218" s="1"/>
      <c r="R218" s="1"/>
      <c r="S218" s="1"/>
      <c r="T218" s="1"/>
      <c r="U218" s="1"/>
      <c r="V218" s="1"/>
      <c r="W218" s="1"/>
      <c r="X218" s="1"/>
      <c r="Y218" s="1"/>
      <c r="Z218" s="1"/>
      <c r="AA218" s="1"/>
      <c r="AB218" s="1"/>
      <c r="AC218" s="1"/>
      <c r="AD218" s="1"/>
      <c r="AE218" s="1"/>
      <c r="AF218" s="1"/>
      <c r="AG218" s="1"/>
      <c r="AH218" s="1"/>
      <c r="AI218" s="1"/>
      <c r="AJ218" s="1"/>
      <c r="AK218" s="1"/>
    </row>
    <row r="219" spans="2:37" x14ac:dyDescent="0.2">
      <c r="B219" s="1"/>
      <c r="C219" s="1"/>
      <c r="D219" s="1"/>
      <c r="E219" s="1"/>
      <c r="F219" s="1"/>
      <c r="G219" s="1"/>
      <c r="H219" s="1"/>
      <c r="I219" s="1"/>
      <c r="J219" s="1"/>
      <c r="K219" s="1"/>
      <c r="L219" s="1"/>
      <c r="M219" s="1"/>
      <c r="N219" s="1"/>
      <c r="O219" s="1"/>
      <c r="P219" s="1"/>
      <c r="Q219" s="1"/>
      <c r="R219" s="1"/>
      <c r="S219" s="1"/>
      <c r="T219" s="1"/>
      <c r="U219" s="1"/>
      <c r="V219" s="1"/>
      <c r="W219" s="1"/>
      <c r="X219" s="1"/>
      <c r="Y219" s="1"/>
      <c r="Z219" s="1"/>
      <c r="AA219" s="1"/>
      <c r="AB219" s="1"/>
      <c r="AC219" s="1"/>
      <c r="AD219" s="1"/>
      <c r="AE219" s="1"/>
      <c r="AF219" s="1"/>
      <c r="AG219" s="1"/>
      <c r="AH219" s="1"/>
      <c r="AI219" s="1"/>
      <c r="AJ219" s="1"/>
      <c r="AK219" s="1"/>
    </row>
    <row r="220" spans="2:37" x14ac:dyDescent="0.2">
      <c r="B220" s="1"/>
      <c r="C220" s="1"/>
      <c r="D220" s="1"/>
      <c r="E220" s="1"/>
      <c r="F220" s="1"/>
      <c r="G220" s="1"/>
      <c r="H220" s="1"/>
      <c r="I220" s="1"/>
      <c r="J220" s="1"/>
      <c r="K220" s="1"/>
      <c r="L220" s="1"/>
      <c r="M220" s="1"/>
      <c r="N220" s="1"/>
      <c r="O220" s="1"/>
      <c r="P220" s="1"/>
      <c r="Q220" s="1"/>
      <c r="R220" s="1"/>
      <c r="S220" s="1"/>
      <c r="T220" s="1"/>
      <c r="U220" s="1"/>
      <c r="V220" s="1"/>
      <c r="W220" s="1"/>
      <c r="X220" s="1"/>
      <c r="Y220" s="1"/>
      <c r="Z220" s="1"/>
      <c r="AA220" s="1"/>
      <c r="AB220" s="1"/>
      <c r="AC220" s="1"/>
      <c r="AD220" s="1"/>
      <c r="AE220" s="1"/>
      <c r="AF220" s="1"/>
      <c r="AG220" s="1"/>
      <c r="AH220" s="1"/>
      <c r="AI220" s="1"/>
      <c r="AJ220" s="1"/>
      <c r="AK220" s="1"/>
    </row>
    <row r="221" spans="2:37" x14ac:dyDescent="0.2">
      <c r="B221" s="1"/>
      <c r="C221" s="1"/>
      <c r="D221" s="1"/>
      <c r="E221" s="1"/>
      <c r="F221" s="1"/>
      <c r="G221" s="1"/>
      <c r="H221" s="1"/>
      <c r="I221" s="1"/>
      <c r="J221" s="1"/>
      <c r="K221" s="1"/>
      <c r="L221" s="1"/>
      <c r="M221" s="1"/>
      <c r="N221" s="1"/>
      <c r="O221" s="1"/>
      <c r="P221" s="1"/>
      <c r="Q221" s="1"/>
      <c r="R221" s="1"/>
      <c r="S221" s="1"/>
      <c r="T221" s="1"/>
      <c r="U221" s="1"/>
      <c r="V221" s="1"/>
      <c r="W221" s="1"/>
      <c r="X221" s="1"/>
      <c r="Y221" s="1"/>
      <c r="Z221" s="1"/>
      <c r="AA221" s="1"/>
      <c r="AB221" s="1"/>
      <c r="AC221" s="1"/>
      <c r="AD221" s="1"/>
      <c r="AE221" s="1"/>
      <c r="AF221" s="1"/>
      <c r="AG221" s="1"/>
      <c r="AH221" s="1"/>
      <c r="AI221" s="1"/>
      <c r="AJ221" s="1"/>
      <c r="AK221" s="1"/>
    </row>
    <row r="222" spans="2:37" x14ac:dyDescent="0.2">
      <c r="B222" s="1"/>
      <c r="C222" s="1"/>
      <c r="D222" s="1"/>
      <c r="E222" s="1"/>
      <c r="F222" s="1"/>
      <c r="G222" s="1"/>
      <c r="H222" s="1"/>
      <c r="I222" s="1"/>
      <c r="J222" s="1"/>
      <c r="K222" s="1"/>
      <c r="L222" s="1"/>
      <c r="M222" s="1"/>
      <c r="N222" s="1"/>
      <c r="O222" s="1"/>
      <c r="P222" s="1"/>
      <c r="Q222" s="1"/>
      <c r="R222" s="1"/>
      <c r="S222" s="1"/>
      <c r="T222" s="1"/>
      <c r="U222" s="1"/>
      <c r="V222" s="1"/>
      <c r="W222" s="1"/>
      <c r="X222" s="1"/>
      <c r="Y222" s="1"/>
      <c r="Z222" s="1"/>
      <c r="AA222" s="1"/>
      <c r="AB222" s="1"/>
      <c r="AC222" s="1"/>
      <c r="AD222" s="1"/>
      <c r="AE222" s="1"/>
      <c r="AF222" s="1"/>
      <c r="AG222" s="1"/>
      <c r="AH222" s="1"/>
      <c r="AI222" s="1"/>
      <c r="AJ222" s="1"/>
      <c r="AK222" s="1"/>
    </row>
    <row r="223" spans="2:37" x14ac:dyDescent="0.2">
      <c r="B223" s="1"/>
      <c r="C223" s="1"/>
      <c r="D223" s="1"/>
      <c r="E223" s="1"/>
      <c r="F223" s="1"/>
      <c r="G223" s="1"/>
      <c r="H223" s="1"/>
      <c r="I223" s="1"/>
      <c r="J223" s="1"/>
      <c r="K223" s="1"/>
      <c r="L223" s="1"/>
      <c r="M223" s="1"/>
      <c r="N223" s="1"/>
      <c r="O223" s="1"/>
      <c r="P223" s="1"/>
      <c r="Q223" s="1"/>
      <c r="R223" s="1"/>
      <c r="S223" s="1"/>
      <c r="T223" s="1"/>
      <c r="U223" s="1"/>
      <c r="V223" s="1"/>
      <c r="W223" s="1"/>
      <c r="X223" s="1"/>
      <c r="Y223" s="1"/>
      <c r="Z223" s="1"/>
      <c r="AA223" s="1"/>
      <c r="AB223" s="1"/>
      <c r="AC223" s="1"/>
      <c r="AD223" s="1"/>
      <c r="AE223" s="1"/>
      <c r="AF223" s="1"/>
      <c r="AG223" s="1"/>
      <c r="AH223" s="1"/>
      <c r="AI223" s="1"/>
      <c r="AJ223" s="1"/>
      <c r="AK223" s="1"/>
    </row>
    <row r="224" spans="2:37" x14ac:dyDescent="0.2">
      <c r="B224" s="1"/>
      <c r="C224" s="1"/>
      <c r="D224" s="1"/>
      <c r="E224" s="1"/>
      <c r="F224" s="1"/>
      <c r="G224" s="1"/>
      <c r="H224" s="1"/>
      <c r="I224" s="1"/>
      <c r="J224" s="1"/>
      <c r="K224" s="1"/>
      <c r="L224" s="1"/>
      <c r="M224" s="1"/>
      <c r="N224" s="1"/>
      <c r="O224" s="1"/>
      <c r="P224" s="1"/>
      <c r="Q224" s="1"/>
      <c r="R224" s="1"/>
      <c r="S224" s="1"/>
      <c r="T224" s="1"/>
      <c r="U224" s="1"/>
      <c r="V224" s="1"/>
      <c r="W224" s="1"/>
      <c r="X224" s="1"/>
      <c r="Y224" s="1"/>
      <c r="Z224" s="1"/>
      <c r="AA224" s="1"/>
      <c r="AB224" s="1"/>
      <c r="AC224" s="1"/>
      <c r="AD224" s="1"/>
      <c r="AE224" s="1"/>
      <c r="AF224" s="1"/>
      <c r="AG224" s="1"/>
      <c r="AH224" s="1"/>
      <c r="AI224" s="1"/>
      <c r="AJ224" s="1"/>
      <c r="AK224" s="1"/>
    </row>
    <row r="225" spans="2:37" x14ac:dyDescent="0.2">
      <c r="B225" s="1"/>
      <c r="C225" s="1"/>
      <c r="D225" s="1"/>
      <c r="E225" s="1"/>
      <c r="F225" s="1"/>
      <c r="G225" s="1"/>
      <c r="H225" s="1"/>
      <c r="I225" s="1"/>
      <c r="J225" s="1"/>
      <c r="K225" s="1"/>
      <c r="L225" s="1"/>
      <c r="M225" s="1"/>
      <c r="N225" s="1"/>
      <c r="O225" s="1"/>
      <c r="P225" s="1"/>
      <c r="Q225" s="1"/>
      <c r="R225" s="1"/>
      <c r="S225" s="1"/>
      <c r="T225" s="1"/>
      <c r="U225" s="1"/>
      <c r="V225" s="1"/>
      <c r="W225" s="1"/>
      <c r="X225" s="1"/>
      <c r="Y225" s="1"/>
      <c r="Z225" s="1"/>
      <c r="AA225" s="1"/>
      <c r="AB225" s="1"/>
      <c r="AC225" s="1"/>
      <c r="AD225" s="1"/>
      <c r="AE225" s="1"/>
      <c r="AF225" s="1"/>
      <c r="AG225" s="1"/>
      <c r="AH225" s="1"/>
      <c r="AI225" s="1"/>
      <c r="AJ225" s="1"/>
      <c r="AK225" s="1"/>
    </row>
    <row r="226" spans="2:37" x14ac:dyDescent="0.2">
      <c r="B226" s="1"/>
      <c r="C226" s="1"/>
      <c r="D226" s="1"/>
      <c r="E226" s="1"/>
      <c r="F226" s="1"/>
      <c r="G226" s="1"/>
      <c r="H226" s="1"/>
      <c r="I226" s="1"/>
      <c r="J226" s="1"/>
      <c r="K226" s="1"/>
      <c r="L226" s="1"/>
      <c r="M226" s="1"/>
      <c r="N226" s="1"/>
      <c r="O226" s="1"/>
      <c r="P226" s="1"/>
      <c r="Q226" s="1"/>
      <c r="R226" s="1"/>
      <c r="S226" s="1"/>
      <c r="T226" s="1"/>
      <c r="U226" s="1"/>
      <c r="V226" s="1"/>
      <c r="W226" s="1"/>
      <c r="X226" s="1"/>
      <c r="Y226" s="1"/>
      <c r="Z226" s="1"/>
      <c r="AA226" s="1"/>
      <c r="AB226" s="1"/>
      <c r="AC226" s="1"/>
      <c r="AD226" s="1"/>
      <c r="AE226" s="1"/>
      <c r="AF226" s="1"/>
      <c r="AG226" s="1"/>
      <c r="AH226" s="1"/>
      <c r="AI226" s="1"/>
      <c r="AJ226" s="1"/>
      <c r="AK226" s="1"/>
    </row>
    <row r="227" spans="2:37" x14ac:dyDescent="0.2">
      <c r="B227" s="1"/>
      <c r="C227" s="1"/>
      <c r="D227" s="1"/>
      <c r="E227" s="1"/>
      <c r="F227" s="1"/>
      <c r="G227" s="1"/>
      <c r="H227" s="1"/>
      <c r="I227" s="1"/>
      <c r="J227" s="1"/>
      <c r="K227" s="1"/>
      <c r="L227" s="1"/>
      <c r="M227" s="1"/>
      <c r="N227" s="1"/>
      <c r="O227" s="1"/>
      <c r="P227" s="1"/>
      <c r="Q227" s="1"/>
      <c r="R227" s="1"/>
      <c r="S227" s="1"/>
      <c r="T227" s="1"/>
      <c r="U227" s="1"/>
      <c r="V227" s="1"/>
      <c r="W227" s="1"/>
      <c r="X227" s="1"/>
      <c r="Y227" s="1"/>
      <c r="Z227" s="1"/>
      <c r="AA227" s="1"/>
      <c r="AB227" s="1"/>
      <c r="AC227" s="1"/>
      <c r="AD227" s="1"/>
      <c r="AE227" s="1"/>
      <c r="AF227" s="1"/>
      <c r="AG227" s="1"/>
      <c r="AH227" s="1"/>
      <c r="AI227" s="1"/>
      <c r="AJ227" s="1"/>
      <c r="AK227" s="1"/>
    </row>
    <row r="228" spans="2:37" x14ac:dyDescent="0.2">
      <c r="B228" s="1"/>
      <c r="C228" s="1"/>
      <c r="D228" s="1"/>
      <c r="E228" s="1"/>
      <c r="F228" s="1"/>
      <c r="G228" s="1"/>
      <c r="H228" s="1"/>
      <c r="I228" s="1"/>
      <c r="J228" s="1"/>
      <c r="K228" s="1"/>
      <c r="L228" s="1"/>
      <c r="M228" s="1"/>
      <c r="N228" s="1"/>
      <c r="O228" s="1"/>
      <c r="P228" s="1"/>
      <c r="Q228" s="1"/>
      <c r="R228" s="1"/>
      <c r="S228" s="1"/>
      <c r="T228" s="1"/>
      <c r="U228" s="1"/>
      <c r="V228" s="1"/>
      <c r="W228" s="1"/>
      <c r="X228" s="1"/>
      <c r="Y228" s="1"/>
      <c r="Z228" s="1"/>
      <c r="AA228" s="1"/>
      <c r="AB228" s="1"/>
      <c r="AC228" s="1"/>
      <c r="AD228" s="1"/>
      <c r="AE228" s="1"/>
      <c r="AF228" s="1"/>
      <c r="AG228" s="1"/>
      <c r="AH228" s="1"/>
      <c r="AI228" s="1"/>
      <c r="AJ228" s="1"/>
      <c r="AK228" s="1"/>
    </row>
    <row r="229" spans="2:37" x14ac:dyDescent="0.2">
      <c r="B229" s="1"/>
      <c r="C229" s="1"/>
      <c r="D229" s="1"/>
      <c r="E229" s="1"/>
      <c r="F229" s="1"/>
      <c r="G229" s="1"/>
      <c r="H229" s="1"/>
      <c r="I229" s="1"/>
      <c r="J229" s="1"/>
      <c r="K229" s="1"/>
      <c r="L229" s="1"/>
      <c r="M229" s="1"/>
      <c r="N229" s="1"/>
      <c r="O229" s="1"/>
      <c r="P229" s="1"/>
      <c r="Q229" s="1"/>
      <c r="R229" s="1"/>
      <c r="S229" s="1"/>
      <c r="T229" s="1"/>
      <c r="U229" s="1"/>
      <c r="V229" s="1"/>
      <c r="W229" s="1"/>
      <c r="X229" s="1"/>
      <c r="Y229" s="1"/>
      <c r="Z229" s="1"/>
      <c r="AA229" s="1"/>
      <c r="AB229" s="1"/>
      <c r="AC229" s="1"/>
      <c r="AD229" s="1"/>
      <c r="AE229" s="1"/>
      <c r="AF229" s="1"/>
      <c r="AG229" s="1"/>
      <c r="AH229" s="1"/>
      <c r="AI229" s="1"/>
      <c r="AJ229" s="1"/>
      <c r="AK229" s="1"/>
    </row>
    <row r="230" spans="2:37" x14ac:dyDescent="0.2">
      <c r="B230" s="1"/>
      <c r="C230" s="1"/>
      <c r="D230" s="1"/>
      <c r="E230" s="1"/>
      <c r="F230" s="1"/>
      <c r="G230" s="1"/>
      <c r="H230" s="1"/>
      <c r="I230" s="1"/>
      <c r="J230" s="1"/>
      <c r="K230" s="1"/>
      <c r="L230" s="1"/>
      <c r="M230" s="1"/>
      <c r="N230" s="1"/>
      <c r="O230" s="1"/>
      <c r="P230" s="1"/>
      <c r="Q230" s="1"/>
      <c r="R230" s="1"/>
      <c r="S230" s="1"/>
      <c r="T230" s="1"/>
      <c r="U230" s="1"/>
      <c r="V230" s="1"/>
      <c r="W230" s="1"/>
      <c r="X230" s="1"/>
      <c r="Y230" s="1"/>
      <c r="Z230" s="1"/>
      <c r="AA230" s="1"/>
      <c r="AB230" s="1"/>
      <c r="AC230" s="1"/>
      <c r="AD230" s="1"/>
      <c r="AE230" s="1"/>
      <c r="AF230" s="1"/>
      <c r="AG230" s="1"/>
      <c r="AH230" s="1"/>
      <c r="AI230" s="1"/>
      <c r="AJ230" s="1"/>
      <c r="AK230" s="1"/>
    </row>
    <row r="231" spans="2:37" x14ac:dyDescent="0.2">
      <c r="B231" s="1"/>
      <c r="C231" s="1"/>
      <c r="D231" s="1"/>
      <c r="E231" s="1"/>
      <c r="F231" s="1"/>
      <c r="G231" s="1"/>
      <c r="H231" s="1"/>
      <c r="I231" s="1"/>
      <c r="J231" s="1"/>
      <c r="K231" s="1"/>
      <c r="L231" s="1"/>
      <c r="M231" s="1"/>
      <c r="N231" s="1"/>
      <c r="O231" s="1"/>
      <c r="P231" s="1"/>
      <c r="Q231" s="1"/>
      <c r="R231" s="1"/>
      <c r="S231" s="1"/>
      <c r="T231" s="1"/>
      <c r="U231" s="1"/>
      <c r="V231" s="1"/>
      <c r="W231" s="1"/>
      <c r="X231" s="1"/>
      <c r="Y231" s="1"/>
      <c r="Z231" s="1"/>
      <c r="AA231" s="1"/>
      <c r="AB231" s="1"/>
      <c r="AC231" s="1"/>
      <c r="AD231" s="1"/>
      <c r="AE231" s="1"/>
      <c r="AF231" s="1"/>
      <c r="AG231" s="1"/>
      <c r="AH231" s="1"/>
      <c r="AI231" s="1"/>
      <c r="AJ231" s="1"/>
      <c r="AK231" s="1"/>
    </row>
    <row r="232" spans="2:37" x14ac:dyDescent="0.2">
      <c r="B232" s="1"/>
      <c r="C232" s="1"/>
      <c r="D232" s="1"/>
      <c r="E232" s="1"/>
      <c r="F232" s="1"/>
      <c r="G232" s="1"/>
      <c r="H232" s="1"/>
      <c r="I232" s="1"/>
      <c r="J232" s="1"/>
      <c r="K232" s="1"/>
      <c r="L232" s="1"/>
      <c r="M232" s="1"/>
      <c r="N232" s="1"/>
      <c r="O232" s="1"/>
      <c r="P232" s="1"/>
      <c r="Q232" s="1"/>
      <c r="R232" s="1"/>
      <c r="S232" s="1"/>
      <c r="T232" s="1"/>
      <c r="U232" s="1"/>
      <c r="V232" s="1"/>
      <c r="W232" s="1"/>
      <c r="X232" s="1"/>
      <c r="Y232" s="1"/>
      <c r="Z232" s="1"/>
      <c r="AA232" s="1"/>
      <c r="AB232" s="1"/>
      <c r="AC232" s="1"/>
      <c r="AD232" s="1"/>
      <c r="AE232" s="1"/>
      <c r="AF232" s="1"/>
      <c r="AG232" s="1"/>
      <c r="AH232" s="1"/>
      <c r="AI232" s="1"/>
      <c r="AJ232" s="1"/>
      <c r="AK232" s="1"/>
    </row>
    <row r="233" spans="2:37" x14ac:dyDescent="0.2">
      <c r="B233" s="1"/>
      <c r="C233" s="1"/>
      <c r="D233" s="1"/>
      <c r="E233" s="1"/>
      <c r="F233" s="1"/>
      <c r="G233" s="1"/>
      <c r="H233" s="1"/>
      <c r="I233" s="1"/>
      <c r="J233" s="1"/>
      <c r="K233" s="1"/>
      <c r="L233" s="1"/>
      <c r="M233" s="1"/>
      <c r="N233" s="1"/>
      <c r="O233" s="1"/>
      <c r="P233" s="1"/>
      <c r="Q233" s="1"/>
      <c r="R233" s="1"/>
      <c r="S233" s="1"/>
      <c r="T233" s="1"/>
      <c r="U233" s="1"/>
      <c r="V233" s="1"/>
      <c r="W233" s="1"/>
      <c r="X233" s="1"/>
      <c r="Y233" s="1"/>
      <c r="Z233" s="1"/>
      <c r="AA233" s="1"/>
      <c r="AB233" s="1"/>
      <c r="AC233" s="1"/>
      <c r="AD233" s="1"/>
      <c r="AE233" s="1"/>
      <c r="AF233" s="1"/>
      <c r="AG233" s="1"/>
      <c r="AH233" s="1"/>
      <c r="AI233" s="1"/>
      <c r="AJ233" s="1"/>
      <c r="AK233" s="1"/>
    </row>
    <row r="234" spans="2:37" x14ac:dyDescent="0.2">
      <c r="B234" s="1"/>
      <c r="C234" s="1"/>
      <c r="D234" s="1"/>
      <c r="E234" s="1"/>
      <c r="F234" s="1"/>
      <c r="G234" s="1"/>
      <c r="H234" s="1"/>
      <c r="I234" s="1"/>
      <c r="J234" s="1"/>
      <c r="K234" s="1"/>
      <c r="L234" s="1"/>
      <c r="M234" s="1"/>
      <c r="N234" s="1"/>
      <c r="O234" s="1"/>
      <c r="P234" s="1"/>
      <c r="Q234" s="1"/>
      <c r="R234" s="1"/>
      <c r="S234" s="1"/>
      <c r="T234" s="1"/>
      <c r="U234" s="1"/>
      <c r="V234" s="1"/>
      <c r="W234" s="1"/>
      <c r="X234" s="1"/>
      <c r="Y234" s="1"/>
      <c r="Z234" s="1"/>
      <c r="AA234" s="1"/>
      <c r="AB234" s="1"/>
      <c r="AC234" s="1"/>
      <c r="AD234" s="1"/>
      <c r="AE234" s="1"/>
      <c r="AF234" s="1"/>
      <c r="AG234" s="1"/>
      <c r="AH234" s="1"/>
      <c r="AI234" s="1"/>
      <c r="AJ234" s="1"/>
      <c r="AK234" s="1"/>
    </row>
    <row r="235" spans="2:37" x14ac:dyDescent="0.2">
      <c r="B235" s="1"/>
      <c r="C235" s="1"/>
      <c r="D235" s="1"/>
      <c r="E235" s="1"/>
      <c r="F235" s="1"/>
      <c r="G235" s="1"/>
      <c r="H235" s="1"/>
      <c r="I235" s="1"/>
      <c r="J235" s="1"/>
      <c r="K235" s="1"/>
      <c r="L235" s="1"/>
      <c r="M235" s="1"/>
      <c r="N235" s="1"/>
      <c r="O235" s="1"/>
      <c r="P235" s="1"/>
      <c r="Q235" s="1"/>
      <c r="R235" s="1"/>
      <c r="S235" s="1"/>
      <c r="T235" s="1"/>
      <c r="U235" s="1"/>
      <c r="V235" s="1"/>
      <c r="W235" s="1"/>
      <c r="X235" s="1"/>
      <c r="Y235" s="1"/>
      <c r="Z235" s="1"/>
      <c r="AA235" s="1"/>
      <c r="AB235" s="1"/>
      <c r="AC235" s="1"/>
      <c r="AD235" s="1"/>
      <c r="AE235" s="1"/>
      <c r="AF235" s="1"/>
      <c r="AG235" s="1"/>
      <c r="AH235" s="1"/>
      <c r="AI235" s="1"/>
      <c r="AJ235" s="1"/>
      <c r="AK235" s="1"/>
    </row>
    <row r="236" spans="2:37" x14ac:dyDescent="0.2">
      <c r="B236" s="1"/>
      <c r="C236" s="1"/>
      <c r="D236" s="1"/>
      <c r="E236" s="1"/>
      <c r="F236" s="1"/>
      <c r="G236" s="1"/>
      <c r="H236" s="1"/>
      <c r="I236" s="1"/>
      <c r="J236" s="1"/>
      <c r="K236" s="1"/>
      <c r="L236" s="1"/>
      <c r="M236" s="1"/>
      <c r="N236" s="1"/>
      <c r="O236" s="1"/>
      <c r="P236" s="1"/>
      <c r="Q236" s="1"/>
      <c r="R236" s="1"/>
      <c r="S236" s="1"/>
      <c r="T236" s="1"/>
      <c r="U236" s="1"/>
      <c r="V236" s="1"/>
      <c r="W236" s="1"/>
      <c r="X236" s="1"/>
      <c r="Y236" s="1"/>
      <c r="Z236" s="1"/>
      <c r="AA236" s="1"/>
      <c r="AB236" s="1"/>
      <c r="AC236" s="1"/>
      <c r="AD236" s="1"/>
      <c r="AE236" s="1"/>
      <c r="AF236" s="1"/>
      <c r="AG236" s="1"/>
      <c r="AH236" s="1"/>
      <c r="AI236" s="1"/>
      <c r="AJ236" s="1"/>
      <c r="AK236" s="1"/>
    </row>
    <row r="237" spans="2:37" x14ac:dyDescent="0.2">
      <c r="B237" s="1"/>
      <c r="C237" s="1"/>
      <c r="D237" s="1"/>
      <c r="E237" s="1"/>
      <c r="F237" s="1"/>
      <c r="G237" s="1"/>
      <c r="H237" s="1"/>
      <c r="I237" s="1"/>
      <c r="J237" s="1"/>
      <c r="K237" s="1"/>
      <c r="L237" s="1"/>
      <c r="M237" s="1"/>
      <c r="N237" s="1"/>
      <c r="O237" s="1"/>
      <c r="P237" s="1"/>
      <c r="Q237" s="1"/>
      <c r="R237" s="1"/>
      <c r="S237" s="1"/>
      <c r="T237" s="1"/>
      <c r="U237" s="1"/>
      <c r="V237" s="1"/>
      <c r="W237" s="1"/>
      <c r="X237" s="1"/>
      <c r="Y237" s="1"/>
      <c r="Z237" s="1"/>
      <c r="AA237" s="1"/>
      <c r="AB237" s="1"/>
      <c r="AC237" s="1"/>
      <c r="AD237" s="1"/>
      <c r="AE237" s="1"/>
      <c r="AF237" s="1"/>
      <c r="AG237" s="1"/>
      <c r="AH237" s="1"/>
      <c r="AI237" s="1"/>
      <c r="AJ237" s="1"/>
      <c r="AK237" s="1"/>
    </row>
    <row r="238" spans="2:37" x14ac:dyDescent="0.2">
      <c r="B238" s="1"/>
      <c r="C238" s="1"/>
      <c r="D238" s="1"/>
      <c r="E238" s="1"/>
      <c r="F238" s="1"/>
      <c r="G238" s="1"/>
      <c r="H238" s="1"/>
      <c r="I238" s="1"/>
      <c r="J238" s="1"/>
      <c r="K238" s="1"/>
      <c r="L238" s="1"/>
      <c r="M238" s="1"/>
      <c r="N238" s="1"/>
      <c r="O238" s="1"/>
      <c r="P238" s="1"/>
      <c r="Q238" s="1"/>
      <c r="R238" s="1"/>
      <c r="S238" s="1"/>
      <c r="T238" s="1"/>
      <c r="U238" s="1"/>
      <c r="V238" s="1"/>
      <c r="W238" s="1"/>
      <c r="X238" s="1"/>
      <c r="Y238" s="1"/>
      <c r="Z238" s="1"/>
      <c r="AA238" s="1"/>
      <c r="AB238" s="1"/>
      <c r="AC238" s="1"/>
      <c r="AD238" s="1"/>
      <c r="AE238" s="1"/>
      <c r="AF238" s="1"/>
      <c r="AG238" s="1"/>
      <c r="AH238" s="1"/>
      <c r="AI238" s="1"/>
      <c r="AJ238" s="1"/>
      <c r="AK238" s="1"/>
    </row>
    <row r="239" spans="2:37" x14ac:dyDescent="0.2">
      <c r="B239" s="1"/>
      <c r="C239" s="1"/>
      <c r="D239" s="1"/>
      <c r="E239" s="1"/>
      <c r="F239" s="1"/>
      <c r="G239" s="1"/>
      <c r="H239" s="1"/>
      <c r="I239" s="1"/>
      <c r="J239" s="1"/>
      <c r="K239" s="1"/>
      <c r="L239" s="1"/>
      <c r="M239" s="1"/>
      <c r="N239" s="1"/>
      <c r="O239" s="1"/>
      <c r="P239" s="1"/>
      <c r="Q239" s="1"/>
      <c r="R239" s="1"/>
      <c r="S239" s="1"/>
      <c r="T239" s="1"/>
      <c r="U239" s="1"/>
      <c r="V239" s="1"/>
      <c r="W239" s="1"/>
      <c r="X239" s="1"/>
      <c r="Y239" s="1"/>
      <c r="Z239" s="1"/>
      <c r="AA239" s="1"/>
      <c r="AB239" s="1"/>
      <c r="AC239" s="1"/>
      <c r="AD239" s="1"/>
      <c r="AE239" s="1"/>
      <c r="AF239" s="1"/>
      <c r="AG239" s="1"/>
      <c r="AH239" s="1"/>
      <c r="AI239" s="1"/>
      <c r="AJ239" s="1"/>
      <c r="AK239" s="1"/>
    </row>
    <row r="240" spans="2:37" x14ac:dyDescent="0.2">
      <c r="B240" s="1"/>
      <c r="C240" s="1"/>
      <c r="D240" s="1"/>
      <c r="E240" s="1"/>
      <c r="F240" s="1"/>
      <c r="G240" s="1"/>
      <c r="H240" s="1"/>
      <c r="I240" s="1"/>
      <c r="J240" s="1"/>
      <c r="K240" s="1"/>
      <c r="L240" s="1"/>
      <c r="M240" s="1"/>
      <c r="N240" s="1"/>
      <c r="O240" s="1"/>
      <c r="P240" s="1"/>
      <c r="Q240" s="1"/>
      <c r="R240" s="1"/>
      <c r="S240" s="1"/>
      <c r="T240" s="1"/>
      <c r="U240" s="1"/>
      <c r="V240" s="1"/>
      <c r="W240" s="1"/>
      <c r="X240" s="1"/>
      <c r="Y240" s="1"/>
      <c r="Z240" s="1"/>
      <c r="AA240" s="1"/>
      <c r="AB240" s="1"/>
      <c r="AC240" s="1"/>
      <c r="AD240" s="1"/>
      <c r="AE240" s="1"/>
      <c r="AF240" s="1"/>
      <c r="AG240" s="1"/>
      <c r="AH240" s="1"/>
      <c r="AI240" s="1"/>
      <c r="AJ240" s="1"/>
      <c r="AK240" s="1"/>
    </row>
    <row r="241" spans="2:37" x14ac:dyDescent="0.2">
      <c r="B241" s="1"/>
      <c r="C241" s="1"/>
      <c r="D241" s="1"/>
      <c r="E241" s="1"/>
      <c r="F241" s="1"/>
      <c r="G241" s="1"/>
      <c r="H241" s="1"/>
      <c r="I241" s="1"/>
      <c r="J241" s="1"/>
      <c r="K241" s="1"/>
      <c r="L241" s="1"/>
      <c r="M241" s="1"/>
      <c r="N241" s="1"/>
      <c r="O241" s="1"/>
      <c r="P241" s="1"/>
      <c r="Q241" s="1"/>
      <c r="R241" s="1"/>
      <c r="S241" s="1"/>
      <c r="T241" s="1"/>
      <c r="U241" s="1"/>
      <c r="V241" s="1"/>
      <c r="W241" s="1"/>
      <c r="X241" s="1"/>
      <c r="Y241" s="1"/>
      <c r="Z241" s="1"/>
      <c r="AA241" s="1"/>
      <c r="AB241" s="1"/>
      <c r="AC241" s="1"/>
      <c r="AD241" s="1"/>
      <c r="AE241" s="1"/>
      <c r="AF241" s="1"/>
      <c r="AG241" s="1"/>
      <c r="AH241" s="1"/>
      <c r="AI241" s="1"/>
      <c r="AJ241" s="1"/>
      <c r="AK241" s="1"/>
    </row>
    <row r="242" spans="2:37" x14ac:dyDescent="0.2">
      <c r="B242" s="1"/>
      <c r="C242" s="1"/>
      <c r="D242" s="1"/>
      <c r="E242" s="1"/>
      <c r="F242" s="1"/>
      <c r="G242" s="1"/>
      <c r="H242" s="1"/>
      <c r="I242" s="1"/>
      <c r="J242" s="1"/>
      <c r="K242" s="1"/>
      <c r="L242" s="1"/>
      <c r="M242" s="1"/>
      <c r="N242" s="1"/>
      <c r="O242" s="1"/>
      <c r="P242" s="1"/>
      <c r="Q242" s="1"/>
      <c r="R242" s="1"/>
      <c r="S242" s="1"/>
      <c r="T242" s="1"/>
      <c r="U242" s="1"/>
      <c r="V242" s="1"/>
      <c r="W242" s="1"/>
      <c r="X242" s="1"/>
      <c r="Y242" s="1"/>
      <c r="Z242" s="1"/>
      <c r="AA242" s="1"/>
      <c r="AB242" s="1"/>
      <c r="AC242" s="1"/>
      <c r="AD242" s="1"/>
      <c r="AE242" s="1"/>
      <c r="AF242" s="1"/>
      <c r="AG242" s="1"/>
      <c r="AH242" s="1"/>
      <c r="AI242" s="1"/>
      <c r="AJ242" s="1"/>
      <c r="AK242" s="1"/>
    </row>
    <row r="243" spans="2:37" x14ac:dyDescent="0.2">
      <c r="B243" s="1"/>
      <c r="C243" s="1"/>
      <c r="D243" s="1"/>
      <c r="E243" s="1"/>
      <c r="F243" s="1"/>
      <c r="G243" s="1"/>
      <c r="H243" s="1"/>
      <c r="I243" s="1"/>
      <c r="J243" s="1"/>
      <c r="K243" s="1"/>
      <c r="L243" s="1"/>
      <c r="M243" s="1"/>
      <c r="N243" s="1"/>
      <c r="O243" s="1"/>
      <c r="P243" s="1"/>
      <c r="Q243" s="1"/>
      <c r="R243" s="1"/>
      <c r="S243" s="1"/>
      <c r="T243" s="1"/>
      <c r="U243" s="1"/>
      <c r="V243" s="1"/>
      <c r="W243" s="1"/>
      <c r="X243" s="1"/>
      <c r="Y243" s="1"/>
      <c r="Z243" s="1"/>
      <c r="AA243" s="1"/>
      <c r="AB243" s="1"/>
      <c r="AC243" s="1"/>
      <c r="AD243" s="1"/>
      <c r="AE243" s="1"/>
      <c r="AF243" s="1"/>
      <c r="AG243" s="1"/>
      <c r="AH243" s="1"/>
      <c r="AI243" s="1"/>
      <c r="AJ243" s="1"/>
      <c r="AK243" s="1"/>
    </row>
    <row r="244" spans="2:37" x14ac:dyDescent="0.2">
      <c r="B244" s="1"/>
      <c r="C244" s="1"/>
      <c r="D244" s="1"/>
      <c r="E244" s="1"/>
      <c r="F244" s="1"/>
      <c r="G244" s="1"/>
      <c r="H244" s="1"/>
      <c r="I244" s="1"/>
      <c r="J244" s="1"/>
      <c r="K244" s="1"/>
      <c r="L244" s="1"/>
      <c r="M244" s="1"/>
      <c r="N244" s="1"/>
      <c r="O244" s="1"/>
      <c r="P244" s="1"/>
      <c r="Q244" s="1"/>
      <c r="R244" s="1"/>
      <c r="S244" s="1"/>
      <c r="T244" s="1"/>
      <c r="U244" s="1"/>
      <c r="V244" s="1"/>
      <c r="W244" s="1"/>
      <c r="X244" s="1"/>
      <c r="Y244" s="1"/>
      <c r="Z244" s="1"/>
      <c r="AA244" s="1"/>
      <c r="AB244" s="1"/>
      <c r="AC244" s="1"/>
      <c r="AD244" s="1"/>
      <c r="AE244" s="1"/>
      <c r="AF244" s="1"/>
      <c r="AG244" s="1"/>
      <c r="AH244" s="1"/>
      <c r="AI244" s="1"/>
      <c r="AJ244" s="1"/>
      <c r="AK244" s="1"/>
    </row>
    <row r="245" spans="2:37" x14ac:dyDescent="0.2">
      <c r="B245" s="1"/>
      <c r="C245" s="1"/>
      <c r="D245" s="1"/>
      <c r="E245" s="1"/>
      <c r="F245" s="1"/>
      <c r="G245" s="1"/>
      <c r="H245" s="1"/>
      <c r="I245" s="1"/>
      <c r="J245" s="1"/>
      <c r="K245" s="1"/>
      <c r="L245" s="1"/>
      <c r="M245" s="1"/>
      <c r="N245" s="1"/>
      <c r="O245" s="1"/>
      <c r="P245" s="1"/>
      <c r="Q245" s="1"/>
      <c r="R245" s="1"/>
      <c r="S245" s="1"/>
      <c r="T245" s="1"/>
      <c r="U245" s="1"/>
      <c r="V245" s="1"/>
      <c r="W245" s="1"/>
      <c r="X245" s="1"/>
      <c r="Y245" s="1"/>
      <c r="Z245" s="1"/>
      <c r="AA245" s="1"/>
      <c r="AB245" s="1"/>
      <c r="AC245" s="1"/>
      <c r="AD245" s="1"/>
      <c r="AE245" s="1"/>
      <c r="AF245" s="1"/>
      <c r="AG245" s="1"/>
      <c r="AH245" s="1"/>
      <c r="AI245" s="1"/>
      <c r="AJ245" s="1"/>
      <c r="AK245" s="1"/>
    </row>
    <row r="246" spans="2:37" x14ac:dyDescent="0.2">
      <c r="B246" s="1"/>
      <c r="C246" s="1"/>
      <c r="D246" s="1"/>
      <c r="E246" s="1"/>
      <c r="F246" s="1"/>
      <c r="G246" s="1"/>
      <c r="H246" s="1"/>
      <c r="I246" s="1"/>
      <c r="J246" s="1"/>
      <c r="K246" s="1"/>
      <c r="L246" s="1"/>
      <c r="M246" s="1"/>
      <c r="N246" s="1"/>
      <c r="O246" s="1"/>
      <c r="P246" s="1"/>
      <c r="Q246" s="1"/>
      <c r="R246" s="1"/>
      <c r="S246" s="1"/>
      <c r="T246" s="1"/>
      <c r="U246" s="1"/>
      <c r="V246" s="1"/>
      <c r="W246" s="1"/>
      <c r="X246" s="1"/>
      <c r="Y246" s="1"/>
      <c r="Z246" s="1"/>
      <c r="AA246" s="1"/>
      <c r="AB246" s="1"/>
      <c r="AC246" s="1"/>
      <c r="AD246" s="1"/>
      <c r="AE246" s="1"/>
      <c r="AF246" s="1"/>
      <c r="AG246" s="1"/>
      <c r="AH246" s="1"/>
      <c r="AI246" s="1"/>
      <c r="AJ246" s="1"/>
      <c r="AK246" s="1"/>
    </row>
    <row r="247" spans="2:37" x14ac:dyDescent="0.2">
      <c r="B247" s="1"/>
      <c r="C247" s="1"/>
      <c r="D247" s="1"/>
      <c r="E247" s="1"/>
      <c r="F247" s="1"/>
      <c r="G247" s="1"/>
      <c r="H247" s="1"/>
      <c r="I247" s="1"/>
      <c r="J247" s="1"/>
      <c r="K247" s="1"/>
      <c r="L247" s="1"/>
      <c r="M247" s="1"/>
      <c r="N247" s="1"/>
      <c r="O247" s="1"/>
      <c r="P247" s="1"/>
      <c r="Q247" s="1"/>
      <c r="R247" s="1"/>
      <c r="S247" s="1"/>
      <c r="T247" s="1"/>
      <c r="U247" s="1"/>
      <c r="V247" s="1"/>
      <c r="W247" s="1"/>
      <c r="X247" s="1"/>
      <c r="Y247" s="1"/>
      <c r="Z247" s="1"/>
      <c r="AA247" s="1"/>
      <c r="AB247" s="1"/>
      <c r="AC247" s="1"/>
      <c r="AD247" s="1"/>
      <c r="AE247" s="1"/>
      <c r="AF247" s="1"/>
      <c r="AG247" s="1"/>
      <c r="AH247" s="1"/>
      <c r="AI247" s="1"/>
      <c r="AJ247" s="1"/>
      <c r="AK247" s="1"/>
    </row>
    <row r="248" spans="2:37" x14ac:dyDescent="0.2">
      <c r="B248" s="1"/>
      <c r="C248" s="1"/>
      <c r="D248" s="1"/>
      <c r="E248" s="1"/>
      <c r="F248" s="1"/>
      <c r="G248" s="1"/>
      <c r="H248" s="1"/>
      <c r="I248" s="1"/>
      <c r="J248" s="1"/>
      <c r="K248" s="1"/>
      <c r="L248" s="1"/>
      <c r="M248" s="1"/>
      <c r="N248" s="1"/>
      <c r="O248" s="1"/>
      <c r="P248" s="1"/>
      <c r="Q248" s="1"/>
      <c r="R248" s="1"/>
      <c r="S248" s="1"/>
      <c r="T248" s="1"/>
      <c r="U248" s="1"/>
      <c r="V248" s="1"/>
      <c r="W248" s="1"/>
      <c r="X248" s="1"/>
      <c r="Y248" s="1"/>
      <c r="Z248" s="1"/>
      <c r="AA248" s="1"/>
      <c r="AB248" s="1"/>
      <c r="AC248" s="1"/>
      <c r="AD248" s="1"/>
      <c r="AE248" s="1"/>
      <c r="AF248" s="1"/>
      <c r="AG248" s="1"/>
      <c r="AH248" s="1"/>
      <c r="AI248" s="1"/>
      <c r="AJ248" s="1"/>
      <c r="AK248" s="1"/>
    </row>
    <row r="249" spans="2:37" x14ac:dyDescent="0.2">
      <c r="B249" s="1"/>
      <c r="C249" s="1"/>
      <c r="D249" s="1"/>
      <c r="E249" s="1"/>
      <c r="F249" s="1"/>
      <c r="G249" s="1"/>
      <c r="H249" s="1"/>
      <c r="I249" s="1"/>
      <c r="J249" s="1"/>
      <c r="K249" s="1"/>
      <c r="L249" s="1"/>
      <c r="M249" s="1"/>
      <c r="N249" s="1"/>
      <c r="O249" s="1"/>
      <c r="P249" s="1"/>
      <c r="Q249" s="1"/>
      <c r="R249" s="1"/>
      <c r="S249" s="1"/>
      <c r="T249" s="1"/>
      <c r="U249" s="1"/>
      <c r="V249" s="1"/>
      <c r="W249" s="1"/>
      <c r="X249" s="1"/>
      <c r="Y249" s="1"/>
      <c r="Z249" s="1"/>
      <c r="AA249" s="1"/>
      <c r="AB249" s="1"/>
      <c r="AC249" s="1"/>
      <c r="AD249" s="1"/>
      <c r="AE249" s="1"/>
      <c r="AF249" s="1"/>
      <c r="AG249" s="1"/>
      <c r="AH249" s="1"/>
      <c r="AI249" s="1"/>
      <c r="AJ249" s="1"/>
      <c r="AK249" s="1"/>
    </row>
    <row r="250" spans="2:37" x14ac:dyDescent="0.2">
      <c r="B250" s="1"/>
      <c r="C250" s="1"/>
      <c r="D250" s="1"/>
      <c r="E250" s="1"/>
      <c r="F250" s="1"/>
      <c r="G250" s="1"/>
      <c r="H250" s="1"/>
      <c r="I250" s="1"/>
      <c r="J250" s="1"/>
      <c r="K250" s="1"/>
      <c r="L250" s="1"/>
      <c r="M250" s="1"/>
      <c r="N250" s="1"/>
      <c r="O250" s="1"/>
      <c r="P250" s="1"/>
      <c r="Q250" s="1"/>
      <c r="R250" s="1"/>
      <c r="S250" s="1"/>
      <c r="T250" s="1"/>
      <c r="U250" s="1"/>
      <c r="V250" s="1"/>
      <c r="W250" s="1"/>
      <c r="X250" s="1"/>
      <c r="Y250" s="1"/>
      <c r="Z250" s="1"/>
      <c r="AA250" s="1"/>
      <c r="AB250" s="1"/>
      <c r="AC250" s="1"/>
      <c r="AD250" s="1"/>
      <c r="AE250" s="1"/>
      <c r="AF250" s="1"/>
      <c r="AG250" s="1"/>
      <c r="AH250" s="1"/>
      <c r="AI250" s="1"/>
      <c r="AJ250" s="1"/>
      <c r="AK250" s="1"/>
    </row>
    <row r="251" spans="2:37" x14ac:dyDescent="0.2">
      <c r="B251" s="1"/>
      <c r="C251" s="1"/>
      <c r="D251" s="1"/>
      <c r="E251" s="1"/>
      <c r="F251" s="1"/>
      <c r="G251" s="1"/>
      <c r="H251" s="1"/>
      <c r="I251" s="1"/>
      <c r="J251" s="1"/>
      <c r="K251" s="1"/>
      <c r="L251" s="1"/>
      <c r="M251" s="1"/>
      <c r="N251" s="1"/>
      <c r="O251" s="1"/>
      <c r="P251" s="1"/>
      <c r="Q251" s="1"/>
      <c r="R251" s="1"/>
      <c r="S251" s="1"/>
      <c r="T251" s="1"/>
      <c r="U251" s="1"/>
      <c r="V251" s="1"/>
      <c r="W251" s="1"/>
      <c r="X251" s="1"/>
      <c r="Y251" s="1"/>
      <c r="Z251" s="1"/>
      <c r="AA251" s="1"/>
      <c r="AB251" s="1"/>
      <c r="AC251" s="1"/>
      <c r="AD251" s="1"/>
      <c r="AE251" s="1"/>
      <c r="AF251" s="1"/>
      <c r="AG251" s="1"/>
      <c r="AH251" s="1"/>
      <c r="AI251" s="1"/>
      <c r="AJ251" s="1"/>
      <c r="AK251" s="1"/>
    </row>
    <row r="252" spans="2:37" x14ac:dyDescent="0.2">
      <c r="B252" s="1"/>
      <c r="C252" s="1"/>
      <c r="D252" s="1"/>
      <c r="E252" s="1"/>
      <c r="F252" s="1"/>
      <c r="G252" s="1"/>
      <c r="H252" s="1"/>
      <c r="I252" s="1"/>
      <c r="J252" s="1"/>
      <c r="K252" s="1"/>
      <c r="L252" s="1"/>
      <c r="M252" s="1"/>
      <c r="N252" s="1"/>
      <c r="O252" s="1"/>
      <c r="P252" s="1"/>
      <c r="Q252" s="1"/>
      <c r="R252" s="1"/>
      <c r="S252" s="1"/>
      <c r="T252" s="1"/>
      <c r="U252" s="1"/>
      <c r="V252" s="1"/>
      <c r="W252" s="1"/>
      <c r="X252" s="1"/>
      <c r="Y252" s="1"/>
      <c r="Z252" s="1"/>
      <c r="AA252" s="1"/>
      <c r="AB252" s="1"/>
      <c r="AC252" s="1"/>
      <c r="AD252" s="1"/>
      <c r="AE252" s="1"/>
      <c r="AF252" s="1"/>
      <c r="AG252" s="1"/>
      <c r="AH252" s="1"/>
      <c r="AI252" s="1"/>
      <c r="AJ252" s="1"/>
      <c r="AK252" s="1"/>
    </row>
    <row r="253" spans="2:37" x14ac:dyDescent="0.2">
      <c r="B253" s="1"/>
      <c r="C253" s="1"/>
      <c r="D253" s="1"/>
      <c r="E253" s="1"/>
      <c r="F253" s="1"/>
      <c r="G253" s="1"/>
      <c r="H253" s="1"/>
      <c r="I253" s="1"/>
      <c r="J253" s="1"/>
      <c r="K253" s="1"/>
      <c r="L253" s="1"/>
      <c r="M253" s="1"/>
      <c r="N253" s="1"/>
      <c r="O253" s="1"/>
      <c r="P253" s="1"/>
      <c r="Q253" s="1"/>
      <c r="R253" s="1"/>
      <c r="S253" s="1"/>
      <c r="T253" s="1"/>
      <c r="U253" s="1"/>
      <c r="V253" s="1"/>
      <c r="W253" s="1"/>
      <c r="X253" s="1"/>
      <c r="Y253" s="1"/>
      <c r="Z253" s="1"/>
      <c r="AA253" s="1"/>
      <c r="AB253" s="1"/>
      <c r="AC253" s="1"/>
      <c r="AD253" s="1"/>
      <c r="AE253" s="1"/>
      <c r="AF253" s="1"/>
      <c r="AG253" s="1"/>
      <c r="AH253" s="1"/>
      <c r="AI253" s="1"/>
      <c r="AJ253" s="1"/>
      <c r="AK253" s="1"/>
    </row>
    <row r="254" spans="2:37" x14ac:dyDescent="0.2">
      <c r="B254" s="1"/>
      <c r="C254" s="1"/>
      <c r="D254" s="1"/>
      <c r="E254" s="1"/>
      <c r="F254" s="1"/>
      <c r="G254" s="1"/>
      <c r="H254" s="1"/>
      <c r="I254" s="1"/>
      <c r="J254" s="1"/>
      <c r="K254" s="1"/>
      <c r="L254" s="1"/>
      <c r="M254" s="1"/>
      <c r="N254" s="1"/>
      <c r="O254" s="1"/>
      <c r="P254" s="1"/>
      <c r="Q254" s="1"/>
      <c r="R254" s="1"/>
      <c r="S254" s="1"/>
      <c r="T254" s="1"/>
      <c r="U254" s="1"/>
      <c r="V254" s="1"/>
      <c r="W254" s="1"/>
      <c r="X254" s="1"/>
      <c r="Y254" s="1"/>
      <c r="Z254" s="1"/>
      <c r="AA254" s="1"/>
      <c r="AB254" s="1"/>
      <c r="AC254" s="1"/>
      <c r="AD254" s="1"/>
      <c r="AE254" s="1"/>
      <c r="AF254" s="1"/>
      <c r="AG254" s="1"/>
      <c r="AH254" s="1"/>
      <c r="AI254" s="1"/>
      <c r="AJ254" s="1"/>
      <c r="AK254" s="1"/>
    </row>
    <row r="255" spans="2:37" x14ac:dyDescent="0.2">
      <c r="B255" s="1"/>
      <c r="C255" s="1"/>
      <c r="D255" s="1"/>
      <c r="E255" s="1"/>
      <c r="F255" s="1"/>
      <c r="G255" s="1"/>
      <c r="H255" s="1"/>
      <c r="I255" s="1"/>
      <c r="J255" s="1"/>
      <c r="K255" s="1"/>
      <c r="L255" s="1"/>
      <c r="M255" s="1"/>
      <c r="N255" s="1"/>
      <c r="O255" s="1"/>
      <c r="P255" s="1"/>
      <c r="Q255" s="1"/>
      <c r="R255" s="1"/>
      <c r="S255" s="1"/>
      <c r="T255" s="1"/>
      <c r="U255" s="1"/>
      <c r="V255" s="1"/>
      <c r="W255" s="1"/>
      <c r="X255" s="1"/>
      <c r="Y255" s="1"/>
      <c r="Z255" s="1"/>
      <c r="AA255" s="1"/>
      <c r="AB255" s="1"/>
      <c r="AC255" s="1"/>
      <c r="AD255" s="1"/>
      <c r="AE255" s="1"/>
      <c r="AF255" s="1"/>
      <c r="AG255" s="1"/>
      <c r="AH255" s="1"/>
      <c r="AI255" s="1"/>
      <c r="AJ255" s="1"/>
      <c r="AK255" s="1"/>
    </row>
    <row r="256" spans="2:37" x14ac:dyDescent="0.2">
      <c r="B256" s="1"/>
      <c r="C256" s="1"/>
      <c r="D256" s="1"/>
      <c r="E256" s="1"/>
      <c r="F256" s="1"/>
      <c r="G256" s="1"/>
      <c r="H256" s="1"/>
      <c r="I256" s="1"/>
      <c r="J256" s="1"/>
      <c r="K256" s="1"/>
      <c r="L256" s="1"/>
      <c r="M256" s="1"/>
      <c r="N256" s="1"/>
      <c r="O256" s="1"/>
      <c r="P256" s="1"/>
      <c r="Q256" s="1"/>
      <c r="R256" s="1"/>
      <c r="S256" s="1"/>
      <c r="T256" s="1"/>
      <c r="U256" s="1"/>
      <c r="V256" s="1"/>
      <c r="W256" s="1"/>
      <c r="X256" s="1"/>
      <c r="Y256" s="1"/>
      <c r="Z256" s="1"/>
      <c r="AA256" s="1"/>
      <c r="AB256" s="1"/>
      <c r="AC256" s="1"/>
      <c r="AD256" s="1"/>
      <c r="AE256" s="1"/>
      <c r="AF256" s="1"/>
      <c r="AG256" s="1"/>
      <c r="AH256" s="1"/>
      <c r="AI256" s="1"/>
      <c r="AJ256" s="1"/>
      <c r="AK256" s="1"/>
    </row>
    <row r="257" spans="2:37" x14ac:dyDescent="0.2">
      <c r="B257" s="1"/>
      <c r="C257" s="1"/>
      <c r="D257" s="1"/>
      <c r="E257" s="1"/>
      <c r="F257" s="1"/>
      <c r="G257" s="1"/>
      <c r="H257" s="1"/>
      <c r="I257" s="1"/>
      <c r="J257" s="1"/>
      <c r="K257" s="1"/>
      <c r="L257" s="1"/>
      <c r="M257" s="1"/>
      <c r="N257" s="1"/>
      <c r="O257" s="1"/>
      <c r="P257" s="1"/>
      <c r="Q257" s="1"/>
      <c r="R257" s="1"/>
      <c r="S257" s="1"/>
      <c r="T257" s="1"/>
      <c r="U257" s="1"/>
      <c r="V257" s="1"/>
      <c r="W257" s="1"/>
      <c r="X257" s="1"/>
      <c r="Y257" s="1"/>
      <c r="Z257" s="1"/>
      <c r="AA257" s="1"/>
      <c r="AB257" s="1"/>
      <c r="AC257" s="1"/>
      <c r="AD257" s="1"/>
      <c r="AE257" s="1"/>
      <c r="AF257" s="1"/>
      <c r="AG257" s="1"/>
      <c r="AH257" s="1"/>
      <c r="AI257" s="1"/>
      <c r="AJ257" s="1"/>
      <c r="AK257" s="1"/>
    </row>
    <row r="258" spans="2:37" x14ac:dyDescent="0.2">
      <c r="B258" s="1"/>
      <c r="C258" s="1"/>
      <c r="D258" s="1"/>
      <c r="E258" s="1"/>
      <c r="F258" s="1"/>
      <c r="G258" s="1"/>
      <c r="H258" s="1"/>
      <c r="I258" s="1"/>
      <c r="J258" s="1"/>
      <c r="K258" s="1"/>
      <c r="L258" s="1"/>
      <c r="M258" s="1"/>
      <c r="N258" s="1"/>
      <c r="O258" s="1"/>
      <c r="P258" s="1"/>
      <c r="Q258" s="1"/>
      <c r="R258" s="1"/>
      <c r="S258" s="1"/>
      <c r="T258" s="1"/>
      <c r="U258" s="1"/>
      <c r="V258" s="1"/>
      <c r="W258" s="1"/>
      <c r="X258" s="1"/>
      <c r="Y258" s="1"/>
      <c r="Z258" s="1"/>
      <c r="AA258" s="1"/>
      <c r="AB258" s="1"/>
      <c r="AC258" s="1"/>
      <c r="AD258" s="1"/>
      <c r="AE258" s="1"/>
      <c r="AF258" s="1"/>
      <c r="AG258" s="1"/>
      <c r="AH258" s="1"/>
      <c r="AI258" s="1"/>
      <c r="AJ258" s="1"/>
      <c r="AK258" s="1"/>
    </row>
    <row r="259" spans="2:37" x14ac:dyDescent="0.2">
      <c r="B259" s="1"/>
      <c r="C259" s="1"/>
      <c r="D259" s="1"/>
      <c r="E259" s="1"/>
      <c r="F259" s="1"/>
      <c r="G259" s="1"/>
      <c r="H259" s="1"/>
      <c r="I259" s="1"/>
      <c r="J259" s="1"/>
      <c r="K259" s="1"/>
      <c r="L259" s="1"/>
      <c r="M259" s="1"/>
      <c r="N259" s="1"/>
      <c r="O259" s="1"/>
      <c r="P259" s="1"/>
      <c r="Q259" s="1"/>
      <c r="R259" s="1"/>
      <c r="S259" s="1"/>
      <c r="T259" s="1"/>
      <c r="U259" s="1"/>
      <c r="V259" s="1"/>
      <c r="W259" s="1"/>
      <c r="X259" s="1"/>
      <c r="Y259" s="1"/>
      <c r="Z259" s="1"/>
      <c r="AA259" s="1"/>
      <c r="AB259" s="1"/>
      <c r="AC259" s="1"/>
      <c r="AD259" s="1"/>
      <c r="AE259" s="1"/>
      <c r="AF259" s="1"/>
      <c r="AG259" s="1"/>
      <c r="AH259" s="1"/>
      <c r="AI259" s="1"/>
      <c r="AJ259" s="1"/>
      <c r="AK259" s="1"/>
    </row>
    <row r="260" spans="2:37" x14ac:dyDescent="0.2">
      <c r="B260" s="1"/>
      <c r="C260" s="1"/>
      <c r="D260" s="1"/>
      <c r="E260" s="1"/>
      <c r="F260" s="1"/>
      <c r="G260" s="1"/>
      <c r="H260" s="1"/>
      <c r="I260" s="1"/>
      <c r="J260" s="1"/>
      <c r="K260" s="1"/>
      <c r="L260" s="1"/>
      <c r="M260" s="1"/>
      <c r="N260" s="1"/>
      <c r="O260" s="1"/>
      <c r="P260" s="1"/>
      <c r="Q260" s="1"/>
      <c r="R260" s="1"/>
      <c r="S260" s="1"/>
      <c r="T260" s="1"/>
      <c r="U260" s="1"/>
      <c r="V260" s="1"/>
      <c r="W260" s="1"/>
      <c r="X260" s="1"/>
      <c r="Y260" s="1"/>
      <c r="Z260" s="1"/>
      <c r="AA260" s="1"/>
      <c r="AB260" s="1"/>
      <c r="AC260" s="1"/>
      <c r="AD260" s="1"/>
      <c r="AE260" s="1"/>
      <c r="AF260" s="1"/>
      <c r="AG260" s="1"/>
      <c r="AH260" s="1"/>
      <c r="AI260" s="1"/>
      <c r="AJ260" s="1"/>
      <c r="AK260" s="1"/>
    </row>
    <row r="261" spans="2:37" x14ac:dyDescent="0.2">
      <c r="B261" s="1"/>
      <c r="C261" s="1"/>
      <c r="D261" s="1"/>
      <c r="E261" s="1"/>
      <c r="F261" s="1"/>
      <c r="G261" s="1"/>
      <c r="H261" s="1"/>
      <c r="I261" s="1"/>
      <c r="J261" s="1"/>
      <c r="K261" s="1"/>
      <c r="L261" s="1"/>
      <c r="M261" s="1"/>
      <c r="N261" s="1"/>
      <c r="O261" s="1"/>
      <c r="P261" s="1"/>
      <c r="Q261" s="1"/>
      <c r="R261" s="1"/>
      <c r="S261" s="1"/>
      <c r="T261" s="1"/>
      <c r="U261" s="1"/>
      <c r="V261" s="1"/>
      <c r="W261" s="1"/>
      <c r="X261" s="1"/>
      <c r="Y261" s="1"/>
      <c r="Z261" s="1"/>
      <c r="AA261" s="1"/>
      <c r="AB261" s="1"/>
      <c r="AC261" s="1"/>
      <c r="AD261" s="1"/>
      <c r="AE261" s="1"/>
      <c r="AF261" s="1"/>
      <c r="AG261" s="1"/>
      <c r="AH261" s="1"/>
      <c r="AI261" s="1"/>
      <c r="AJ261" s="1"/>
      <c r="AK261" s="1"/>
    </row>
    <row r="262" spans="2:37" x14ac:dyDescent="0.2">
      <c r="B262" s="1"/>
      <c r="C262" s="1"/>
      <c r="D262" s="1"/>
      <c r="E262" s="1"/>
      <c r="F262" s="1"/>
      <c r="G262" s="1"/>
      <c r="H262" s="1"/>
      <c r="I262" s="1"/>
      <c r="J262" s="1"/>
      <c r="K262" s="1"/>
      <c r="L262" s="1"/>
      <c r="M262" s="1"/>
      <c r="N262" s="1"/>
      <c r="O262" s="1"/>
      <c r="P262" s="1"/>
      <c r="Q262" s="1"/>
      <c r="R262" s="1"/>
      <c r="S262" s="1"/>
      <c r="T262" s="1"/>
      <c r="U262" s="1"/>
      <c r="V262" s="1"/>
      <c r="W262" s="1"/>
      <c r="X262" s="1"/>
      <c r="Y262" s="1"/>
      <c r="Z262" s="1"/>
      <c r="AA262" s="1"/>
      <c r="AB262" s="1"/>
      <c r="AC262" s="1"/>
      <c r="AD262" s="1"/>
      <c r="AE262" s="1"/>
      <c r="AF262" s="1"/>
      <c r="AG262" s="1"/>
      <c r="AH262" s="1"/>
      <c r="AI262" s="1"/>
      <c r="AJ262" s="1"/>
      <c r="AK262" s="1"/>
    </row>
    <row r="263" spans="2:37" x14ac:dyDescent="0.2">
      <c r="B263" s="1"/>
      <c r="C263" s="1"/>
      <c r="D263" s="1"/>
      <c r="E263" s="1"/>
      <c r="F263" s="1"/>
      <c r="G263" s="1"/>
      <c r="H263" s="1"/>
      <c r="I263" s="1"/>
      <c r="J263" s="1"/>
      <c r="K263" s="1"/>
      <c r="L263" s="1"/>
      <c r="M263" s="1"/>
      <c r="N263" s="1"/>
      <c r="O263" s="1"/>
      <c r="P263" s="1"/>
      <c r="Q263" s="1"/>
      <c r="R263" s="1"/>
      <c r="S263" s="1"/>
      <c r="T263" s="1"/>
      <c r="U263" s="1"/>
      <c r="V263" s="1"/>
      <c r="W263" s="1"/>
      <c r="X263" s="1"/>
      <c r="Y263" s="1"/>
      <c r="Z263" s="1"/>
      <c r="AA263" s="1"/>
      <c r="AB263" s="1"/>
      <c r="AC263" s="1"/>
      <c r="AD263" s="1"/>
      <c r="AE263" s="1"/>
      <c r="AF263" s="1"/>
      <c r="AG263" s="1"/>
      <c r="AH263" s="1"/>
      <c r="AI263" s="1"/>
      <c r="AJ263" s="1"/>
      <c r="AK263" s="1"/>
    </row>
    <row r="264" spans="2:37" x14ac:dyDescent="0.2">
      <c r="B264" s="1"/>
      <c r="C264" s="1"/>
      <c r="D264" s="1"/>
      <c r="E264" s="1"/>
      <c r="F264" s="1"/>
      <c r="G264" s="1"/>
      <c r="H264" s="1"/>
      <c r="I264" s="1"/>
      <c r="J264" s="1"/>
      <c r="K264" s="1"/>
      <c r="L264" s="1"/>
      <c r="M264" s="1"/>
      <c r="N264" s="1"/>
      <c r="O264" s="1"/>
      <c r="P264" s="1"/>
      <c r="Q264" s="1"/>
      <c r="R264" s="1"/>
      <c r="S264" s="1"/>
      <c r="T264" s="1"/>
      <c r="U264" s="1"/>
      <c r="V264" s="1"/>
      <c r="W264" s="1"/>
      <c r="X264" s="1"/>
      <c r="Y264" s="1"/>
      <c r="Z264" s="1"/>
      <c r="AA264" s="1"/>
      <c r="AB264" s="1"/>
      <c r="AC264" s="1"/>
      <c r="AD264" s="1"/>
      <c r="AE264" s="1"/>
      <c r="AF264" s="1"/>
      <c r="AG264" s="1"/>
      <c r="AH264" s="1"/>
      <c r="AI264" s="1"/>
      <c r="AJ264" s="1"/>
      <c r="AK264" s="1"/>
    </row>
    <row r="265" spans="2:37" x14ac:dyDescent="0.2">
      <c r="B265" s="1"/>
      <c r="C265" s="1"/>
      <c r="D265" s="1"/>
      <c r="E265" s="1"/>
      <c r="F265" s="1"/>
      <c r="G265" s="1"/>
      <c r="H265" s="1"/>
      <c r="I265" s="1"/>
      <c r="J265" s="1"/>
      <c r="K265" s="1"/>
      <c r="L265" s="1"/>
      <c r="M265" s="1"/>
      <c r="N265" s="1"/>
      <c r="O265" s="1"/>
      <c r="P265" s="1"/>
      <c r="Q265" s="1"/>
      <c r="R265" s="1"/>
      <c r="S265" s="1"/>
      <c r="T265" s="1"/>
      <c r="U265" s="1"/>
      <c r="V265" s="1"/>
      <c r="W265" s="1"/>
      <c r="X265" s="1"/>
      <c r="Y265" s="1"/>
      <c r="Z265" s="1"/>
      <c r="AA265" s="1"/>
      <c r="AB265" s="1"/>
      <c r="AC265" s="1"/>
      <c r="AD265" s="1"/>
      <c r="AE265" s="1"/>
      <c r="AF265" s="1"/>
      <c r="AG265" s="1"/>
      <c r="AH265" s="1"/>
      <c r="AI265" s="1"/>
      <c r="AJ265" s="1"/>
      <c r="AK265" s="1"/>
    </row>
    <row r="266" spans="2:37" x14ac:dyDescent="0.2">
      <c r="B266" s="1"/>
      <c r="C266" s="1"/>
      <c r="D266" s="1"/>
      <c r="E266" s="1"/>
      <c r="F266" s="1"/>
      <c r="G266" s="1"/>
      <c r="H266" s="1"/>
      <c r="I266" s="1"/>
      <c r="J266" s="1"/>
      <c r="K266" s="1"/>
      <c r="L266" s="1"/>
      <c r="M266" s="1"/>
      <c r="N266" s="1"/>
      <c r="O266" s="1"/>
      <c r="P266" s="1"/>
      <c r="Q266" s="1"/>
      <c r="R266" s="1"/>
      <c r="S266" s="1"/>
      <c r="T266" s="1"/>
      <c r="U266" s="1"/>
      <c r="V266" s="1"/>
      <c r="W266" s="1"/>
      <c r="X266" s="1"/>
      <c r="Y266" s="1"/>
      <c r="Z266" s="1"/>
      <c r="AA266" s="1"/>
      <c r="AB266" s="1"/>
      <c r="AC266" s="1"/>
      <c r="AD266" s="1"/>
      <c r="AE266" s="1"/>
      <c r="AF266" s="1"/>
      <c r="AG266" s="1"/>
      <c r="AH266" s="1"/>
      <c r="AI266" s="1"/>
      <c r="AJ266" s="1"/>
      <c r="AK266" s="1"/>
    </row>
    <row r="267" spans="2:37" x14ac:dyDescent="0.2">
      <c r="B267" s="1"/>
      <c r="C267" s="1"/>
      <c r="D267" s="1"/>
      <c r="E267" s="1"/>
      <c r="F267" s="1"/>
      <c r="G267" s="1"/>
      <c r="H267" s="1"/>
      <c r="I267" s="1"/>
      <c r="J267" s="1"/>
      <c r="K267" s="1"/>
      <c r="L267" s="1"/>
      <c r="M267" s="1"/>
      <c r="N267" s="1"/>
      <c r="O267" s="1"/>
      <c r="P267" s="1"/>
      <c r="Q267" s="1"/>
      <c r="R267" s="1"/>
      <c r="S267" s="1"/>
      <c r="T267" s="1"/>
      <c r="U267" s="1"/>
      <c r="V267" s="1"/>
      <c r="W267" s="1"/>
      <c r="X267" s="1"/>
      <c r="Y267" s="1"/>
      <c r="Z267" s="1"/>
      <c r="AA267" s="1"/>
      <c r="AB267" s="1"/>
      <c r="AC267" s="1"/>
      <c r="AD267" s="1"/>
      <c r="AE267" s="1"/>
      <c r="AF267" s="1"/>
      <c r="AG267" s="1"/>
      <c r="AH267" s="1"/>
      <c r="AI267" s="1"/>
      <c r="AJ267" s="1"/>
      <c r="AK267" s="1"/>
    </row>
    <row r="268" spans="2:37" x14ac:dyDescent="0.2">
      <c r="B268" s="1"/>
      <c r="C268" s="1"/>
      <c r="D268" s="1"/>
      <c r="E268" s="1"/>
      <c r="F268" s="1"/>
      <c r="G268" s="1"/>
      <c r="H268" s="1"/>
      <c r="I268" s="1"/>
      <c r="J268" s="1"/>
      <c r="K268" s="1"/>
      <c r="L268" s="1"/>
      <c r="M268" s="1"/>
      <c r="N268" s="1"/>
      <c r="O268" s="1"/>
      <c r="P268" s="1"/>
      <c r="Q268" s="1"/>
      <c r="R268" s="1"/>
      <c r="S268" s="1"/>
      <c r="T268" s="1"/>
      <c r="U268" s="1"/>
      <c r="V268" s="1"/>
      <c r="W268" s="1"/>
      <c r="X268" s="1"/>
      <c r="Y268" s="1"/>
      <c r="Z268" s="1"/>
      <c r="AA268" s="1"/>
      <c r="AB268" s="1"/>
      <c r="AC268" s="1"/>
      <c r="AD268" s="1"/>
      <c r="AE268" s="1"/>
      <c r="AF268" s="1"/>
      <c r="AG268" s="1"/>
      <c r="AH268" s="1"/>
      <c r="AI268" s="1"/>
      <c r="AJ268" s="1"/>
      <c r="AK268" s="1"/>
    </row>
    <row r="269" spans="2:37" x14ac:dyDescent="0.2">
      <c r="B269" s="1"/>
      <c r="C269" s="1"/>
      <c r="D269" s="1"/>
      <c r="E269" s="1"/>
      <c r="F269" s="1"/>
      <c r="G269" s="1"/>
      <c r="H269" s="1"/>
      <c r="I269" s="1"/>
      <c r="J269" s="1"/>
      <c r="K269" s="1"/>
      <c r="L269" s="1"/>
      <c r="M269" s="1"/>
      <c r="N269" s="1"/>
      <c r="O269" s="1"/>
      <c r="P269" s="1"/>
      <c r="Q269" s="1"/>
      <c r="R269" s="1"/>
      <c r="S269" s="1"/>
      <c r="T269" s="1"/>
      <c r="U269" s="1"/>
      <c r="V269" s="1"/>
      <c r="W269" s="1"/>
      <c r="X269" s="1"/>
      <c r="Y269" s="1"/>
      <c r="Z269" s="1"/>
      <c r="AA269" s="1"/>
      <c r="AB269" s="1"/>
      <c r="AC269" s="1"/>
      <c r="AD269" s="1"/>
      <c r="AE269" s="1"/>
      <c r="AF269" s="1"/>
      <c r="AG269" s="1"/>
      <c r="AH269" s="1"/>
      <c r="AI269" s="1"/>
      <c r="AJ269" s="1"/>
      <c r="AK269" s="1"/>
    </row>
    <row r="270" spans="2:37" x14ac:dyDescent="0.2">
      <c r="B270" s="1"/>
      <c r="C270" s="1"/>
      <c r="D270" s="1"/>
      <c r="E270" s="1"/>
      <c r="F270" s="1"/>
      <c r="G270" s="1"/>
      <c r="H270" s="1"/>
      <c r="I270" s="1"/>
      <c r="J270" s="1"/>
      <c r="K270" s="1"/>
      <c r="L270" s="1"/>
      <c r="M270" s="1"/>
      <c r="N270" s="1"/>
      <c r="O270" s="1"/>
      <c r="P270" s="1"/>
      <c r="Q270" s="1"/>
      <c r="R270" s="1"/>
      <c r="S270" s="1"/>
      <c r="T270" s="1"/>
      <c r="U270" s="1"/>
      <c r="V270" s="1"/>
      <c r="W270" s="1"/>
      <c r="X270" s="1"/>
      <c r="Y270" s="1"/>
      <c r="Z270" s="1"/>
      <c r="AA270" s="1"/>
      <c r="AB270" s="1"/>
      <c r="AC270" s="1"/>
      <c r="AD270" s="1"/>
      <c r="AE270" s="1"/>
      <c r="AF270" s="1"/>
      <c r="AG270" s="1"/>
      <c r="AH270" s="1"/>
      <c r="AI270" s="1"/>
      <c r="AJ270" s="1"/>
      <c r="AK270" s="1"/>
    </row>
    <row r="271" spans="2:37" x14ac:dyDescent="0.2">
      <c r="B271" s="1"/>
      <c r="C271" s="1"/>
      <c r="D271" s="1"/>
      <c r="E271" s="1"/>
      <c r="F271" s="1"/>
      <c r="G271" s="1"/>
      <c r="H271" s="1"/>
      <c r="I271" s="1"/>
      <c r="J271" s="1"/>
      <c r="K271" s="1"/>
      <c r="L271" s="1"/>
      <c r="M271" s="1"/>
      <c r="N271" s="1"/>
      <c r="O271" s="1"/>
      <c r="P271" s="1"/>
      <c r="Q271" s="1"/>
      <c r="R271" s="1"/>
      <c r="S271" s="1"/>
      <c r="T271" s="1"/>
      <c r="U271" s="1"/>
      <c r="V271" s="1"/>
      <c r="W271" s="1"/>
      <c r="X271" s="1"/>
      <c r="Y271" s="1"/>
      <c r="Z271" s="1"/>
      <c r="AA271" s="1"/>
      <c r="AB271" s="1"/>
      <c r="AC271" s="1"/>
      <c r="AD271" s="1"/>
      <c r="AE271" s="1"/>
      <c r="AF271" s="1"/>
      <c r="AG271" s="1"/>
      <c r="AH271" s="1"/>
      <c r="AI271" s="1"/>
      <c r="AJ271" s="1"/>
      <c r="AK271" s="1"/>
    </row>
    <row r="272" spans="2:37" x14ac:dyDescent="0.2">
      <c r="B272" s="1"/>
      <c r="C272" s="1"/>
      <c r="D272" s="1"/>
      <c r="E272" s="1"/>
      <c r="F272" s="1"/>
      <c r="G272" s="1"/>
      <c r="H272" s="1"/>
      <c r="I272" s="1"/>
      <c r="J272" s="1"/>
      <c r="K272" s="1"/>
      <c r="L272" s="1"/>
      <c r="M272" s="1"/>
      <c r="N272" s="1"/>
      <c r="O272" s="1"/>
      <c r="P272" s="1"/>
      <c r="Q272" s="1"/>
      <c r="R272" s="1"/>
      <c r="S272" s="1"/>
      <c r="T272" s="1"/>
      <c r="U272" s="1"/>
      <c r="V272" s="1"/>
      <c r="W272" s="1"/>
      <c r="X272" s="1"/>
      <c r="Y272" s="1"/>
      <c r="Z272" s="1"/>
      <c r="AA272" s="1"/>
      <c r="AB272" s="1"/>
      <c r="AC272" s="1"/>
      <c r="AD272" s="1"/>
      <c r="AE272" s="1"/>
      <c r="AF272" s="1"/>
      <c r="AG272" s="1"/>
      <c r="AH272" s="1"/>
      <c r="AI272" s="1"/>
      <c r="AJ272" s="1"/>
      <c r="AK272" s="1"/>
    </row>
    <row r="273" spans="2:37" x14ac:dyDescent="0.2">
      <c r="B273" s="1"/>
      <c r="C273" s="1"/>
      <c r="D273" s="1"/>
      <c r="E273" s="1"/>
      <c r="F273" s="1"/>
      <c r="G273" s="1"/>
      <c r="H273" s="1"/>
      <c r="I273" s="1"/>
      <c r="J273" s="1"/>
      <c r="K273" s="1"/>
      <c r="L273" s="1"/>
      <c r="M273" s="1"/>
      <c r="N273" s="1"/>
      <c r="O273" s="1"/>
      <c r="P273" s="1"/>
      <c r="Q273" s="1"/>
      <c r="R273" s="1"/>
      <c r="S273" s="1"/>
      <c r="T273" s="1"/>
      <c r="U273" s="1"/>
      <c r="V273" s="1"/>
      <c r="W273" s="1"/>
      <c r="X273" s="1"/>
      <c r="Y273" s="1"/>
      <c r="Z273" s="1"/>
      <c r="AA273" s="1"/>
      <c r="AB273" s="1"/>
      <c r="AC273" s="1"/>
      <c r="AD273" s="1"/>
      <c r="AE273" s="1"/>
      <c r="AF273" s="1"/>
      <c r="AG273" s="1"/>
      <c r="AH273" s="1"/>
      <c r="AI273" s="1"/>
      <c r="AJ273" s="1"/>
      <c r="AK273" s="1"/>
    </row>
    <row r="274" spans="2:37" x14ac:dyDescent="0.2">
      <c r="B274" s="1"/>
      <c r="C274" s="1"/>
      <c r="D274" s="1"/>
      <c r="E274" s="1"/>
      <c r="F274" s="1"/>
      <c r="G274" s="1"/>
      <c r="H274" s="1"/>
      <c r="I274" s="1"/>
      <c r="J274" s="1"/>
      <c r="K274" s="1"/>
      <c r="L274" s="1"/>
      <c r="M274" s="1"/>
      <c r="N274" s="1"/>
      <c r="O274" s="1"/>
      <c r="P274" s="1"/>
      <c r="Q274" s="1"/>
      <c r="R274" s="1"/>
      <c r="S274" s="1"/>
      <c r="T274" s="1"/>
      <c r="U274" s="1"/>
      <c r="V274" s="1"/>
      <c r="W274" s="1"/>
      <c r="X274" s="1"/>
      <c r="Y274" s="1"/>
      <c r="Z274" s="1"/>
      <c r="AA274" s="1"/>
      <c r="AB274" s="1"/>
      <c r="AC274" s="1"/>
      <c r="AD274" s="1"/>
      <c r="AE274" s="1"/>
      <c r="AF274" s="1"/>
      <c r="AG274" s="1"/>
      <c r="AH274" s="1"/>
      <c r="AI274" s="1"/>
      <c r="AJ274" s="1"/>
      <c r="AK274" s="1"/>
    </row>
    <row r="275" spans="2:37" x14ac:dyDescent="0.2">
      <c r="B275" s="1"/>
      <c r="C275" s="1"/>
      <c r="D275" s="1"/>
      <c r="E275" s="1"/>
      <c r="F275" s="1"/>
      <c r="G275" s="1"/>
      <c r="H275" s="1"/>
      <c r="I275" s="1"/>
      <c r="J275" s="1"/>
      <c r="K275" s="1"/>
      <c r="L275" s="1"/>
      <c r="M275" s="1"/>
      <c r="N275" s="1"/>
      <c r="O275" s="1"/>
      <c r="P275" s="1"/>
      <c r="Q275" s="1"/>
      <c r="R275" s="1"/>
      <c r="S275" s="1"/>
      <c r="T275" s="1"/>
      <c r="U275" s="1"/>
      <c r="V275" s="1"/>
      <c r="W275" s="1"/>
      <c r="X275" s="1"/>
      <c r="Y275" s="1"/>
      <c r="Z275" s="1"/>
      <c r="AA275" s="1"/>
      <c r="AB275" s="1"/>
      <c r="AC275" s="1"/>
      <c r="AD275" s="1"/>
      <c r="AE275" s="1"/>
      <c r="AF275" s="1"/>
      <c r="AG275" s="1"/>
      <c r="AH275" s="1"/>
      <c r="AI275" s="1"/>
      <c r="AJ275" s="1"/>
      <c r="AK275" s="1"/>
    </row>
    <row r="276" spans="2:37" x14ac:dyDescent="0.2">
      <c r="B276" s="1"/>
      <c r="C276" s="1"/>
      <c r="D276" s="1"/>
      <c r="E276" s="1"/>
      <c r="F276" s="1"/>
      <c r="G276" s="1"/>
      <c r="H276" s="1"/>
      <c r="I276" s="1"/>
      <c r="J276" s="1"/>
      <c r="K276" s="1"/>
      <c r="L276" s="1"/>
      <c r="M276" s="1"/>
      <c r="N276" s="1"/>
      <c r="O276" s="1"/>
      <c r="P276" s="1"/>
      <c r="Q276" s="1"/>
      <c r="R276" s="1"/>
      <c r="S276" s="1"/>
      <c r="T276" s="1"/>
      <c r="U276" s="1"/>
      <c r="V276" s="1"/>
      <c r="W276" s="1"/>
      <c r="X276" s="1"/>
      <c r="Y276" s="1"/>
      <c r="Z276" s="1"/>
      <c r="AA276" s="1"/>
      <c r="AB276" s="1"/>
      <c r="AC276" s="1"/>
      <c r="AD276" s="1"/>
      <c r="AE276" s="1"/>
      <c r="AF276" s="1"/>
      <c r="AG276" s="1"/>
      <c r="AH276" s="1"/>
      <c r="AI276" s="1"/>
      <c r="AJ276" s="1"/>
      <c r="AK276" s="1"/>
    </row>
    <row r="277" spans="2:37" x14ac:dyDescent="0.2">
      <c r="B277" s="1"/>
      <c r="C277" s="1"/>
      <c r="D277" s="1"/>
      <c r="E277" s="1"/>
      <c r="F277" s="1"/>
      <c r="G277" s="1"/>
      <c r="H277" s="1"/>
      <c r="I277" s="1"/>
      <c r="J277" s="1"/>
      <c r="K277" s="1"/>
      <c r="L277" s="1"/>
      <c r="M277" s="1"/>
      <c r="N277" s="1"/>
      <c r="O277" s="1"/>
      <c r="P277" s="1"/>
      <c r="Q277" s="1"/>
      <c r="R277" s="1"/>
      <c r="S277" s="1"/>
      <c r="T277" s="1"/>
      <c r="U277" s="1"/>
      <c r="V277" s="1"/>
      <c r="W277" s="1"/>
      <c r="X277" s="1"/>
      <c r="Y277" s="1"/>
      <c r="Z277" s="1"/>
      <c r="AA277" s="1"/>
      <c r="AB277" s="1"/>
      <c r="AC277" s="1"/>
      <c r="AD277" s="1"/>
      <c r="AE277" s="1"/>
      <c r="AF277" s="1"/>
      <c r="AG277" s="1"/>
      <c r="AH277" s="1"/>
      <c r="AI277" s="1"/>
      <c r="AJ277" s="1"/>
      <c r="AK277" s="1"/>
    </row>
    <row r="278" spans="2:37" x14ac:dyDescent="0.2">
      <c r="B278" s="1"/>
      <c r="C278" s="1"/>
      <c r="D278" s="1"/>
      <c r="E278" s="1"/>
      <c r="F278" s="1"/>
      <c r="G278" s="1"/>
      <c r="H278" s="1"/>
      <c r="I278" s="1"/>
      <c r="J278" s="1"/>
      <c r="K278" s="1"/>
      <c r="L278" s="1"/>
      <c r="M278" s="1"/>
      <c r="N278" s="1"/>
      <c r="O278" s="1"/>
      <c r="P278" s="1"/>
      <c r="Q278" s="1"/>
      <c r="R278" s="1"/>
      <c r="S278" s="1"/>
      <c r="T278" s="1"/>
      <c r="U278" s="1"/>
      <c r="V278" s="1"/>
      <c r="W278" s="1"/>
      <c r="X278" s="1"/>
      <c r="Y278" s="1"/>
      <c r="Z278" s="1"/>
      <c r="AA278" s="1"/>
      <c r="AB278" s="1"/>
      <c r="AC278" s="1"/>
      <c r="AD278" s="1"/>
      <c r="AE278" s="1"/>
      <c r="AF278" s="1"/>
      <c r="AG278" s="1"/>
      <c r="AH278" s="1"/>
      <c r="AI278" s="1"/>
      <c r="AJ278" s="1"/>
      <c r="AK278" s="1"/>
    </row>
    <row r="279" spans="2:37" x14ac:dyDescent="0.2">
      <c r="B279" s="1"/>
      <c r="C279" s="1"/>
      <c r="D279" s="1"/>
      <c r="E279" s="1"/>
      <c r="F279" s="1"/>
      <c r="G279" s="1"/>
      <c r="H279" s="1"/>
      <c r="I279" s="1"/>
      <c r="J279" s="1"/>
      <c r="K279" s="1"/>
      <c r="L279" s="1"/>
      <c r="M279" s="1"/>
      <c r="N279" s="1"/>
      <c r="O279" s="1"/>
      <c r="P279" s="1"/>
      <c r="Q279" s="1"/>
      <c r="R279" s="1"/>
      <c r="S279" s="1"/>
      <c r="T279" s="1"/>
      <c r="U279" s="1"/>
      <c r="V279" s="1"/>
      <c r="W279" s="1"/>
      <c r="X279" s="1"/>
      <c r="Y279" s="1"/>
      <c r="Z279" s="1"/>
      <c r="AA279" s="1"/>
      <c r="AB279" s="1"/>
      <c r="AC279" s="1"/>
      <c r="AD279" s="1"/>
      <c r="AE279" s="1"/>
      <c r="AF279" s="1"/>
      <c r="AG279" s="1"/>
      <c r="AH279" s="1"/>
      <c r="AI279" s="1"/>
      <c r="AJ279" s="1"/>
      <c r="AK279" s="1"/>
    </row>
    <row r="280" spans="2:37" x14ac:dyDescent="0.2">
      <c r="B280" s="1"/>
      <c r="C280" s="1"/>
      <c r="D280" s="1"/>
      <c r="E280" s="1"/>
      <c r="F280" s="1"/>
      <c r="G280" s="1"/>
      <c r="H280" s="1"/>
      <c r="I280" s="1"/>
      <c r="J280" s="1"/>
      <c r="K280" s="1"/>
      <c r="L280" s="1"/>
      <c r="M280" s="1"/>
      <c r="N280" s="1"/>
      <c r="O280" s="1"/>
      <c r="P280" s="1"/>
      <c r="Q280" s="1"/>
      <c r="R280" s="1"/>
      <c r="S280" s="1"/>
      <c r="T280" s="1"/>
      <c r="U280" s="1"/>
      <c r="V280" s="1"/>
      <c r="W280" s="1"/>
      <c r="X280" s="1"/>
      <c r="Y280" s="1"/>
      <c r="Z280" s="1"/>
      <c r="AA280" s="1"/>
      <c r="AB280" s="1"/>
      <c r="AC280" s="1"/>
      <c r="AD280" s="1"/>
      <c r="AE280" s="1"/>
      <c r="AF280" s="1"/>
      <c r="AG280" s="1"/>
      <c r="AH280" s="1"/>
      <c r="AI280" s="1"/>
      <c r="AJ280" s="1"/>
      <c r="AK280" s="1"/>
    </row>
    <row r="281" spans="2:37" x14ac:dyDescent="0.2">
      <c r="B281" s="1"/>
      <c r="C281" s="1"/>
      <c r="D281" s="1"/>
      <c r="E281" s="1"/>
      <c r="F281" s="1"/>
      <c r="G281" s="1"/>
      <c r="H281" s="1"/>
      <c r="I281" s="1"/>
      <c r="J281" s="1"/>
      <c r="K281" s="1"/>
      <c r="L281" s="1"/>
      <c r="M281" s="1"/>
      <c r="N281" s="1"/>
      <c r="O281" s="1"/>
      <c r="P281" s="1"/>
      <c r="Q281" s="1"/>
      <c r="R281" s="1"/>
      <c r="S281" s="1"/>
      <c r="T281" s="1"/>
      <c r="U281" s="1"/>
      <c r="V281" s="1"/>
      <c r="W281" s="1"/>
      <c r="X281" s="1"/>
      <c r="Y281" s="1"/>
      <c r="Z281" s="1"/>
      <c r="AA281" s="1"/>
      <c r="AB281" s="1"/>
      <c r="AC281" s="1"/>
      <c r="AD281" s="1"/>
      <c r="AE281" s="1"/>
      <c r="AF281" s="1"/>
      <c r="AG281" s="1"/>
      <c r="AH281" s="1"/>
      <c r="AI281" s="1"/>
      <c r="AJ281" s="1"/>
      <c r="AK281" s="1"/>
    </row>
    <row r="282" spans="2:37" x14ac:dyDescent="0.2">
      <c r="B282" s="1"/>
      <c r="C282" s="1"/>
      <c r="D282" s="1"/>
      <c r="E282" s="1"/>
      <c r="F282" s="1"/>
      <c r="G282" s="1"/>
      <c r="H282" s="1"/>
      <c r="I282" s="1"/>
      <c r="J282" s="1"/>
      <c r="K282" s="1"/>
      <c r="L282" s="1"/>
      <c r="M282" s="1"/>
      <c r="N282" s="1"/>
      <c r="O282" s="1"/>
      <c r="P282" s="1"/>
      <c r="Q282" s="1"/>
      <c r="R282" s="1"/>
      <c r="S282" s="1"/>
      <c r="T282" s="1"/>
      <c r="U282" s="1"/>
      <c r="V282" s="1"/>
      <c r="W282" s="1"/>
      <c r="X282" s="1"/>
      <c r="Y282" s="1"/>
      <c r="Z282" s="1"/>
      <c r="AA282" s="1"/>
      <c r="AB282" s="1"/>
      <c r="AC282" s="1"/>
      <c r="AD282" s="1"/>
      <c r="AE282" s="1"/>
      <c r="AF282" s="1"/>
      <c r="AG282" s="1"/>
      <c r="AH282" s="1"/>
      <c r="AI282" s="1"/>
      <c r="AJ282" s="1"/>
      <c r="AK282" s="1"/>
    </row>
    <row r="283" spans="2:37" x14ac:dyDescent="0.2">
      <c r="B283" s="1"/>
      <c r="C283" s="1"/>
      <c r="D283" s="1"/>
      <c r="E283" s="1"/>
      <c r="F283" s="1"/>
      <c r="G283" s="1"/>
      <c r="H283" s="1"/>
      <c r="I283" s="1"/>
      <c r="J283" s="1"/>
      <c r="K283" s="1"/>
      <c r="L283" s="1"/>
      <c r="M283" s="1"/>
      <c r="N283" s="1"/>
      <c r="O283" s="1"/>
      <c r="P283" s="1"/>
      <c r="Q283" s="1"/>
      <c r="R283" s="1"/>
      <c r="S283" s="1"/>
      <c r="T283" s="1"/>
      <c r="U283" s="1"/>
      <c r="V283" s="1"/>
      <c r="W283" s="1"/>
      <c r="X283" s="1"/>
      <c r="Y283" s="1"/>
      <c r="Z283" s="1"/>
      <c r="AA283" s="1"/>
      <c r="AB283" s="1"/>
      <c r="AC283" s="1"/>
      <c r="AD283" s="1"/>
      <c r="AE283" s="1"/>
      <c r="AF283" s="1"/>
      <c r="AG283" s="1"/>
      <c r="AH283" s="1"/>
      <c r="AI283" s="1"/>
      <c r="AJ283" s="1"/>
      <c r="AK283" s="1"/>
    </row>
    <row r="284" spans="2:37" x14ac:dyDescent="0.2">
      <c r="B284" s="1"/>
      <c r="C284" s="1"/>
      <c r="D284" s="1"/>
      <c r="E284" s="1"/>
      <c r="F284" s="1"/>
      <c r="G284" s="1"/>
      <c r="H284" s="1"/>
      <c r="I284" s="1"/>
      <c r="J284" s="1"/>
      <c r="K284" s="1"/>
      <c r="L284" s="1"/>
      <c r="M284" s="1"/>
      <c r="N284" s="1"/>
      <c r="O284" s="1"/>
      <c r="P284" s="1"/>
      <c r="Q284" s="1"/>
      <c r="R284" s="1"/>
      <c r="S284" s="1"/>
      <c r="T284" s="1"/>
      <c r="U284" s="1"/>
      <c r="V284" s="1"/>
      <c r="W284" s="1"/>
      <c r="X284" s="1"/>
      <c r="Y284" s="1"/>
      <c r="Z284" s="1"/>
      <c r="AA284" s="1"/>
      <c r="AB284" s="1"/>
      <c r="AC284" s="1"/>
      <c r="AD284" s="1"/>
      <c r="AE284" s="1"/>
      <c r="AF284" s="1"/>
      <c r="AG284" s="1"/>
      <c r="AH284" s="1"/>
      <c r="AI284" s="1"/>
      <c r="AJ284" s="1"/>
      <c r="AK284" s="1"/>
    </row>
    <row r="285" spans="2:37" x14ac:dyDescent="0.2">
      <c r="B285" s="1"/>
      <c r="C285" s="1"/>
      <c r="D285" s="1"/>
      <c r="E285" s="1"/>
      <c r="F285" s="1"/>
      <c r="G285" s="1"/>
      <c r="H285" s="1"/>
      <c r="I285" s="1"/>
      <c r="J285" s="1"/>
      <c r="K285" s="1"/>
      <c r="L285" s="1"/>
      <c r="M285" s="1"/>
      <c r="N285" s="1"/>
      <c r="O285" s="1"/>
      <c r="P285" s="1"/>
      <c r="Q285" s="1"/>
      <c r="R285" s="1"/>
      <c r="S285" s="1"/>
      <c r="T285" s="1"/>
      <c r="U285" s="1"/>
      <c r="V285" s="1"/>
      <c r="W285" s="1"/>
      <c r="X285" s="1"/>
      <c r="Y285" s="1"/>
      <c r="Z285" s="1"/>
      <c r="AA285" s="1"/>
      <c r="AB285" s="1"/>
      <c r="AC285" s="1"/>
      <c r="AD285" s="1"/>
      <c r="AE285" s="1"/>
      <c r="AF285" s="1"/>
      <c r="AG285" s="1"/>
      <c r="AH285" s="1"/>
      <c r="AI285" s="1"/>
      <c r="AJ285" s="1"/>
      <c r="AK285" s="1"/>
    </row>
    <row r="286" spans="2:37" x14ac:dyDescent="0.2">
      <c r="B286" s="1"/>
      <c r="C286" s="1"/>
      <c r="D286" s="1"/>
      <c r="E286" s="1"/>
      <c r="F286" s="1"/>
      <c r="G286" s="1"/>
      <c r="H286" s="1"/>
      <c r="I286" s="1"/>
      <c r="J286" s="1"/>
      <c r="K286" s="1"/>
      <c r="L286" s="1"/>
      <c r="M286" s="1"/>
      <c r="N286" s="1"/>
      <c r="O286" s="1"/>
      <c r="P286" s="1"/>
      <c r="Q286" s="1"/>
      <c r="R286" s="1"/>
      <c r="S286" s="1"/>
      <c r="T286" s="1"/>
      <c r="U286" s="1"/>
      <c r="V286" s="1"/>
      <c r="W286" s="1"/>
      <c r="X286" s="1"/>
      <c r="Y286" s="1"/>
      <c r="Z286" s="1"/>
      <c r="AA286" s="1"/>
      <c r="AB286" s="1"/>
      <c r="AC286" s="1"/>
      <c r="AD286" s="1"/>
      <c r="AE286" s="1"/>
      <c r="AF286" s="1"/>
      <c r="AG286" s="1"/>
      <c r="AH286" s="1"/>
      <c r="AI286" s="1"/>
      <c r="AJ286" s="1"/>
      <c r="AK286" s="1"/>
    </row>
    <row r="287" spans="2:37" x14ac:dyDescent="0.2">
      <c r="B287" s="1"/>
      <c r="C287" s="1"/>
      <c r="D287" s="1"/>
      <c r="E287" s="1"/>
      <c r="F287" s="1"/>
      <c r="G287" s="1"/>
      <c r="H287" s="1"/>
      <c r="I287" s="1"/>
      <c r="J287" s="1"/>
      <c r="K287" s="1"/>
      <c r="L287" s="1"/>
      <c r="M287" s="1"/>
      <c r="N287" s="1"/>
      <c r="O287" s="1"/>
      <c r="P287" s="1"/>
      <c r="Q287" s="1"/>
      <c r="R287" s="1"/>
      <c r="S287" s="1"/>
      <c r="T287" s="1"/>
      <c r="U287" s="1"/>
      <c r="V287" s="1"/>
      <c r="W287" s="1"/>
      <c r="X287" s="1"/>
      <c r="Y287" s="1"/>
      <c r="Z287" s="1"/>
      <c r="AA287" s="1"/>
      <c r="AB287" s="1"/>
      <c r="AC287" s="1"/>
      <c r="AD287" s="1"/>
      <c r="AE287" s="1"/>
      <c r="AF287" s="1"/>
      <c r="AG287" s="1"/>
      <c r="AH287" s="1"/>
      <c r="AI287" s="1"/>
      <c r="AJ287" s="1"/>
      <c r="AK287" s="1"/>
    </row>
    <row r="288" spans="2:37" x14ac:dyDescent="0.2">
      <c r="B288" s="1"/>
      <c r="C288" s="1"/>
      <c r="D288" s="1"/>
      <c r="E288" s="1"/>
      <c r="F288" s="1"/>
      <c r="G288" s="1"/>
      <c r="H288" s="1"/>
      <c r="I288" s="1"/>
      <c r="J288" s="1"/>
      <c r="K288" s="1"/>
      <c r="L288" s="1"/>
      <c r="M288" s="1"/>
      <c r="N288" s="1"/>
      <c r="O288" s="1"/>
      <c r="P288" s="1"/>
      <c r="Q288" s="1"/>
      <c r="R288" s="1"/>
      <c r="S288" s="1"/>
      <c r="T288" s="1"/>
      <c r="U288" s="1"/>
      <c r="V288" s="1"/>
      <c r="W288" s="1"/>
      <c r="X288" s="1"/>
      <c r="Y288" s="1"/>
      <c r="Z288" s="1"/>
      <c r="AA288" s="1"/>
      <c r="AB288" s="1"/>
      <c r="AC288" s="1"/>
      <c r="AD288" s="1"/>
      <c r="AE288" s="1"/>
      <c r="AF288" s="1"/>
      <c r="AG288" s="1"/>
      <c r="AH288" s="1"/>
      <c r="AI288" s="1"/>
      <c r="AJ288" s="1"/>
      <c r="AK288" s="1"/>
    </row>
    <row r="289" spans="2:37" x14ac:dyDescent="0.2">
      <c r="B289" s="1"/>
      <c r="C289" s="1"/>
      <c r="D289" s="1"/>
      <c r="E289" s="1"/>
      <c r="F289" s="1"/>
      <c r="G289" s="1"/>
      <c r="H289" s="1"/>
      <c r="I289" s="1"/>
      <c r="J289" s="1"/>
      <c r="K289" s="1"/>
      <c r="L289" s="1"/>
      <c r="M289" s="1"/>
      <c r="N289" s="1"/>
      <c r="O289" s="1"/>
      <c r="P289" s="1"/>
      <c r="Q289" s="1"/>
      <c r="R289" s="1"/>
      <c r="S289" s="1"/>
      <c r="T289" s="1"/>
      <c r="U289" s="1"/>
      <c r="V289" s="1"/>
      <c r="W289" s="1"/>
      <c r="X289" s="1"/>
      <c r="Y289" s="1"/>
      <c r="Z289" s="1"/>
      <c r="AA289" s="1"/>
      <c r="AB289" s="1"/>
      <c r="AC289" s="1"/>
      <c r="AD289" s="1"/>
      <c r="AE289" s="1"/>
      <c r="AF289" s="1"/>
      <c r="AG289" s="1"/>
      <c r="AH289" s="1"/>
      <c r="AI289" s="1"/>
      <c r="AJ289" s="1"/>
      <c r="AK289" s="1"/>
    </row>
    <row r="290" spans="2:37" x14ac:dyDescent="0.2">
      <c r="B290" s="1"/>
      <c r="C290" s="1"/>
      <c r="D290" s="1"/>
      <c r="E290" s="1"/>
      <c r="F290" s="1"/>
      <c r="G290" s="1"/>
      <c r="H290" s="1"/>
      <c r="I290" s="1"/>
      <c r="J290" s="1"/>
      <c r="K290" s="1"/>
      <c r="L290" s="1"/>
      <c r="M290" s="1"/>
      <c r="N290" s="1"/>
      <c r="O290" s="1"/>
      <c r="P290" s="1"/>
      <c r="Q290" s="1"/>
      <c r="R290" s="1"/>
      <c r="S290" s="1"/>
      <c r="T290" s="1"/>
      <c r="U290" s="1"/>
      <c r="V290" s="1"/>
      <c r="W290" s="1"/>
      <c r="X290" s="1"/>
      <c r="Y290" s="1"/>
      <c r="Z290" s="1"/>
      <c r="AA290" s="1"/>
      <c r="AB290" s="1"/>
      <c r="AC290" s="1"/>
      <c r="AD290" s="1"/>
      <c r="AE290" s="1"/>
      <c r="AF290" s="1"/>
      <c r="AG290" s="1"/>
      <c r="AH290" s="1"/>
      <c r="AI290" s="1"/>
      <c r="AJ290" s="1"/>
      <c r="AK290" s="1"/>
    </row>
    <row r="291" spans="2:37" x14ac:dyDescent="0.2">
      <c r="B291" s="1"/>
      <c r="C291" s="1"/>
      <c r="D291" s="1"/>
      <c r="E291" s="1"/>
      <c r="F291" s="1"/>
      <c r="G291" s="1"/>
      <c r="H291" s="1"/>
      <c r="I291" s="1"/>
      <c r="J291" s="1"/>
      <c r="K291" s="1"/>
      <c r="L291" s="1"/>
      <c r="M291" s="1"/>
      <c r="N291" s="1"/>
      <c r="O291" s="1"/>
      <c r="P291" s="1"/>
      <c r="Q291" s="1"/>
      <c r="R291" s="1"/>
      <c r="S291" s="1"/>
      <c r="T291" s="1"/>
      <c r="U291" s="1"/>
      <c r="V291" s="1"/>
      <c r="W291" s="1"/>
      <c r="X291" s="1"/>
      <c r="Y291" s="1"/>
      <c r="Z291" s="1"/>
      <c r="AA291" s="1"/>
      <c r="AB291" s="1"/>
      <c r="AC291" s="1"/>
      <c r="AD291" s="1"/>
      <c r="AE291" s="1"/>
      <c r="AF291" s="1"/>
      <c r="AG291" s="1"/>
      <c r="AH291" s="1"/>
      <c r="AI291" s="1"/>
      <c r="AJ291" s="1"/>
      <c r="AK291" s="1"/>
    </row>
    <row r="292" spans="2:37" x14ac:dyDescent="0.2">
      <c r="B292" s="1"/>
      <c r="C292" s="1"/>
      <c r="D292" s="1"/>
      <c r="E292" s="1"/>
      <c r="F292" s="1"/>
      <c r="G292" s="1"/>
      <c r="H292" s="1"/>
      <c r="I292" s="1"/>
      <c r="J292" s="1"/>
      <c r="K292" s="1"/>
      <c r="L292" s="1"/>
      <c r="M292" s="1"/>
      <c r="N292" s="1"/>
      <c r="O292" s="1"/>
      <c r="P292" s="1"/>
      <c r="Q292" s="1"/>
      <c r="R292" s="1"/>
      <c r="S292" s="1"/>
      <c r="T292" s="1"/>
      <c r="U292" s="1"/>
      <c r="V292" s="1"/>
      <c r="W292" s="1"/>
      <c r="X292" s="1"/>
      <c r="Y292" s="1"/>
      <c r="Z292" s="1"/>
      <c r="AA292" s="1"/>
      <c r="AB292" s="1"/>
      <c r="AC292" s="1"/>
      <c r="AD292" s="1"/>
      <c r="AE292" s="1"/>
      <c r="AF292" s="1"/>
      <c r="AG292" s="1"/>
      <c r="AH292" s="1"/>
      <c r="AI292" s="1"/>
      <c r="AJ292" s="1"/>
      <c r="AK292" s="1"/>
    </row>
    <row r="293" spans="2:37" x14ac:dyDescent="0.2">
      <c r="B293" s="1"/>
      <c r="C293" s="1"/>
      <c r="D293" s="1"/>
      <c r="E293" s="1"/>
      <c r="F293" s="1"/>
      <c r="G293" s="1"/>
      <c r="H293" s="1"/>
      <c r="I293" s="1"/>
      <c r="J293" s="1"/>
      <c r="K293" s="1"/>
      <c r="L293" s="1"/>
      <c r="M293" s="1"/>
      <c r="N293" s="1"/>
      <c r="O293" s="1"/>
      <c r="P293" s="1"/>
      <c r="Q293" s="1"/>
      <c r="R293" s="1"/>
      <c r="S293" s="1"/>
      <c r="T293" s="1"/>
      <c r="U293" s="1"/>
      <c r="V293" s="1"/>
      <c r="W293" s="1"/>
      <c r="X293" s="1"/>
      <c r="Y293" s="1"/>
      <c r="Z293" s="1"/>
      <c r="AA293" s="1"/>
      <c r="AB293" s="1"/>
      <c r="AC293" s="1"/>
      <c r="AD293" s="1"/>
      <c r="AE293" s="1"/>
      <c r="AF293" s="1"/>
      <c r="AG293" s="1"/>
      <c r="AH293" s="1"/>
      <c r="AI293" s="1"/>
      <c r="AJ293" s="1"/>
      <c r="AK293" s="1"/>
    </row>
    <row r="294" spans="2:37" x14ac:dyDescent="0.2">
      <c r="B294" s="1"/>
      <c r="C294" s="1"/>
      <c r="D294" s="1"/>
      <c r="E294" s="1"/>
      <c r="F294" s="1"/>
      <c r="G294" s="1"/>
      <c r="H294" s="1"/>
      <c r="I294" s="1"/>
      <c r="J294" s="1"/>
      <c r="K294" s="1"/>
      <c r="L294" s="1"/>
      <c r="M294" s="1"/>
      <c r="N294" s="1"/>
      <c r="O294" s="1"/>
      <c r="P294" s="1"/>
      <c r="Q294" s="1"/>
      <c r="R294" s="1"/>
      <c r="S294" s="1"/>
      <c r="T294" s="1"/>
      <c r="U294" s="1"/>
      <c r="V294" s="1"/>
      <c r="W294" s="1"/>
      <c r="X294" s="1"/>
      <c r="Y294" s="1"/>
      <c r="Z294" s="1"/>
      <c r="AA294" s="1"/>
      <c r="AB294" s="1"/>
      <c r="AC294" s="1"/>
      <c r="AD294" s="1"/>
      <c r="AE294" s="1"/>
      <c r="AF294" s="1"/>
      <c r="AG294" s="1"/>
      <c r="AH294" s="1"/>
      <c r="AI294" s="1"/>
      <c r="AJ294" s="1"/>
      <c r="AK294" s="1"/>
    </row>
    <row r="295" spans="2:37" x14ac:dyDescent="0.2">
      <c r="B295" s="1"/>
      <c r="C295" s="1"/>
      <c r="D295" s="1"/>
      <c r="E295" s="1"/>
      <c r="F295" s="1"/>
      <c r="G295" s="1"/>
      <c r="H295" s="1"/>
      <c r="I295" s="1"/>
      <c r="J295" s="1"/>
      <c r="K295" s="1"/>
      <c r="L295" s="1"/>
      <c r="M295" s="1"/>
      <c r="N295" s="1"/>
      <c r="O295" s="1"/>
      <c r="P295" s="1"/>
      <c r="Q295" s="1"/>
      <c r="R295" s="1"/>
      <c r="S295" s="1"/>
      <c r="T295" s="1"/>
      <c r="U295" s="1"/>
      <c r="V295" s="1"/>
      <c r="W295" s="1"/>
      <c r="X295" s="1"/>
      <c r="Y295" s="1"/>
      <c r="Z295" s="1"/>
      <c r="AA295" s="1"/>
      <c r="AB295" s="1"/>
      <c r="AC295" s="1"/>
      <c r="AD295" s="1"/>
      <c r="AE295" s="1"/>
      <c r="AF295" s="1"/>
      <c r="AG295" s="1"/>
      <c r="AH295" s="1"/>
      <c r="AI295" s="1"/>
      <c r="AJ295" s="1"/>
      <c r="AK295" s="1"/>
    </row>
    <row r="296" spans="2:37" x14ac:dyDescent="0.2">
      <c r="B296" s="1"/>
      <c r="C296" s="1"/>
      <c r="D296" s="1"/>
      <c r="E296" s="1"/>
      <c r="F296" s="1"/>
      <c r="G296" s="1"/>
      <c r="H296" s="1"/>
      <c r="I296" s="1"/>
      <c r="J296" s="1"/>
      <c r="K296" s="1"/>
      <c r="L296" s="1"/>
      <c r="M296" s="1"/>
      <c r="N296" s="1"/>
      <c r="O296" s="1"/>
      <c r="P296" s="1"/>
      <c r="Q296" s="1"/>
      <c r="R296" s="1"/>
      <c r="S296" s="1"/>
      <c r="T296" s="1"/>
      <c r="U296" s="1"/>
      <c r="V296" s="1"/>
      <c r="W296" s="1"/>
      <c r="X296" s="1"/>
      <c r="Y296" s="1"/>
      <c r="Z296" s="1"/>
      <c r="AA296" s="1"/>
      <c r="AB296" s="1"/>
      <c r="AC296" s="1"/>
      <c r="AD296" s="1"/>
      <c r="AE296" s="1"/>
      <c r="AF296" s="1"/>
      <c r="AG296" s="1"/>
      <c r="AH296" s="1"/>
      <c r="AI296" s="1"/>
      <c r="AJ296" s="1"/>
      <c r="AK296" s="1"/>
    </row>
    <row r="297" spans="2:37" x14ac:dyDescent="0.2">
      <c r="B297" s="1"/>
      <c r="C297" s="1"/>
      <c r="D297" s="1"/>
      <c r="E297" s="1"/>
      <c r="F297" s="1"/>
      <c r="G297" s="1"/>
      <c r="H297" s="1"/>
      <c r="I297" s="1"/>
      <c r="J297" s="1"/>
      <c r="K297" s="1"/>
      <c r="L297" s="1"/>
      <c r="M297" s="1"/>
      <c r="N297" s="1"/>
      <c r="O297" s="1"/>
      <c r="P297" s="1"/>
      <c r="Q297" s="1"/>
      <c r="R297" s="1"/>
      <c r="S297" s="1"/>
      <c r="T297" s="1"/>
      <c r="U297" s="1"/>
      <c r="V297" s="1"/>
      <c r="W297" s="1"/>
      <c r="X297" s="1"/>
      <c r="Y297" s="1"/>
      <c r="Z297" s="1"/>
      <c r="AA297" s="1"/>
      <c r="AB297" s="1"/>
      <c r="AC297" s="1"/>
      <c r="AD297" s="1"/>
      <c r="AE297" s="1"/>
      <c r="AF297" s="1"/>
      <c r="AG297" s="1"/>
      <c r="AH297" s="1"/>
      <c r="AI297" s="1"/>
      <c r="AJ297" s="1"/>
      <c r="AK297" s="1"/>
    </row>
    <row r="298" spans="2:37" x14ac:dyDescent="0.2">
      <c r="B298" s="1"/>
      <c r="C298" s="1"/>
      <c r="D298" s="1"/>
      <c r="E298" s="1"/>
      <c r="F298" s="1"/>
      <c r="G298" s="1"/>
      <c r="H298" s="1"/>
      <c r="I298" s="1"/>
      <c r="J298" s="1"/>
      <c r="K298" s="1"/>
      <c r="L298" s="1"/>
      <c r="M298" s="1"/>
      <c r="N298" s="1"/>
      <c r="O298" s="1"/>
      <c r="P298" s="1"/>
      <c r="Q298" s="1"/>
      <c r="R298" s="1"/>
      <c r="S298" s="1"/>
      <c r="T298" s="1"/>
      <c r="U298" s="1"/>
      <c r="V298" s="1"/>
      <c r="W298" s="1"/>
      <c r="X298" s="1"/>
      <c r="Y298" s="1"/>
      <c r="Z298" s="1"/>
      <c r="AA298" s="1"/>
      <c r="AB298" s="1"/>
      <c r="AC298" s="1"/>
      <c r="AD298" s="1"/>
      <c r="AE298" s="1"/>
      <c r="AF298" s="1"/>
      <c r="AG298" s="1"/>
      <c r="AH298" s="1"/>
      <c r="AI298" s="1"/>
      <c r="AJ298" s="1"/>
      <c r="AK298" s="1"/>
    </row>
    <row r="299" spans="2:37" x14ac:dyDescent="0.2">
      <c r="B299" s="1"/>
      <c r="C299" s="1"/>
      <c r="D299" s="1"/>
      <c r="E299" s="1"/>
      <c r="F299" s="1"/>
      <c r="G299" s="1"/>
      <c r="H299" s="1"/>
      <c r="I299" s="1"/>
      <c r="J299" s="1"/>
      <c r="K299" s="1"/>
      <c r="L299" s="1"/>
      <c r="M299" s="1"/>
      <c r="N299" s="1"/>
      <c r="O299" s="1"/>
      <c r="P299" s="1"/>
      <c r="Q299" s="1"/>
      <c r="R299" s="1"/>
      <c r="S299" s="1"/>
      <c r="T299" s="1"/>
      <c r="U299" s="1"/>
      <c r="V299" s="1"/>
      <c r="W299" s="1"/>
      <c r="X299" s="1"/>
      <c r="Y299" s="1"/>
      <c r="Z299" s="1"/>
      <c r="AA299" s="1"/>
      <c r="AB299" s="1"/>
      <c r="AC299" s="1"/>
      <c r="AD299" s="1"/>
      <c r="AE299" s="1"/>
      <c r="AF299" s="1"/>
      <c r="AG299" s="1"/>
      <c r="AH299" s="1"/>
      <c r="AI299" s="1"/>
      <c r="AJ299" s="1"/>
      <c r="AK299" s="1"/>
    </row>
    <row r="300" spans="2:37" x14ac:dyDescent="0.2">
      <c r="B300" s="1"/>
      <c r="C300" s="1"/>
      <c r="D300" s="1"/>
      <c r="E300" s="1"/>
      <c r="F300" s="1"/>
      <c r="G300" s="1"/>
      <c r="H300" s="1"/>
      <c r="I300" s="1"/>
      <c r="J300" s="1"/>
      <c r="K300" s="1"/>
      <c r="L300" s="1"/>
      <c r="M300" s="1"/>
      <c r="N300" s="1"/>
      <c r="O300" s="1"/>
      <c r="P300" s="1"/>
      <c r="Q300" s="1"/>
      <c r="R300" s="1"/>
      <c r="S300" s="1"/>
      <c r="T300" s="1"/>
      <c r="U300" s="1"/>
      <c r="V300" s="1"/>
      <c r="W300" s="1"/>
      <c r="X300" s="1"/>
      <c r="Y300" s="1"/>
      <c r="Z300" s="1"/>
      <c r="AA300" s="1"/>
      <c r="AB300" s="1"/>
      <c r="AC300" s="1"/>
      <c r="AD300" s="1"/>
      <c r="AE300" s="1"/>
      <c r="AF300" s="1"/>
      <c r="AG300" s="1"/>
      <c r="AH300" s="1"/>
      <c r="AI300" s="1"/>
      <c r="AJ300" s="1"/>
      <c r="AK300" s="1"/>
    </row>
    <row r="301" spans="2:37" x14ac:dyDescent="0.2">
      <c r="B301" s="1"/>
      <c r="C301" s="1"/>
      <c r="D301" s="1"/>
      <c r="E301" s="1"/>
      <c r="F301" s="1"/>
      <c r="G301" s="1"/>
      <c r="H301" s="1"/>
      <c r="I301" s="1"/>
      <c r="J301" s="1"/>
      <c r="K301" s="1"/>
      <c r="L301" s="1"/>
      <c r="M301" s="1"/>
      <c r="N301" s="1"/>
      <c r="O301" s="1"/>
      <c r="P301" s="1"/>
      <c r="Q301" s="1"/>
      <c r="R301" s="1"/>
      <c r="S301" s="1"/>
      <c r="T301" s="1"/>
      <c r="U301" s="1"/>
      <c r="V301" s="1"/>
      <c r="W301" s="1"/>
      <c r="X301" s="1"/>
      <c r="Y301" s="1"/>
      <c r="Z301" s="1"/>
      <c r="AA301" s="1"/>
      <c r="AB301" s="1"/>
      <c r="AC301" s="1"/>
      <c r="AD301" s="1"/>
      <c r="AE301" s="1"/>
      <c r="AF301" s="1"/>
      <c r="AG301" s="1"/>
      <c r="AH301" s="1"/>
      <c r="AI301" s="1"/>
      <c r="AJ301" s="1"/>
      <c r="AK301" s="1"/>
    </row>
    <row r="302" spans="2:37" x14ac:dyDescent="0.2">
      <c r="B302" s="1"/>
      <c r="C302" s="1"/>
      <c r="D302" s="1"/>
      <c r="E302" s="1"/>
      <c r="F302" s="1"/>
      <c r="G302" s="1"/>
      <c r="H302" s="1"/>
      <c r="I302" s="1"/>
      <c r="J302" s="1"/>
      <c r="K302" s="1"/>
      <c r="L302" s="1"/>
      <c r="M302" s="1"/>
      <c r="N302" s="1"/>
      <c r="O302" s="1"/>
      <c r="P302" s="1"/>
      <c r="Q302" s="1"/>
      <c r="R302" s="1"/>
      <c r="S302" s="1"/>
      <c r="T302" s="1"/>
      <c r="U302" s="1"/>
      <c r="V302" s="1"/>
      <c r="W302" s="1"/>
      <c r="X302" s="1"/>
      <c r="Y302" s="1"/>
      <c r="Z302" s="1"/>
      <c r="AA302" s="1"/>
      <c r="AB302" s="1"/>
      <c r="AC302" s="1"/>
      <c r="AD302" s="1"/>
      <c r="AE302" s="1"/>
      <c r="AF302" s="1"/>
      <c r="AG302" s="1"/>
      <c r="AH302" s="1"/>
      <c r="AI302" s="1"/>
      <c r="AJ302" s="1"/>
      <c r="AK302" s="1"/>
    </row>
    <row r="303" spans="2:37" x14ac:dyDescent="0.2">
      <c r="B303" s="1"/>
      <c r="C303" s="1"/>
      <c r="D303" s="1"/>
      <c r="E303" s="1"/>
      <c r="F303" s="1"/>
      <c r="G303" s="1"/>
      <c r="H303" s="1"/>
      <c r="I303" s="1"/>
      <c r="J303" s="1"/>
      <c r="K303" s="1"/>
      <c r="L303" s="1"/>
      <c r="M303" s="1"/>
      <c r="N303" s="1"/>
      <c r="O303" s="1"/>
      <c r="P303" s="1"/>
      <c r="Q303" s="1"/>
      <c r="R303" s="1"/>
      <c r="S303" s="1"/>
      <c r="T303" s="1"/>
      <c r="U303" s="1"/>
      <c r="V303" s="1"/>
      <c r="W303" s="1"/>
      <c r="X303" s="1"/>
      <c r="Y303" s="1"/>
      <c r="Z303" s="1"/>
      <c r="AA303" s="1"/>
      <c r="AB303" s="1"/>
      <c r="AC303" s="1"/>
      <c r="AD303" s="1"/>
      <c r="AE303" s="1"/>
      <c r="AF303" s="1"/>
      <c r="AG303" s="1"/>
      <c r="AH303" s="1"/>
      <c r="AI303" s="1"/>
      <c r="AJ303" s="1"/>
      <c r="AK303" s="1"/>
    </row>
    <row r="304" spans="2:37" x14ac:dyDescent="0.2">
      <c r="B304" s="1"/>
      <c r="C304" s="1"/>
      <c r="D304" s="1"/>
      <c r="E304" s="1"/>
      <c r="F304" s="1"/>
      <c r="G304" s="1"/>
      <c r="H304" s="1"/>
      <c r="I304" s="1"/>
      <c r="J304" s="1"/>
      <c r="K304" s="1"/>
      <c r="L304" s="1"/>
      <c r="M304" s="1"/>
      <c r="N304" s="1"/>
      <c r="O304" s="1"/>
      <c r="P304" s="1"/>
      <c r="Q304" s="1"/>
      <c r="R304" s="1"/>
      <c r="S304" s="1"/>
      <c r="T304" s="1"/>
      <c r="U304" s="1"/>
      <c r="V304" s="1"/>
      <c r="W304" s="1"/>
      <c r="X304" s="1"/>
      <c r="Y304" s="1"/>
      <c r="Z304" s="1"/>
      <c r="AA304" s="1"/>
      <c r="AB304" s="1"/>
      <c r="AC304" s="1"/>
      <c r="AD304" s="1"/>
      <c r="AE304" s="1"/>
      <c r="AF304" s="1"/>
      <c r="AG304" s="1"/>
      <c r="AH304" s="1"/>
      <c r="AI304" s="1"/>
      <c r="AJ304" s="1"/>
      <c r="AK304" s="1"/>
    </row>
    <row r="305" spans="2:37" x14ac:dyDescent="0.2">
      <c r="B305" s="1"/>
      <c r="C305" s="1"/>
      <c r="D305" s="1"/>
      <c r="E305" s="1"/>
      <c r="F305" s="1"/>
      <c r="G305" s="1"/>
      <c r="H305" s="1"/>
      <c r="I305" s="1"/>
      <c r="J305" s="1"/>
      <c r="K305" s="1"/>
      <c r="L305" s="1"/>
      <c r="M305" s="1"/>
      <c r="N305" s="1"/>
      <c r="O305" s="1"/>
      <c r="P305" s="1"/>
      <c r="Q305" s="1"/>
      <c r="R305" s="1"/>
      <c r="S305" s="1"/>
      <c r="T305" s="1"/>
      <c r="U305" s="1"/>
      <c r="V305" s="1"/>
      <c r="W305" s="1"/>
      <c r="X305" s="1"/>
      <c r="Y305" s="1"/>
      <c r="Z305" s="1"/>
      <c r="AA305" s="1"/>
      <c r="AB305" s="1"/>
      <c r="AC305" s="1"/>
      <c r="AD305" s="1"/>
      <c r="AE305" s="1"/>
      <c r="AF305" s="1"/>
      <c r="AG305" s="1"/>
      <c r="AH305" s="1"/>
      <c r="AI305" s="1"/>
      <c r="AJ305" s="1"/>
      <c r="AK305" s="1"/>
    </row>
    <row r="306" spans="2:37" x14ac:dyDescent="0.2">
      <c r="B306" s="1"/>
      <c r="C306" s="1"/>
      <c r="D306" s="1"/>
      <c r="E306" s="1"/>
      <c r="F306" s="1"/>
      <c r="G306" s="1"/>
      <c r="H306" s="1"/>
      <c r="I306" s="1"/>
      <c r="J306" s="1"/>
      <c r="K306" s="1"/>
      <c r="L306" s="1"/>
      <c r="M306" s="1"/>
      <c r="N306" s="1"/>
      <c r="O306" s="1"/>
      <c r="P306" s="1"/>
      <c r="Q306" s="1"/>
      <c r="R306" s="1"/>
      <c r="S306" s="1"/>
      <c r="T306" s="1"/>
      <c r="U306" s="1"/>
      <c r="V306" s="1"/>
      <c r="W306" s="1"/>
      <c r="X306" s="1"/>
      <c r="Y306" s="1"/>
      <c r="Z306" s="1"/>
      <c r="AA306" s="1"/>
      <c r="AB306" s="1"/>
      <c r="AC306" s="1"/>
      <c r="AD306" s="1"/>
      <c r="AE306" s="1"/>
      <c r="AF306" s="1"/>
      <c r="AG306" s="1"/>
      <c r="AH306" s="1"/>
      <c r="AI306" s="1"/>
      <c r="AJ306" s="1"/>
      <c r="AK306" s="1"/>
    </row>
    <row r="307" spans="2:37" x14ac:dyDescent="0.2">
      <c r="B307" s="1"/>
      <c r="C307" s="1"/>
      <c r="D307" s="1"/>
      <c r="E307" s="1"/>
      <c r="F307" s="1"/>
      <c r="G307" s="1"/>
      <c r="H307" s="1"/>
      <c r="I307" s="1"/>
      <c r="J307" s="1"/>
      <c r="K307" s="1"/>
      <c r="L307" s="1"/>
      <c r="M307" s="1"/>
      <c r="N307" s="1"/>
      <c r="O307" s="1"/>
      <c r="P307" s="1"/>
      <c r="Q307" s="1"/>
      <c r="R307" s="1"/>
      <c r="S307" s="1"/>
      <c r="T307" s="1"/>
      <c r="U307" s="1"/>
      <c r="V307" s="1"/>
      <c r="W307" s="1"/>
      <c r="X307" s="1"/>
      <c r="Y307" s="1"/>
      <c r="Z307" s="1"/>
      <c r="AA307" s="1"/>
      <c r="AB307" s="1"/>
      <c r="AC307" s="1"/>
      <c r="AD307" s="1"/>
      <c r="AE307" s="1"/>
      <c r="AF307" s="1"/>
      <c r="AG307" s="1"/>
      <c r="AH307" s="1"/>
      <c r="AI307" s="1"/>
      <c r="AJ307" s="1"/>
      <c r="AK307" s="1"/>
    </row>
    <row r="308" spans="2:37" x14ac:dyDescent="0.2">
      <c r="B308" s="1"/>
      <c r="C308" s="1"/>
      <c r="D308" s="1"/>
      <c r="E308" s="1"/>
      <c r="F308" s="1"/>
      <c r="G308" s="1"/>
      <c r="H308" s="1"/>
      <c r="I308" s="1"/>
      <c r="J308" s="1"/>
      <c r="K308" s="1"/>
      <c r="L308" s="1"/>
      <c r="M308" s="1"/>
      <c r="N308" s="1"/>
      <c r="O308" s="1"/>
      <c r="P308" s="1"/>
      <c r="Q308" s="1"/>
      <c r="R308" s="1"/>
      <c r="S308" s="1"/>
      <c r="T308" s="1"/>
      <c r="U308" s="1"/>
      <c r="V308" s="1"/>
      <c r="W308" s="1"/>
      <c r="X308" s="1"/>
      <c r="Y308" s="1"/>
      <c r="Z308" s="1"/>
      <c r="AA308" s="1"/>
      <c r="AB308" s="1"/>
      <c r="AC308" s="1"/>
      <c r="AD308" s="1"/>
      <c r="AE308" s="1"/>
      <c r="AF308" s="1"/>
      <c r="AG308" s="1"/>
      <c r="AH308" s="1"/>
      <c r="AI308" s="1"/>
      <c r="AJ308" s="1"/>
      <c r="AK308" s="1"/>
    </row>
    <row r="309" spans="2:37" x14ac:dyDescent="0.2">
      <c r="B309" s="1"/>
      <c r="C309" s="1"/>
      <c r="D309" s="1"/>
      <c r="E309" s="1"/>
      <c r="F309" s="1"/>
      <c r="G309" s="1"/>
      <c r="H309" s="1"/>
      <c r="I309" s="1"/>
      <c r="J309" s="1"/>
      <c r="K309" s="1"/>
      <c r="L309" s="1"/>
      <c r="M309" s="1"/>
      <c r="N309" s="1"/>
      <c r="O309" s="1"/>
      <c r="P309" s="1"/>
      <c r="Q309" s="1"/>
      <c r="R309" s="1"/>
      <c r="S309" s="1"/>
      <c r="T309" s="1"/>
      <c r="U309" s="1"/>
      <c r="V309" s="1"/>
      <c r="W309" s="1"/>
      <c r="X309" s="1"/>
      <c r="Y309" s="1"/>
      <c r="Z309" s="1"/>
      <c r="AA309" s="1"/>
      <c r="AB309" s="1"/>
      <c r="AC309" s="1"/>
      <c r="AD309" s="1"/>
      <c r="AE309" s="1"/>
      <c r="AF309" s="1"/>
      <c r="AG309" s="1"/>
      <c r="AH309" s="1"/>
      <c r="AI309" s="1"/>
      <c r="AJ309" s="1"/>
      <c r="AK309" s="1"/>
    </row>
    <row r="310" spans="2:37" x14ac:dyDescent="0.2">
      <c r="B310" s="1"/>
      <c r="C310" s="1"/>
      <c r="D310" s="1"/>
      <c r="E310" s="1"/>
      <c r="F310" s="1"/>
      <c r="G310" s="1"/>
      <c r="H310" s="1"/>
      <c r="I310" s="1"/>
      <c r="J310" s="1"/>
      <c r="K310" s="1"/>
      <c r="L310" s="1"/>
      <c r="M310" s="1"/>
      <c r="N310" s="1"/>
      <c r="O310" s="1"/>
      <c r="P310" s="1"/>
      <c r="Q310" s="1"/>
      <c r="R310" s="1"/>
      <c r="S310" s="1"/>
      <c r="T310" s="1"/>
      <c r="U310" s="1"/>
      <c r="V310" s="1"/>
      <c r="W310" s="1"/>
      <c r="X310" s="1"/>
      <c r="Y310" s="1"/>
      <c r="Z310" s="1"/>
      <c r="AA310" s="1"/>
      <c r="AB310" s="1"/>
      <c r="AC310" s="1"/>
      <c r="AD310" s="1"/>
      <c r="AE310" s="1"/>
      <c r="AF310" s="1"/>
      <c r="AG310" s="1"/>
      <c r="AH310" s="1"/>
      <c r="AI310" s="1"/>
      <c r="AJ310" s="1"/>
      <c r="AK310" s="1"/>
    </row>
    <row r="311" spans="2:37" x14ac:dyDescent="0.2">
      <c r="B311" s="1"/>
      <c r="C311" s="1"/>
      <c r="D311" s="1"/>
      <c r="E311" s="1"/>
      <c r="F311" s="1"/>
      <c r="G311" s="1"/>
      <c r="H311" s="1"/>
      <c r="I311" s="1"/>
      <c r="J311" s="1"/>
      <c r="K311" s="1"/>
      <c r="L311" s="1"/>
      <c r="M311" s="1"/>
      <c r="N311" s="1"/>
      <c r="O311" s="1"/>
      <c r="P311" s="1"/>
      <c r="Q311" s="1"/>
      <c r="R311" s="1"/>
      <c r="S311" s="1"/>
      <c r="T311" s="1"/>
      <c r="U311" s="1"/>
      <c r="V311" s="1"/>
      <c r="W311" s="1"/>
      <c r="X311" s="1"/>
      <c r="Y311" s="1"/>
      <c r="Z311" s="1"/>
      <c r="AA311" s="1"/>
      <c r="AB311" s="1"/>
      <c r="AC311" s="1"/>
      <c r="AD311" s="1"/>
      <c r="AE311" s="1"/>
      <c r="AF311" s="1"/>
      <c r="AG311" s="1"/>
      <c r="AH311" s="1"/>
      <c r="AI311" s="1"/>
      <c r="AJ311" s="1"/>
      <c r="AK311" s="1"/>
    </row>
    <row r="312" spans="2:37" x14ac:dyDescent="0.2">
      <c r="B312" s="1"/>
      <c r="C312" s="1"/>
      <c r="D312" s="1"/>
      <c r="E312" s="1"/>
      <c r="F312" s="1"/>
      <c r="G312" s="1"/>
      <c r="H312" s="1"/>
      <c r="I312" s="1"/>
      <c r="J312" s="1"/>
      <c r="K312" s="1"/>
      <c r="L312" s="1"/>
      <c r="M312" s="1"/>
      <c r="N312" s="1"/>
      <c r="O312" s="1"/>
      <c r="P312" s="1"/>
      <c r="Q312" s="1"/>
      <c r="R312" s="1"/>
      <c r="S312" s="1"/>
      <c r="T312" s="1"/>
      <c r="U312" s="1"/>
      <c r="V312" s="1"/>
      <c r="W312" s="1"/>
      <c r="X312" s="1"/>
      <c r="Y312" s="1"/>
      <c r="Z312" s="1"/>
      <c r="AA312" s="1"/>
      <c r="AB312" s="1"/>
      <c r="AC312" s="1"/>
      <c r="AD312" s="1"/>
      <c r="AE312" s="1"/>
      <c r="AF312" s="1"/>
      <c r="AG312" s="1"/>
      <c r="AH312" s="1"/>
      <c r="AI312" s="1"/>
      <c r="AJ312" s="1"/>
      <c r="AK312" s="1"/>
    </row>
    <row r="313" spans="2:37" x14ac:dyDescent="0.2">
      <c r="B313" s="1"/>
      <c r="C313" s="1"/>
      <c r="D313" s="1"/>
      <c r="E313" s="1"/>
      <c r="F313" s="1"/>
      <c r="G313" s="1"/>
      <c r="H313" s="1"/>
      <c r="I313" s="1"/>
      <c r="J313" s="1"/>
      <c r="K313" s="1"/>
      <c r="L313" s="1"/>
      <c r="M313" s="1"/>
      <c r="N313" s="1"/>
      <c r="O313" s="1"/>
      <c r="P313" s="1"/>
      <c r="Q313" s="1"/>
      <c r="R313" s="1"/>
      <c r="S313" s="1"/>
      <c r="T313" s="1"/>
      <c r="U313" s="1"/>
      <c r="V313" s="1"/>
      <c r="W313" s="1"/>
      <c r="X313" s="1"/>
      <c r="Y313" s="1"/>
      <c r="Z313" s="1"/>
      <c r="AA313" s="1"/>
      <c r="AB313" s="1"/>
      <c r="AC313" s="1"/>
      <c r="AD313" s="1"/>
      <c r="AE313" s="1"/>
      <c r="AF313" s="1"/>
      <c r="AG313" s="1"/>
      <c r="AH313" s="1"/>
      <c r="AI313" s="1"/>
      <c r="AJ313" s="1"/>
      <c r="AK313" s="1"/>
    </row>
    <row r="314" spans="2:37" x14ac:dyDescent="0.2">
      <c r="B314" s="1"/>
      <c r="C314" s="1"/>
      <c r="D314" s="1"/>
      <c r="E314" s="1"/>
      <c r="F314" s="1"/>
      <c r="G314" s="1"/>
      <c r="H314" s="1"/>
      <c r="I314" s="1"/>
      <c r="J314" s="1"/>
      <c r="K314" s="1"/>
      <c r="L314" s="1"/>
      <c r="M314" s="1"/>
      <c r="N314" s="1"/>
      <c r="O314" s="1"/>
      <c r="P314" s="1"/>
      <c r="Q314" s="1"/>
      <c r="R314" s="1"/>
      <c r="S314" s="1"/>
      <c r="T314" s="1"/>
      <c r="U314" s="1"/>
      <c r="V314" s="1"/>
      <c r="W314" s="1"/>
      <c r="X314" s="1"/>
      <c r="Y314" s="1"/>
      <c r="Z314" s="1"/>
      <c r="AA314" s="1"/>
      <c r="AB314" s="1"/>
      <c r="AC314" s="1"/>
      <c r="AD314" s="1"/>
      <c r="AE314" s="1"/>
      <c r="AF314" s="1"/>
      <c r="AG314" s="1"/>
      <c r="AH314" s="1"/>
      <c r="AI314" s="1"/>
      <c r="AJ314" s="1"/>
      <c r="AK314" s="1"/>
    </row>
    <row r="315" spans="2:37" x14ac:dyDescent="0.2">
      <c r="B315" s="1"/>
      <c r="C315" s="1"/>
      <c r="D315" s="1"/>
      <c r="E315" s="1"/>
      <c r="F315" s="1"/>
      <c r="G315" s="1"/>
      <c r="H315" s="1"/>
      <c r="I315" s="1"/>
      <c r="J315" s="1"/>
      <c r="K315" s="1"/>
      <c r="L315" s="1"/>
      <c r="M315" s="1"/>
      <c r="N315" s="1"/>
      <c r="O315" s="1"/>
      <c r="P315" s="1"/>
      <c r="Q315" s="1"/>
      <c r="R315" s="1"/>
      <c r="S315" s="1"/>
      <c r="T315" s="1"/>
      <c r="U315" s="1"/>
      <c r="V315" s="1"/>
      <c r="W315" s="1"/>
      <c r="X315" s="1"/>
      <c r="Y315" s="1"/>
      <c r="Z315" s="1"/>
      <c r="AA315" s="1"/>
      <c r="AB315" s="1"/>
      <c r="AC315" s="1"/>
      <c r="AD315" s="1"/>
      <c r="AE315" s="1"/>
      <c r="AF315" s="1"/>
      <c r="AG315" s="1"/>
      <c r="AH315" s="1"/>
      <c r="AI315" s="1"/>
      <c r="AJ315" s="1"/>
      <c r="AK315" s="1"/>
    </row>
    <row r="316" spans="2:37" x14ac:dyDescent="0.2">
      <c r="B316" s="1"/>
      <c r="C316" s="1"/>
      <c r="D316" s="1"/>
      <c r="E316" s="1"/>
      <c r="F316" s="1"/>
      <c r="G316" s="1"/>
      <c r="H316" s="1"/>
      <c r="I316" s="1"/>
      <c r="J316" s="1"/>
      <c r="K316" s="1"/>
      <c r="L316" s="1"/>
      <c r="M316" s="1"/>
      <c r="N316" s="1"/>
      <c r="O316" s="1"/>
      <c r="P316" s="1"/>
      <c r="Q316" s="1"/>
      <c r="R316" s="1"/>
      <c r="S316" s="1"/>
      <c r="T316" s="1"/>
      <c r="U316" s="1"/>
      <c r="V316" s="1"/>
      <c r="W316" s="1"/>
      <c r="X316" s="1"/>
      <c r="Y316" s="1"/>
      <c r="Z316" s="1"/>
      <c r="AA316" s="1"/>
      <c r="AB316" s="1"/>
      <c r="AC316" s="1"/>
      <c r="AD316" s="1"/>
      <c r="AE316" s="1"/>
      <c r="AF316" s="1"/>
      <c r="AG316" s="1"/>
      <c r="AH316" s="1"/>
      <c r="AI316" s="1"/>
      <c r="AJ316" s="1"/>
      <c r="AK316" s="1"/>
    </row>
    <row r="317" spans="2:37" x14ac:dyDescent="0.2">
      <c r="B317" s="1"/>
      <c r="C317" s="1"/>
      <c r="D317" s="1"/>
      <c r="E317" s="1"/>
      <c r="F317" s="1"/>
      <c r="G317" s="1"/>
      <c r="H317" s="1"/>
      <c r="I317" s="1"/>
      <c r="J317" s="1"/>
      <c r="K317" s="1"/>
      <c r="L317" s="1"/>
      <c r="M317" s="1"/>
      <c r="N317" s="1"/>
      <c r="O317" s="1"/>
      <c r="P317" s="1"/>
      <c r="Q317" s="1"/>
      <c r="R317" s="1"/>
      <c r="S317" s="1"/>
      <c r="T317" s="1"/>
      <c r="U317" s="1"/>
      <c r="V317" s="1"/>
      <c r="W317" s="1"/>
      <c r="X317" s="1"/>
      <c r="Y317" s="1"/>
      <c r="Z317" s="1"/>
      <c r="AA317" s="1"/>
      <c r="AB317" s="1"/>
      <c r="AC317" s="1"/>
      <c r="AD317" s="1"/>
      <c r="AE317" s="1"/>
      <c r="AF317" s="1"/>
      <c r="AG317" s="1"/>
      <c r="AH317" s="1"/>
      <c r="AI317" s="1"/>
      <c r="AJ317" s="1"/>
      <c r="AK317" s="1"/>
    </row>
    <row r="318" spans="2:37" x14ac:dyDescent="0.2">
      <c r="B318" s="1"/>
      <c r="C318" s="1"/>
      <c r="D318" s="1"/>
      <c r="E318" s="1"/>
      <c r="F318" s="1"/>
      <c r="G318" s="1"/>
      <c r="H318" s="1"/>
      <c r="I318" s="1"/>
      <c r="J318" s="1"/>
      <c r="K318" s="1"/>
      <c r="L318" s="1"/>
      <c r="M318" s="1"/>
      <c r="N318" s="1"/>
      <c r="O318" s="1"/>
      <c r="P318" s="1"/>
      <c r="Q318" s="1"/>
      <c r="R318" s="1"/>
      <c r="S318" s="1"/>
      <c r="T318" s="1"/>
      <c r="U318" s="1"/>
      <c r="V318" s="1"/>
      <c r="W318" s="1"/>
      <c r="X318" s="1"/>
      <c r="Y318" s="1"/>
      <c r="Z318" s="1"/>
      <c r="AA318" s="1"/>
      <c r="AB318" s="1"/>
      <c r="AC318" s="1"/>
      <c r="AD318" s="1"/>
      <c r="AE318" s="1"/>
      <c r="AF318" s="1"/>
      <c r="AG318" s="1"/>
      <c r="AH318" s="1"/>
      <c r="AI318" s="1"/>
      <c r="AJ318" s="1"/>
      <c r="AK318" s="1"/>
    </row>
    <row r="319" spans="2:37" x14ac:dyDescent="0.2">
      <c r="B319" s="1"/>
      <c r="C319" s="1"/>
      <c r="D319" s="1"/>
      <c r="E319" s="1"/>
      <c r="F319" s="1"/>
      <c r="G319" s="1"/>
      <c r="H319" s="1"/>
      <c r="I319" s="1"/>
      <c r="J319" s="1"/>
      <c r="K319" s="1"/>
      <c r="L319" s="1"/>
      <c r="M319" s="1"/>
      <c r="N319" s="1"/>
      <c r="O319" s="1"/>
      <c r="P319" s="1"/>
      <c r="Q319" s="1"/>
      <c r="R319" s="1"/>
      <c r="S319" s="1"/>
      <c r="T319" s="1"/>
      <c r="U319" s="1"/>
      <c r="V319" s="1"/>
      <c r="W319" s="1"/>
      <c r="X319" s="1"/>
      <c r="Y319" s="1"/>
      <c r="Z319" s="1"/>
      <c r="AA319" s="1"/>
      <c r="AB319" s="1"/>
      <c r="AC319" s="1"/>
      <c r="AD319" s="1"/>
      <c r="AE319" s="1"/>
      <c r="AF319" s="1"/>
      <c r="AG319" s="1"/>
      <c r="AH319" s="1"/>
      <c r="AI319" s="1"/>
      <c r="AJ319" s="1"/>
      <c r="AK319" s="1"/>
    </row>
    <row r="320" spans="2:37" x14ac:dyDescent="0.2">
      <c r="B320" s="1"/>
      <c r="C320" s="1"/>
      <c r="D320" s="1"/>
      <c r="E320" s="1"/>
      <c r="F320" s="1"/>
      <c r="G320" s="1"/>
      <c r="H320" s="1"/>
      <c r="I320" s="1"/>
      <c r="J320" s="1"/>
      <c r="K320" s="1"/>
      <c r="L320" s="1"/>
      <c r="M320" s="1"/>
      <c r="N320" s="1"/>
      <c r="O320" s="1"/>
      <c r="P320" s="1"/>
      <c r="Q320" s="1"/>
      <c r="R320" s="1"/>
      <c r="S320" s="1"/>
      <c r="T320" s="1"/>
      <c r="U320" s="1"/>
      <c r="V320" s="1"/>
      <c r="W320" s="1"/>
      <c r="X320" s="1"/>
      <c r="Y320" s="1"/>
      <c r="Z320" s="1"/>
      <c r="AA320" s="1"/>
      <c r="AB320" s="1"/>
      <c r="AC320" s="1"/>
      <c r="AD320" s="1"/>
      <c r="AE320" s="1"/>
      <c r="AF320" s="1"/>
      <c r="AG320" s="1"/>
      <c r="AH320" s="1"/>
      <c r="AI320" s="1"/>
      <c r="AJ320" s="1"/>
      <c r="AK320" s="1"/>
    </row>
    <row r="321" spans="2:37" x14ac:dyDescent="0.2">
      <c r="B321" s="1"/>
      <c r="C321" s="1"/>
      <c r="D321" s="1"/>
      <c r="E321" s="1"/>
      <c r="F321" s="1"/>
      <c r="G321" s="1"/>
      <c r="H321" s="1"/>
      <c r="I321" s="1"/>
      <c r="J321" s="1"/>
      <c r="K321" s="1"/>
      <c r="L321" s="1"/>
      <c r="M321" s="1"/>
      <c r="N321" s="1"/>
      <c r="O321" s="1"/>
      <c r="P321" s="1"/>
      <c r="Q321" s="1"/>
      <c r="R321" s="1"/>
      <c r="S321" s="1"/>
      <c r="T321" s="1"/>
      <c r="U321" s="1"/>
      <c r="V321" s="1"/>
      <c r="W321" s="1"/>
      <c r="X321" s="1"/>
      <c r="Y321" s="1"/>
      <c r="Z321" s="1"/>
      <c r="AA321" s="1"/>
      <c r="AB321" s="1"/>
      <c r="AC321" s="1"/>
      <c r="AD321" s="1"/>
      <c r="AE321" s="1"/>
      <c r="AF321" s="1"/>
      <c r="AG321" s="1"/>
      <c r="AH321" s="1"/>
      <c r="AI321" s="1"/>
      <c r="AJ321" s="1"/>
      <c r="AK321" s="1"/>
    </row>
    <row r="322" spans="2:37" x14ac:dyDescent="0.2">
      <c r="B322" s="1"/>
      <c r="C322" s="1"/>
      <c r="D322" s="1"/>
      <c r="E322" s="1"/>
      <c r="F322" s="1"/>
      <c r="G322" s="1"/>
      <c r="H322" s="1"/>
      <c r="I322" s="1"/>
      <c r="J322" s="1"/>
      <c r="K322" s="1"/>
      <c r="L322" s="1"/>
      <c r="M322" s="1"/>
      <c r="N322" s="1"/>
      <c r="O322" s="1"/>
      <c r="P322" s="1"/>
      <c r="Q322" s="1"/>
      <c r="R322" s="1"/>
      <c r="S322" s="1"/>
      <c r="T322" s="1"/>
      <c r="U322" s="1"/>
      <c r="V322" s="1"/>
      <c r="W322" s="1"/>
      <c r="X322" s="1"/>
      <c r="Y322" s="1"/>
      <c r="Z322" s="1"/>
      <c r="AA322" s="1"/>
      <c r="AB322" s="1"/>
      <c r="AC322" s="1"/>
      <c r="AD322" s="1"/>
      <c r="AE322" s="1"/>
      <c r="AF322" s="1"/>
      <c r="AG322" s="1"/>
      <c r="AH322" s="1"/>
      <c r="AI322" s="1"/>
      <c r="AJ322" s="1"/>
      <c r="AK322" s="1"/>
    </row>
    <row r="323" spans="2:37" x14ac:dyDescent="0.2">
      <c r="B323" s="1"/>
      <c r="C323" s="1"/>
      <c r="D323" s="1"/>
      <c r="E323" s="1"/>
      <c r="F323" s="1"/>
      <c r="G323" s="1"/>
      <c r="H323" s="1"/>
      <c r="I323" s="1"/>
      <c r="J323" s="1"/>
      <c r="K323" s="1"/>
      <c r="L323" s="1"/>
      <c r="M323" s="1"/>
      <c r="N323" s="1"/>
      <c r="O323" s="1"/>
      <c r="P323" s="1"/>
      <c r="Q323" s="1"/>
      <c r="R323" s="1"/>
      <c r="S323" s="1"/>
      <c r="T323" s="1"/>
      <c r="U323" s="1"/>
      <c r="V323" s="1"/>
      <c r="W323" s="1"/>
      <c r="X323" s="1"/>
      <c r="Y323" s="1"/>
      <c r="Z323" s="1"/>
      <c r="AA323" s="1"/>
      <c r="AB323" s="1"/>
      <c r="AC323" s="1"/>
      <c r="AD323" s="1"/>
      <c r="AE323" s="1"/>
      <c r="AF323" s="1"/>
      <c r="AG323" s="1"/>
      <c r="AH323" s="1"/>
      <c r="AI323" s="1"/>
      <c r="AJ323" s="1"/>
      <c r="AK323" s="1"/>
    </row>
    <row r="324" spans="2:37" x14ac:dyDescent="0.2">
      <c r="B324" s="1"/>
      <c r="C324" s="1"/>
      <c r="D324" s="1"/>
      <c r="E324" s="1"/>
      <c r="F324" s="1"/>
      <c r="G324" s="1"/>
      <c r="H324" s="1"/>
      <c r="I324" s="1"/>
      <c r="J324" s="1"/>
      <c r="K324" s="1"/>
      <c r="L324" s="1"/>
      <c r="M324" s="1"/>
      <c r="N324" s="1"/>
      <c r="O324" s="1"/>
      <c r="P324" s="1"/>
      <c r="Q324" s="1"/>
      <c r="R324" s="1"/>
      <c r="S324" s="1"/>
      <c r="T324" s="1"/>
      <c r="U324" s="1"/>
      <c r="V324" s="1"/>
      <c r="W324" s="1"/>
      <c r="X324" s="1"/>
      <c r="Y324" s="1"/>
      <c r="Z324" s="1"/>
      <c r="AA324" s="1"/>
      <c r="AB324" s="1"/>
      <c r="AC324" s="1"/>
      <c r="AD324" s="1"/>
      <c r="AE324" s="1"/>
      <c r="AF324" s="1"/>
      <c r="AG324" s="1"/>
      <c r="AH324" s="1"/>
      <c r="AI324" s="1"/>
      <c r="AJ324" s="1"/>
      <c r="AK324" s="1"/>
    </row>
    <row r="325" spans="2:37" x14ac:dyDescent="0.2">
      <c r="B325" s="1"/>
      <c r="C325" s="1"/>
      <c r="D325" s="1"/>
      <c r="E325" s="1"/>
      <c r="F325" s="1"/>
      <c r="G325" s="1"/>
      <c r="H325" s="1"/>
      <c r="I325" s="1"/>
      <c r="J325" s="1"/>
      <c r="K325" s="1"/>
      <c r="L325" s="1"/>
      <c r="M325" s="1"/>
      <c r="N325" s="1"/>
      <c r="O325" s="1"/>
      <c r="P325" s="1"/>
      <c r="Q325" s="1"/>
      <c r="R325" s="1"/>
      <c r="S325" s="1"/>
      <c r="T325" s="1"/>
      <c r="U325" s="1"/>
      <c r="V325" s="1"/>
      <c r="W325" s="1"/>
      <c r="X325" s="1"/>
      <c r="Y325" s="1"/>
      <c r="Z325" s="1"/>
      <c r="AA325" s="1"/>
      <c r="AB325" s="1"/>
      <c r="AC325" s="1"/>
      <c r="AD325" s="1"/>
      <c r="AE325" s="1"/>
      <c r="AF325" s="1"/>
      <c r="AG325" s="1"/>
      <c r="AH325" s="1"/>
      <c r="AI325" s="1"/>
      <c r="AJ325" s="1"/>
      <c r="AK325" s="1"/>
    </row>
    <row r="326" spans="2:37" x14ac:dyDescent="0.2">
      <c r="B326" s="1"/>
      <c r="C326" s="1"/>
      <c r="D326" s="1"/>
      <c r="E326" s="1"/>
      <c r="F326" s="1"/>
      <c r="G326" s="1"/>
      <c r="H326" s="1"/>
      <c r="I326" s="1"/>
      <c r="J326" s="1"/>
      <c r="K326" s="1"/>
      <c r="L326" s="1"/>
      <c r="M326" s="1"/>
      <c r="N326" s="1"/>
      <c r="O326" s="1"/>
      <c r="P326" s="1"/>
      <c r="Q326" s="1"/>
      <c r="R326" s="1"/>
      <c r="S326" s="1"/>
      <c r="T326" s="1"/>
      <c r="U326" s="1"/>
      <c r="V326" s="1"/>
      <c r="W326" s="1"/>
      <c r="X326" s="1"/>
      <c r="Y326" s="1"/>
      <c r="Z326" s="1"/>
      <c r="AA326" s="1"/>
      <c r="AB326" s="1"/>
      <c r="AC326" s="1"/>
      <c r="AD326" s="1"/>
      <c r="AE326" s="1"/>
      <c r="AF326" s="1"/>
      <c r="AG326" s="1"/>
      <c r="AH326" s="1"/>
      <c r="AI326" s="1"/>
      <c r="AJ326" s="1"/>
      <c r="AK326" s="1"/>
    </row>
    <row r="327" spans="2:37" x14ac:dyDescent="0.2">
      <c r="B327" s="1"/>
      <c r="C327" s="1"/>
      <c r="D327" s="1"/>
      <c r="E327" s="1"/>
      <c r="F327" s="1"/>
      <c r="G327" s="1"/>
      <c r="H327" s="1"/>
      <c r="I327" s="1"/>
      <c r="J327" s="1"/>
      <c r="K327" s="1"/>
      <c r="L327" s="1"/>
      <c r="M327" s="1"/>
      <c r="N327" s="1"/>
      <c r="O327" s="1"/>
      <c r="P327" s="1"/>
      <c r="Q327" s="1"/>
      <c r="R327" s="1"/>
      <c r="S327" s="1"/>
      <c r="T327" s="1"/>
      <c r="U327" s="1"/>
      <c r="V327" s="1"/>
      <c r="W327" s="1"/>
      <c r="X327" s="1"/>
      <c r="Y327" s="1"/>
      <c r="Z327" s="1"/>
      <c r="AA327" s="1"/>
      <c r="AB327" s="1"/>
      <c r="AC327" s="1"/>
      <c r="AD327" s="1"/>
      <c r="AE327" s="1"/>
      <c r="AF327" s="1"/>
      <c r="AG327" s="1"/>
      <c r="AH327" s="1"/>
      <c r="AI327" s="1"/>
      <c r="AJ327" s="1"/>
      <c r="AK327" s="1"/>
    </row>
    <row r="328" spans="2:37" x14ac:dyDescent="0.2">
      <c r="B328" s="1"/>
      <c r="C328" s="1"/>
      <c r="D328" s="1"/>
      <c r="E328" s="1"/>
      <c r="F328" s="1"/>
      <c r="G328" s="1"/>
      <c r="H328" s="1"/>
      <c r="I328" s="1"/>
      <c r="J328" s="1"/>
      <c r="K328" s="1"/>
      <c r="L328" s="1"/>
      <c r="M328" s="1"/>
      <c r="N328" s="1"/>
      <c r="O328" s="1"/>
      <c r="P328" s="1"/>
      <c r="Q328" s="1"/>
      <c r="R328" s="1"/>
      <c r="S328" s="1"/>
      <c r="T328" s="1"/>
      <c r="U328" s="1"/>
      <c r="V328" s="1"/>
      <c r="W328" s="1"/>
      <c r="X328" s="1"/>
      <c r="Y328" s="1"/>
      <c r="Z328" s="1"/>
      <c r="AA328" s="1"/>
      <c r="AB328" s="1"/>
      <c r="AC328" s="1"/>
      <c r="AD328" s="1"/>
      <c r="AE328" s="1"/>
      <c r="AF328" s="1"/>
      <c r="AG328" s="1"/>
      <c r="AH328" s="1"/>
      <c r="AI328" s="1"/>
      <c r="AJ328" s="1"/>
      <c r="AK328" s="1"/>
    </row>
    <row r="329" spans="2:37" x14ac:dyDescent="0.2">
      <c r="B329" s="1"/>
      <c r="C329" s="1"/>
      <c r="D329" s="1"/>
      <c r="E329" s="1"/>
      <c r="F329" s="1"/>
      <c r="G329" s="1"/>
      <c r="H329" s="1"/>
      <c r="I329" s="1"/>
      <c r="J329" s="1"/>
      <c r="K329" s="1"/>
      <c r="L329" s="1"/>
      <c r="M329" s="1"/>
      <c r="N329" s="1"/>
      <c r="O329" s="1"/>
      <c r="P329" s="1"/>
      <c r="Q329" s="1"/>
      <c r="R329" s="1"/>
      <c r="S329" s="1"/>
      <c r="T329" s="1"/>
      <c r="U329" s="1"/>
      <c r="V329" s="1"/>
      <c r="W329" s="1"/>
      <c r="X329" s="1"/>
      <c r="Y329" s="1"/>
      <c r="Z329" s="1"/>
      <c r="AA329" s="1"/>
      <c r="AB329" s="1"/>
      <c r="AC329" s="1"/>
      <c r="AD329" s="1"/>
      <c r="AE329" s="1"/>
      <c r="AF329" s="1"/>
      <c r="AG329" s="1"/>
      <c r="AH329" s="1"/>
      <c r="AI329" s="1"/>
      <c r="AJ329" s="1"/>
      <c r="AK329" s="1"/>
    </row>
    <row r="330" spans="2:37" x14ac:dyDescent="0.2">
      <c r="B330" s="1"/>
      <c r="C330" s="1"/>
      <c r="D330" s="1"/>
      <c r="E330" s="1"/>
      <c r="F330" s="1"/>
      <c r="G330" s="1"/>
      <c r="H330" s="1"/>
      <c r="I330" s="1"/>
      <c r="J330" s="1"/>
      <c r="K330" s="1"/>
      <c r="L330" s="1"/>
      <c r="M330" s="1"/>
      <c r="N330" s="1"/>
      <c r="O330" s="1"/>
      <c r="P330" s="1"/>
      <c r="Q330" s="1"/>
      <c r="R330" s="1"/>
      <c r="S330" s="1"/>
      <c r="T330" s="1"/>
      <c r="U330" s="1"/>
      <c r="V330" s="1"/>
      <c r="W330" s="1"/>
      <c r="X330" s="1"/>
      <c r="Y330" s="1"/>
      <c r="Z330" s="1"/>
      <c r="AA330" s="1"/>
      <c r="AB330" s="1"/>
      <c r="AC330" s="1"/>
      <c r="AD330" s="1"/>
      <c r="AE330" s="1"/>
      <c r="AF330" s="1"/>
      <c r="AG330" s="1"/>
      <c r="AH330" s="1"/>
      <c r="AI330" s="1"/>
      <c r="AJ330" s="1"/>
      <c r="AK330" s="1"/>
    </row>
    <row r="331" spans="2:37" x14ac:dyDescent="0.2">
      <c r="B331" s="1"/>
      <c r="C331" s="1"/>
      <c r="D331" s="1"/>
      <c r="E331" s="1"/>
      <c r="F331" s="1"/>
      <c r="G331" s="1"/>
      <c r="H331" s="1"/>
      <c r="I331" s="1"/>
      <c r="J331" s="1"/>
      <c r="K331" s="1"/>
      <c r="L331" s="1"/>
      <c r="M331" s="1"/>
      <c r="N331" s="1"/>
      <c r="O331" s="1"/>
      <c r="P331" s="1"/>
      <c r="Q331" s="1"/>
      <c r="R331" s="1"/>
      <c r="S331" s="1"/>
      <c r="T331" s="1"/>
      <c r="U331" s="1"/>
      <c r="V331" s="1"/>
      <c r="W331" s="1"/>
      <c r="X331" s="1"/>
      <c r="Y331" s="1"/>
      <c r="Z331" s="1"/>
      <c r="AA331" s="1"/>
      <c r="AB331" s="1"/>
      <c r="AC331" s="1"/>
      <c r="AD331" s="1"/>
      <c r="AE331" s="1"/>
      <c r="AF331" s="1"/>
      <c r="AG331" s="1"/>
      <c r="AH331" s="1"/>
      <c r="AI331" s="1"/>
      <c r="AJ331" s="1"/>
      <c r="AK331" s="1"/>
    </row>
    <row r="332" spans="2:37" x14ac:dyDescent="0.2">
      <c r="B332" s="1"/>
      <c r="C332" s="1"/>
      <c r="D332" s="1"/>
      <c r="E332" s="1"/>
      <c r="F332" s="1"/>
      <c r="G332" s="1"/>
      <c r="H332" s="1"/>
      <c r="I332" s="1"/>
      <c r="J332" s="1"/>
      <c r="K332" s="1"/>
      <c r="L332" s="1"/>
      <c r="M332" s="1"/>
      <c r="N332" s="1"/>
      <c r="O332" s="1"/>
      <c r="P332" s="1"/>
      <c r="Q332" s="1"/>
      <c r="R332" s="1"/>
      <c r="S332" s="1"/>
      <c r="T332" s="1"/>
      <c r="U332" s="1"/>
      <c r="V332" s="1"/>
      <c r="W332" s="1"/>
      <c r="X332" s="1"/>
      <c r="Y332" s="1"/>
      <c r="Z332" s="1"/>
      <c r="AA332" s="1"/>
      <c r="AB332" s="1"/>
      <c r="AC332" s="1"/>
      <c r="AD332" s="1"/>
      <c r="AE332" s="1"/>
      <c r="AF332" s="1"/>
      <c r="AG332" s="1"/>
      <c r="AH332" s="1"/>
      <c r="AI332" s="1"/>
      <c r="AJ332" s="1"/>
      <c r="AK332" s="1"/>
    </row>
    <row r="333" spans="2:37" x14ac:dyDescent="0.2">
      <c r="B333" s="1"/>
      <c r="C333" s="1"/>
      <c r="D333" s="1"/>
      <c r="E333" s="1"/>
      <c r="F333" s="1"/>
      <c r="G333" s="1"/>
      <c r="H333" s="1"/>
      <c r="I333" s="1"/>
      <c r="J333" s="1"/>
      <c r="K333" s="1"/>
      <c r="L333" s="1"/>
      <c r="M333" s="1"/>
      <c r="N333" s="1"/>
      <c r="O333" s="1"/>
      <c r="P333" s="1"/>
      <c r="Q333" s="1"/>
      <c r="R333" s="1"/>
      <c r="S333" s="1"/>
      <c r="T333" s="1"/>
      <c r="U333" s="1"/>
      <c r="V333" s="1"/>
      <c r="W333" s="1"/>
      <c r="X333" s="1"/>
      <c r="Y333" s="1"/>
      <c r="Z333" s="1"/>
      <c r="AA333" s="1"/>
      <c r="AB333" s="1"/>
      <c r="AC333" s="1"/>
      <c r="AD333" s="1"/>
      <c r="AE333" s="1"/>
      <c r="AF333" s="1"/>
      <c r="AG333" s="1"/>
      <c r="AH333" s="1"/>
      <c r="AI333" s="1"/>
      <c r="AJ333" s="1"/>
      <c r="AK333" s="1"/>
    </row>
    <row r="334" spans="2:37" x14ac:dyDescent="0.2">
      <c r="B334" s="1"/>
      <c r="C334" s="1"/>
      <c r="D334" s="1"/>
      <c r="E334" s="1"/>
      <c r="F334" s="1"/>
      <c r="G334" s="1"/>
      <c r="H334" s="1"/>
      <c r="I334" s="1"/>
      <c r="J334" s="1"/>
      <c r="K334" s="1"/>
      <c r="L334" s="1"/>
      <c r="M334" s="1"/>
      <c r="N334" s="1"/>
      <c r="O334" s="1"/>
      <c r="P334" s="1"/>
      <c r="Q334" s="1"/>
      <c r="R334" s="1"/>
      <c r="S334" s="1"/>
      <c r="T334" s="1"/>
      <c r="U334" s="1"/>
      <c r="V334" s="1"/>
      <c r="W334" s="1"/>
      <c r="X334" s="1"/>
      <c r="Y334" s="1"/>
      <c r="Z334" s="1"/>
      <c r="AA334" s="1"/>
      <c r="AB334" s="1"/>
      <c r="AC334" s="1"/>
      <c r="AD334" s="1"/>
      <c r="AE334" s="1"/>
      <c r="AF334" s="1"/>
      <c r="AG334" s="1"/>
      <c r="AH334" s="1"/>
      <c r="AI334" s="1"/>
      <c r="AJ334" s="1"/>
      <c r="AK334" s="1"/>
    </row>
    <row r="335" spans="2:37" x14ac:dyDescent="0.2">
      <c r="B335" s="1"/>
      <c r="C335" s="1"/>
      <c r="D335" s="1"/>
      <c r="E335" s="1"/>
      <c r="F335" s="1"/>
      <c r="G335" s="1"/>
      <c r="H335" s="1"/>
      <c r="I335" s="1"/>
      <c r="J335" s="1"/>
      <c r="K335" s="1"/>
      <c r="L335" s="1"/>
      <c r="M335" s="1"/>
      <c r="N335" s="1"/>
      <c r="O335" s="1"/>
      <c r="P335" s="1"/>
      <c r="Q335" s="1"/>
      <c r="R335" s="1"/>
      <c r="S335" s="1"/>
      <c r="T335" s="1"/>
      <c r="U335" s="1"/>
      <c r="V335" s="1"/>
      <c r="W335" s="1"/>
      <c r="X335" s="1"/>
      <c r="Y335" s="1"/>
      <c r="Z335" s="1"/>
      <c r="AA335" s="1"/>
      <c r="AB335" s="1"/>
      <c r="AC335" s="1"/>
      <c r="AD335" s="1"/>
      <c r="AE335" s="1"/>
      <c r="AF335" s="1"/>
      <c r="AG335" s="1"/>
      <c r="AH335" s="1"/>
      <c r="AI335" s="1"/>
      <c r="AJ335" s="1"/>
      <c r="AK335" s="1"/>
    </row>
    <row r="336" spans="2:37" x14ac:dyDescent="0.2">
      <c r="B336" s="1"/>
      <c r="C336" s="1"/>
      <c r="D336" s="1"/>
      <c r="E336" s="1"/>
      <c r="F336" s="1"/>
      <c r="G336" s="1"/>
      <c r="H336" s="1"/>
      <c r="I336" s="1"/>
      <c r="J336" s="1"/>
      <c r="K336" s="1"/>
      <c r="L336" s="1"/>
      <c r="M336" s="1"/>
      <c r="N336" s="1"/>
      <c r="O336" s="1"/>
      <c r="P336" s="1"/>
      <c r="Q336" s="1"/>
      <c r="R336" s="1"/>
      <c r="S336" s="1"/>
      <c r="T336" s="1"/>
      <c r="U336" s="1"/>
      <c r="V336" s="1"/>
      <c r="W336" s="1"/>
      <c r="X336" s="1"/>
      <c r="Y336" s="1"/>
      <c r="Z336" s="1"/>
      <c r="AA336" s="1"/>
      <c r="AB336" s="1"/>
      <c r="AC336" s="1"/>
      <c r="AD336" s="1"/>
      <c r="AE336" s="1"/>
      <c r="AF336" s="1"/>
      <c r="AG336" s="1"/>
      <c r="AH336" s="1"/>
      <c r="AI336" s="1"/>
      <c r="AJ336" s="1"/>
      <c r="AK336" s="1"/>
    </row>
    <row r="337" spans="2:37" x14ac:dyDescent="0.2">
      <c r="B337" s="1"/>
      <c r="C337" s="1"/>
      <c r="D337" s="1"/>
      <c r="E337" s="1"/>
      <c r="F337" s="1"/>
      <c r="G337" s="1"/>
      <c r="H337" s="1"/>
      <c r="I337" s="1"/>
      <c r="J337" s="1"/>
      <c r="K337" s="1"/>
      <c r="L337" s="1"/>
      <c r="M337" s="1"/>
      <c r="N337" s="1"/>
      <c r="O337" s="1"/>
      <c r="P337" s="1"/>
      <c r="Q337" s="1"/>
      <c r="R337" s="1"/>
      <c r="S337" s="1"/>
      <c r="T337" s="1"/>
      <c r="U337" s="1"/>
      <c r="V337" s="1"/>
      <c r="W337" s="1"/>
      <c r="X337" s="1"/>
      <c r="Y337" s="1"/>
      <c r="Z337" s="1"/>
      <c r="AA337" s="1"/>
      <c r="AB337" s="1"/>
      <c r="AC337" s="1"/>
      <c r="AD337" s="1"/>
      <c r="AE337" s="1"/>
      <c r="AF337" s="1"/>
      <c r="AG337" s="1"/>
      <c r="AH337" s="1"/>
      <c r="AI337" s="1"/>
      <c r="AJ337" s="1"/>
      <c r="AK337" s="1"/>
    </row>
    <row r="338" spans="2:37" x14ac:dyDescent="0.2">
      <c r="B338" s="1"/>
      <c r="C338" s="1"/>
      <c r="D338" s="1"/>
      <c r="E338" s="1"/>
      <c r="F338" s="1"/>
      <c r="G338" s="1"/>
      <c r="H338" s="1"/>
      <c r="I338" s="1"/>
      <c r="J338" s="1"/>
      <c r="K338" s="1"/>
      <c r="L338" s="1"/>
      <c r="M338" s="1"/>
      <c r="N338" s="1"/>
      <c r="O338" s="1"/>
      <c r="P338" s="1"/>
      <c r="Q338" s="1"/>
      <c r="R338" s="1"/>
      <c r="S338" s="1"/>
      <c r="T338" s="1"/>
      <c r="U338" s="1"/>
      <c r="V338" s="1"/>
      <c r="W338" s="1"/>
      <c r="X338" s="1"/>
      <c r="Y338" s="1"/>
      <c r="Z338" s="1"/>
      <c r="AA338" s="1"/>
      <c r="AB338" s="1"/>
      <c r="AC338" s="1"/>
      <c r="AD338" s="1"/>
      <c r="AE338" s="1"/>
      <c r="AF338" s="1"/>
      <c r="AG338" s="1"/>
      <c r="AH338" s="1"/>
      <c r="AI338" s="1"/>
      <c r="AJ338" s="1"/>
      <c r="AK338" s="1"/>
    </row>
    <row r="339" spans="2:37" x14ac:dyDescent="0.2">
      <c r="B339" s="1"/>
      <c r="C339" s="1"/>
      <c r="D339" s="1"/>
      <c r="E339" s="1"/>
      <c r="F339" s="1"/>
      <c r="G339" s="1"/>
      <c r="H339" s="1"/>
      <c r="I339" s="1"/>
      <c r="J339" s="1"/>
      <c r="K339" s="1"/>
      <c r="L339" s="1"/>
      <c r="M339" s="1"/>
      <c r="N339" s="1"/>
      <c r="O339" s="1"/>
      <c r="P339" s="1"/>
      <c r="Q339" s="1"/>
      <c r="R339" s="1"/>
      <c r="S339" s="1"/>
      <c r="T339" s="1"/>
      <c r="U339" s="1"/>
      <c r="V339" s="1"/>
      <c r="W339" s="1"/>
      <c r="X339" s="1"/>
      <c r="Y339" s="1"/>
      <c r="Z339" s="1"/>
      <c r="AA339" s="1"/>
      <c r="AB339" s="1"/>
      <c r="AC339" s="1"/>
      <c r="AD339" s="1"/>
      <c r="AE339" s="1"/>
      <c r="AF339" s="1"/>
      <c r="AG339" s="1"/>
      <c r="AH339" s="1"/>
      <c r="AI339" s="1"/>
      <c r="AJ339" s="1"/>
      <c r="AK339" s="1"/>
    </row>
    <row r="340" spans="2:37" x14ac:dyDescent="0.2">
      <c r="B340" s="1"/>
      <c r="C340" s="1"/>
      <c r="D340" s="1"/>
      <c r="E340" s="1"/>
      <c r="F340" s="1"/>
      <c r="G340" s="1"/>
      <c r="H340" s="1"/>
      <c r="I340" s="1"/>
      <c r="J340" s="1"/>
      <c r="K340" s="1"/>
      <c r="L340" s="1"/>
      <c r="M340" s="1"/>
      <c r="N340" s="1"/>
      <c r="O340" s="1"/>
      <c r="P340" s="1"/>
      <c r="Q340" s="1"/>
      <c r="R340" s="1"/>
      <c r="S340" s="1"/>
      <c r="T340" s="1"/>
      <c r="U340" s="1"/>
      <c r="V340" s="1"/>
      <c r="W340" s="1"/>
      <c r="X340" s="1"/>
      <c r="Y340" s="1"/>
      <c r="Z340" s="1"/>
      <c r="AA340" s="1"/>
      <c r="AB340" s="1"/>
      <c r="AC340" s="1"/>
      <c r="AD340" s="1"/>
      <c r="AE340" s="1"/>
      <c r="AF340" s="1"/>
      <c r="AG340" s="1"/>
      <c r="AH340" s="1"/>
      <c r="AI340" s="1"/>
      <c r="AJ340" s="1"/>
      <c r="AK340" s="1"/>
    </row>
    <row r="341" spans="2:37" x14ac:dyDescent="0.2">
      <c r="B341" s="1"/>
      <c r="C341" s="1"/>
      <c r="D341" s="1"/>
      <c r="E341" s="1"/>
      <c r="F341" s="1"/>
      <c r="G341" s="1"/>
      <c r="H341" s="1"/>
      <c r="I341" s="1"/>
      <c r="J341" s="1"/>
      <c r="K341" s="1"/>
      <c r="L341" s="1"/>
      <c r="M341" s="1"/>
      <c r="N341" s="1"/>
      <c r="O341" s="1"/>
      <c r="P341" s="1"/>
      <c r="Q341" s="1"/>
      <c r="R341" s="1"/>
      <c r="S341" s="1"/>
      <c r="T341" s="1"/>
      <c r="U341" s="1"/>
      <c r="V341" s="1"/>
      <c r="W341" s="1"/>
      <c r="X341" s="1"/>
      <c r="Y341" s="1"/>
      <c r="Z341" s="1"/>
      <c r="AA341" s="1"/>
      <c r="AB341" s="1"/>
      <c r="AC341" s="1"/>
      <c r="AD341" s="1"/>
      <c r="AE341" s="1"/>
      <c r="AF341" s="1"/>
      <c r="AG341" s="1"/>
      <c r="AH341" s="1"/>
      <c r="AI341" s="1"/>
      <c r="AJ341" s="1"/>
      <c r="AK341" s="1"/>
    </row>
    <row r="342" spans="2:37" x14ac:dyDescent="0.2">
      <c r="B342" s="1"/>
      <c r="C342" s="1"/>
      <c r="D342" s="1"/>
      <c r="E342" s="1"/>
      <c r="F342" s="1"/>
      <c r="G342" s="1"/>
      <c r="H342" s="1"/>
      <c r="I342" s="1"/>
      <c r="J342" s="1"/>
      <c r="K342" s="1"/>
      <c r="L342" s="1"/>
      <c r="M342" s="1"/>
      <c r="N342" s="1"/>
      <c r="O342" s="1"/>
      <c r="P342" s="1"/>
      <c r="Q342" s="1"/>
      <c r="R342" s="1"/>
      <c r="S342" s="1"/>
      <c r="T342" s="1"/>
      <c r="U342" s="1"/>
      <c r="V342" s="1"/>
      <c r="W342" s="1"/>
      <c r="X342" s="1"/>
      <c r="Y342" s="1"/>
      <c r="Z342" s="1"/>
      <c r="AA342" s="1"/>
      <c r="AB342" s="1"/>
      <c r="AC342" s="1"/>
      <c r="AD342" s="1"/>
      <c r="AE342" s="1"/>
      <c r="AF342" s="1"/>
      <c r="AG342" s="1"/>
      <c r="AH342" s="1"/>
      <c r="AI342" s="1"/>
      <c r="AJ342" s="1"/>
      <c r="AK342" s="1"/>
    </row>
    <row r="343" spans="2:37" x14ac:dyDescent="0.2">
      <c r="B343" s="1"/>
      <c r="C343" s="1"/>
      <c r="D343" s="1"/>
      <c r="E343" s="1"/>
      <c r="F343" s="1"/>
      <c r="G343" s="1"/>
      <c r="H343" s="1"/>
      <c r="I343" s="1"/>
      <c r="J343" s="1"/>
      <c r="K343" s="1"/>
      <c r="L343" s="1"/>
      <c r="M343" s="1"/>
      <c r="N343" s="1"/>
      <c r="O343" s="1"/>
      <c r="P343" s="1"/>
      <c r="Q343" s="1"/>
      <c r="R343" s="1"/>
      <c r="S343" s="1"/>
      <c r="T343" s="1"/>
      <c r="U343" s="1"/>
      <c r="V343" s="1"/>
      <c r="W343" s="1"/>
      <c r="X343" s="1"/>
      <c r="Y343" s="1"/>
      <c r="Z343" s="1"/>
      <c r="AA343" s="1"/>
      <c r="AB343" s="1"/>
      <c r="AC343" s="1"/>
      <c r="AD343" s="1"/>
      <c r="AE343" s="1"/>
      <c r="AF343" s="1"/>
      <c r="AG343" s="1"/>
      <c r="AH343" s="1"/>
      <c r="AI343" s="1"/>
      <c r="AJ343" s="1"/>
      <c r="AK343" s="1"/>
    </row>
    <row r="344" spans="2:37" x14ac:dyDescent="0.2">
      <c r="B344" s="1"/>
      <c r="C344" s="1"/>
      <c r="D344" s="1"/>
      <c r="E344" s="1"/>
      <c r="F344" s="1"/>
      <c r="G344" s="1"/>
      <c r="H344" s="1"/>
      <c r="I344" s="1"/>
      <c r="J344" s="1"/>
      <c r="K344" s="1"/>
      <c r="L344" s="1"/>
      <c r="M344" s="1"/>
      <c r="N344" s="1"/>
      <c r="O344" s="1"/>
      <c r="P344" s="1"/>
      <c r="Q344" s="1"/>
      <c r="R344" s="1"/>
      <c r="S344" s="1"/>
      <c r="T344" s="1"/>
      <c r="U344" s="1"/>
      <c r="V344" s="1"/>
      <c r="W344" s="1"/>
      <c r="X344" s="1"/>
      <c r="Y344" s="1"/>
      <c r="Z344" s="1"/>
      <c r="AA344" s="1"/>
      <c r="AB344" s="1"/>
      <c r="AC344" s="1"/>
      <c r="AD344" s="1"/>
      <c r="AE344" s="1"/>
      <c r="AF344" s="1"/>
      <c r="AG344" s="1"/>
      <c r="AH344" s="1"/>
      <c r="AI344" s="1"/>
      <c r="AJ344" s="1"/>
      <c r="AK344" s="1"/>
    </row>
    <row r="345" spans="2:37" x14ac:dyDescent="0.2">
      <c r="B345" s="1"/>
      <c r="C345" s="1"/>
      <c r="D345" s="1"/>
      <c r="E345" s="1"/>
      <c r="F345" s="1"/>
      <c r="G345" s="1"/>
      <c r="H345" s="1"/>
      <c r="I345" s="1"/>
      <c r="J345" s="1"/>
      <c r="K345" s="1"/>
      <c r="L345" s="1"/>
      <c r="M345" s="1"/>
      <c r="N345" s="1"/>
      <c r="O345" s="1"/>
      <c r="P345" s="1"/>
      <c r="Q345" s="1"/>
      <c r="R345" s="1"/>
      <c r="S345" s="1"/>
      <c r="T345" s="1"/>
      <c r="U345" s="1"/>
      <c r="V345" s="1"/>
      <c r="W345" s="1"/>
      <c r="X345" s="1"/>
      <c r="Y345" s="1"/>
      <c r="Z345" s="1"/>
      <c r="AA345" s="1"/>
      <c r="AB345" s="1"/>
      <c r="AC345" s="1"/>
      <c r="AD345" s="1"/>
      <c r="AE345" s="1"/>
      <c r="AF345" s="1"/>
      <c r="AG345" s="1"/>
      <c r="AH345" s="1"/>
      <c r="AI345" s="1"/>
      <c r="AJ345" s="1"/>
      <c r="AK345" s="1"/>
    </row>
    <row r="346" spans="2:37" x14ac:dyDescent="0.2">
      <c r="B346" s="1"/>
      <c r="C346" s="1"/>
      <c r="D346" s="1"/>
      <c r="E346" s="1"/>
      <c r="F346" s="1"/>
      <c r="G346" s="1"/>
      <c r="H346" s="1"/>
      <c r="I346" s="1"/>
      <c r="J346" s="1"/>
      <c r="K346" s="1"/>
      <c r="L346" s="1"/>
      <c r="M346" s="1"/>
      <c r="N346" s="1"/>
      <c r="O346" s="1"/>
      <c r="P346" s="1"/>
      <c r="Q346" s="1"/>
      <c r="R346" s="1"/>
      <c r="S346" s="1"/>
      <c r="T346" s="1"/>
      <c r="U346" s="1"/>
      <c r="V346" s="1"/>
      <c r="W346" s="1"/>
      <c r="X346" s="1"/>
      <c r="Y346" s="1"/>
      <c r="Z346" s="1"/>
      <c r="AA346" s="1"/>
      <c r="AB346" s="1"/>
      <c r="AC346" s="1"/>
      <c r="AD346" s="1"/>
      <c r="AE346" s="1"/>
      <c r="AF346" s="1"/>
      <c r="AG346" s="1"/>
      <c r="AH346" s="1"/>
      <c r="AI346" s="1"/>
      <c r="AJ346" s="1"/>
      <c r="AK346" s="1"/>
    </row>
    <row r="347" spans="2:37" x14ac:dyDescent="0.2">
      <c r="B347" s="1"/>
      <c r="C347" s="1"/>
      <c r="D347" s="1"/>
      <c r="E347" s="1"/>
      <c r="F347" s="1"/>
      <c r="G347" s="1"/>
      <c r="H347" s="1"/>
      <c r="I347" s="1"/>
      <c r="J347" s="1"/>
      <c r="K347" s="1"/>
      <c r="L347" s="1"/>
      <c r="M347" s="1"/>
      <c r="N347" s="1"/>
      <c r="O347" s="1"/>
      <c r="P347" s="1"/>
      <c r="Q347" s="1"/>
      <c r="R347" s="1"/>
      <c r="S347" s="1"/>
      <c r="T347" s="1"/>
      <c r="U347" s="1"/>
      <c r="V347" s="1"/>
      <c r="W347" s="1"/>
      <c r="X347" s="1"/>
      <c r="Y347" s="1"/>
      <c r="Z347" s="1"/>
      <c r="AA347" s="1"/>
      <c r="AB347" s="1"/>
      <c r="AC347" s="1"/>
      <c r="AD347" s="1"/>
      <c r="AE347" s="1"/>
      <c r="AF347" s="1"/>
      <c r="AG347" s="1"/>
      <c r="AH347" s="1"/>
      <c r="AI347" s="1"/>
      <c r="AJ347" s="1"/>
      <c r="AK347" s="1"/>
    </row>
    <row r="348" spans="2:37" x14ac:dyDescent="0.2">
      <c r="B348" s="1"/>
      <c r="C348" s="1"/>
      <c r="D348" s="1"/>
      <c r="E348" s="1"/>
      <c r="F348" s="1"/>
      <c r="G348" s="1"/>
      <c r="H348" s="1"/>
      <c r="I348" s="1"/>
      <c r="J348" s="1"/>
      <c r="K348" s="1"/>
      <c r="L348" s="1"/>
      <c r="M348" s="1"/>
      <c r="N348" s="1"/>
      <c r="O348" s="1"/>
      <c r="P348" s="1"/>
      <c r="Q348" s="1"/>
      <c r="R348" s="1"/>
      <c r="S348" s="1"/>
      <c r="T348" s="1"/>
      <c r="U348" s="1"/>
      <c r="V348" s="1"/>
      <c r="W348" s="1"/>
      <c r="X348" s="1"/>
      <c r="Y348" s="1"/>
      <c r="Z348" s="1"/>
      <c r="AA348" s="1"/>
      <c r="AB348" s="1"/>
      <c r="AC348" s="1"/>
      <c r="AD348" s="1"/>
      <c r="AE348" s="1"/>
      <c r="AF348" s="1"/>
      <c r="AG348" s="1"/>
      <c r="AH348" s="1"/>
      <c r="AI348" s="1"/>
      <c r="AJ348" s="1"/>
      <c r="AK348" s="1"/>
    </row>
    <row r="349" spans="2:37" x14ac:dyDescent="0.2">
      <c r="B349" s="1"/>
      <c r="C349" s="1"/>
      <c r="D349" s="1"/>
      <c r="E349" s="1"/>
      <c r="F349" s="1"/>
      <c r="G349" s="1"/>
      <c r="H349" s="1"/>
      <c r="I349" s="1"/>
      <c r="J349" s="1"/>
      <c r="K349" s="1"/>
      <c r="L349" s="1"/>
      <c r="M349" s="1"/>
      <c r="N349" s="1"/>
      <c r="O349" s="1"/>
      <c r="P349" s="1"/>
      <c r="Q349" s="1"/>
      <c r="R349" s="1"/>
      <c r="S349" s="1"/>
      <c r="T349" s="1"/>
      <c r="U349" s="1"/>
      <c r="V349" s="1"/>
      <c r="W349" s="1"/>
      <c r="X349" s="1"/>
      <c r="Y349" s="1"/>
      <c r="Z349" s="1"/>
      <c r="AA349" s="1"/>
      <c r="AB349" s="1"/>
      <c r="AC349" s="1"/>
      <c r="AD349" s="1"/>
      <c r="AE349" s="1"/>
      <c r="AF349" s="1"/>
      <c r="AG349" s="1"/>
      <c r="AH349" s="1"/>
      <c r="AI349" s="1"/>
      <c r="AJ349" s="1"/>
      <c r="AK349" s="1"/>
    </row>
    <row r="350" spans="2:37" x14ac:dyDescent="0.2">
      <c r="B350" s="1"/>
      <c r="C350" s="1"/>
      <c r="D350" s="1"/>
      <c r="E350" s="1"/>
      <c r="F350" s="1"/>
      <c r="G350" s="1"/>
      <c r="H350" s="1"/>
      <c r="I350" s="1"/>
      <c r="J350" s="1"/>
      <c r="K350" s="1"/>
      <c r="L350" s="1"/>
      <c r="M350" s="1"/>
      <c r="N350" s="1"/>
      <c r="O350" s="1"/>
      <c r="P350" s="1"/>
      <c r="Q350" s="1"/>
      <c r="R350" s="1"/>
      <c r="S350" s="1"/>
      <c r="T350" s="1"/>
      <c r="U350" s="1"/>
      <c r="V350" s="1"/>
      <c r="W350" s="1"/>
      <c r="X350" s="1"/>
      <c r="Y350" s="1"/>
      <c r="Z350" s="1"/>
      <c r="AA350" s="1"/>
      <c r="AB350" s="1"/>
      <c r="AC350" s="1"/>
      <c r="AD350" s="1"/>
      <c r="AE350" s="1"/>
      <c r="AF350" s="1"/>
      <c r="AG350" s="1"/>
      <c r="AH350" s="1"/>
      <c r="AI350" s="1"/>
      <c r="AJ350" s="1"/>
      <c r="AK350" s="1"/>
    </row>
    <row r="351" spans="2:37" x14ac:dyDescent="0.2">
      <c r="B351" s="1"/>
      <c r="C351" s="1"/>
      <c r="D351" s="1"/>
      <c r="E351" s="1"/>
      <c r="F351" s="1"/>
      <c r="G351" s="1"/>
      <c r="H351" s="1"/>
      <c r="I351" s="1"/>
      <c r="J351" s="1"/>
      <c r="K351" s="1"/>
      <c r="L351" s="1"/>
      <c r="M351" s="1"/>
      <c r="N351" s="1"/>
      <c r="O351" s="1"/>
      <c r="P351" s="1"/>
      <c r="Q351" s="1"/>
      <c r="R351" s="1"/>
      <c r="S351" s="1"/>
      <c r="T351" s="1"/>
      <c r="U351" s="1"/>
      <c r="V351" s="1"/>
      <c r="W351" s="1"/>
      <c r="X351" s="1"/>
      <c r="Y351" s="1"/>
      <c r="Z351" s="1"/>
      <c r="AA351" s="1"/>
      <c r="AB351" s="1"/>
      <c r="AC351" s="1"/>
      <c r="AD351" s="1"/>
      <c r="AE351" s="1"/>
      <c r="AF351" s="1"/>
      <c r="AG351" s="1"/>
      <c r="AH351" s="1"/>
      <c r="AI351" s="1"/>
      <c r="AJ351" s="1"/>
      <c r="AK351" s="1"/>
    </row>
    <row r="352" spans="2:37" x14ac:dyDescent="0.2">
      <c r="B352" s="1"/>
      <c r="C352" s="1"/>
      <c r="D352" s="1"/>
      <c r="E352" s="1"/>
      <c r="F352" s="1"/>
      <c r="G352" s="1"/>
      <c r="H352" s="1"/>
      <c r="I352" s="1"/>
      <c r="J352" s="1"/>
      <c r="K352" s="1"/>
      <c r="L352" s="1"/>
      <c r="M352" s="1"/>
      <c r="N352" s="1"/>
      <c r="O352" s="1"/>
      <c r="P352" s="1"/>
      <c r="Q352" s="1"/>
      <c r="R352" s="1"/>
      <c r="S352" s="1"/>
      <c r="T352" s="1"/>
      <c r="U352" s="1"/>
      <c r="V352" s="1"/>
      <c r="W352" s="1"/>
      <c r="X352" s="1"/>
      <c r="Y352" s="1"/>
      <c r="Z352" s="1"/>
      <c r="AA352" s="1"/>
      <c r="AB352" s="1"/>
      <c r="AC352" s="1"/>
      <c r="AD352" s="1"/>
      <c r="AE352" s="1"/>
      <c r="AF352" s="1"/>
      <c r="AG352" s="1"/>
      <c r="AH352" s="1"/>
      <c r="AI352" s="1"/>
      <c r="AJ352" s="1"/>
      <c r="AK352" s="1"/>
    </row>
    <row r="353" spans="2:37" x14ac:dyDescent="0.2">
      <c r="B353" s="1"/>
      <c r="C353" s="1"/>
      <c r="D353" s="1"/>
      <c r="E353" s="1"/>
      <c r="F353" s="1"/>
      <c r="G353" s="1"/>
      <c r="H353" s="1"/>
      <c r="I353" s="1"/>
      <c r="J353" s="1"/>
      <c r="K353" s="1"/>
      <c r="L353" s="1"/>
      <c r="M353" s="1"/>
      <c r="N353" s="1"/>
      <c r="O353" s="1"/>
      <c r="P353" s="1"/>
      <c r="Q353" s="1"/>
      <c r="R353" s="1"/>
      <c r="S353" s="1"/>
      <c r="T353" s="1"/>
      <c r="U353" s="1"/>
      <c r="V353" s="1"/>
      <c r="W353" s="1"/>
      <c r="X353" s="1"/>
      <c r="Y353" s="1"/>
      <c r="Z353" s="1"/>
      <c r="AA353" s="1"/>
      <c r="AB353" s="1"/>
      <c r="AC353" s="1"/>
      <c r="AD353" s="1"/>
      <c r="AE353" s="1"/>
      <c r="AF353" s="1"/>
      <c r="AG353" s="1"/>
      <c r="AH353" s="1"/>
      <c r="AI353" s="1"/>
      <c r="AJ353" s="1"/>
      <c r="AK353" s="1"/>
    </row>
    <row r="354" spans="2:37" x14ac:dyDescent="0.2">
      <c r="B354" s="1"/>
      <c r="C354" s="1"/>
      <c r="D354" s="1"/>
      <c r="E354" s="1"/>
      <c r="F354" s="1"/>
      <c r="G354" s="1"/>
      <c r="H354" s="1"/>
      <c r="I354" s="1"/>
      <c r="J354" s="1"/>
      <c r="K354" s="1"/>
      <c r="L354" s="1"/>
      <c r="M354" s="1"/>
      <c r="N354" s="1"/>
      <c r="O354" s="1"/>
      <c r="P354" s="1"/>
      <c r="Q354" s="1"/>
      <c r="R354" s="1"/>
      <c r="S354" s="1"/>
      <c r="T354" s="1"/>
      <c r="U354" s="1"/>
      <c r="V354" s="1"/>
      <c r="W354" s="1"/>
      <c r="X354" s="1"/>
      <c r="Y354" s="1"/>
      <c r="Z354" s="1"/>
      <c r="AA354" s="1"/>
      <c r="AB354" s="1"/>
      <c r="AC354" s="1"/>
      <c r="AD354" s="1"/>
      <c r="AE354" s="1"/>
      <c r="AF354" s="1"/>
      <c r="AG354" s="1"/>
      <c r="AH354" s="1"/>
      <c r="AI354" s="1"/>
      <c r="AJ354" s="1"/>
      <c r="AK354" s="1"/>
    </row>
    <row r="355" spans="2:37" x14ac:dyDescent="0.2">
      <c r="B355" s="1"/>
      <c r="C355" s="1"/>
      <c r="D355" s="1"/>
      <c r="E355" s="1"/>
      <c r="F355" s="1"/>
      <c r="G355" s="1"/>
      <c r="H355" s="1"/>
      <c r="I355" s="1"/>
      <c r="J355" s="1"/>
      <c r="K355" s="1"/>
      <c r="L355" s="1"/>
      <c r="M355" s="1"/>
      <c r="N355" s="1"/>
      <c r="O355" s="1"/>
      <c r="P355" s="1"/>
      <c r="Q355" s="1"/>
      <c r="R355" s="1"/>
      <c r="S355" s="1"/>
      <c r="T355" s="1"/>
      <c r="U355" s="1"/>
      <c r="V355" s="1"/>
      <c r="W355" s="1"/>
      <c r="X355" s="1"/>
      <c r="Y355" s="1"/>
      <c r="Z355" s="1"/>
      <c r="AA355" s="1"/>
      <c r="AB355" s="1"/>
      <c r="AC355" s="1"/>
      <c r="AD355" s="1"/>
      <c r="AE355" s="1"/>
      <c r="AF355" s="1"/>
      <c r="AG355" s="1"/>
      <c r="AH355" s="1"/>
      <c r="AI355" s="1"/>
      <c r="AJ355" s="1"/>
      <c r="AK355" s="1"/>
    </row>
    <row r="356" spans="2:37" x14ac:dyDescent="0.2">
      <c r="B356" s="1"/>
      <c r="C356" s="1"/>
      <c r="D356" s="1"/>
      <c r="E356" s="1"/>
      <c r="F356" s="1"/>
      <c r="G356" s="1"/>
      <c r="H356" s="1"/>
      <c r="I356" s="1"/>
      <c r="J356" s="1"/>
      <c r="K356" s="1"/>
      <c r="L356" s="1"/>
      <c r="M356" s="1"/>
      <c r="N356" s="1"/>
      <c r="O356" s="1"/>
      <c r="P356" s="1"/>
      <c r="Q356" s="1"/>
      <c r="R356" s="1"/>
      <c r="S356" s="1"/>
      <c r="T356" s="1"/>
      <c r="U356" s="1"/>
      <c r="V356" s="1"/>
      <c r="W356" s="1"/>
      <c r="X356" s="1"/>
      <c r="Y356" s="1"/>
      <c r="Z356" s="1"/>
      <c r="AA356" s="1"/>
      <c r="AB356" s="1"/>
      <c r="AC356" s="1"/>
      <c r="AD356" s="1"/>
      <c r="AE356" s="1"/>
      <c r="AF356" s="1"/>
      <c r="AG356" s="1"/>
      <c r="AH356" s="1"/>
      <c r="AI356" s="1"/>
      <c r="AJ356" s="1"/>
      <c r="AK356" s="1"/>
    </row>
    <row r="357" spans="2:37" x14ac:dyDescent="0.2">
      <c r="B357" s="1"/>
      <c r="C357" s="1"/>
      <c r="D357" s="1"/>
      <c r="E357" s="1"/>
      <c r="F357" s="1"/>
      <c r="G357" s="1"/>
      <c r="H357" s="1"/>
      <c r="I357" s="1"/>
      <c r="J357" s="1"/>
      <c r="K357" s="1"/>
      <c r="L357" s="1"/>
      <c r="M357" s="1"/>
      <c r="N357" s="1"/>
      <c r="O357" s="1"/>
      <c r="P357" s="1"/>
      <c r="Q357" s="1"/>
      <c r="R357" s="1"/>
      <c r="S357" s="1"/>
      <c r="T357" s="1"/>
      <c r="U357" s="1"/>
      <c r="V357" s="1"/>
      <c r="W357" s="1"/>
      <c r="X357" s="1"/>
      <c r="Y357" s="1"/>
      <c r="Z357" s="1"/>
      <c r="AA357" s="1"/>
      <c r="AB357" s="1"/>
      <c r="AC357" s="1"/>
      <c r="AD357" s="1"/>
      <c r="AE357" s="1"/>
      <c r="AF357" s="1"/>
      <c r="AG357" s="1"/>
      <c r="AH357" s="1"/>
      <c r="AI357" s="1"/>
      <c r="AJ357" s="1"/>
      <c r="AK357" s="1"/>
    </row>
    <row r="358" spans="2:37" x14ac:dyDescent="0.2">
      <c r="B358" s="1"/>
      <c r="C358" s="1"/>
      <c r="D358" s="1"/>
      <c r="E358" s="1"/>
      <c r="F358" s="1"/>
      <c r="G358" s="1"/>
      <c r="H358" s="1"/>
      <c r="I358" s="1"/>
      <c r="J358" s="1"/>
      <c r="K358" s="1"/>
      <c r="L358" s="1"/>
      <c r="M358" s="1"/>
      <c r="N358" s="1"/>
      <c r="O358" s="1"/>
      <c r="P358" s="1"/>
      <c r="Q358" s="1"/>
      <c r="R358" s="1"/>
      <c r="S358" s="1"/>
      <c r="T358" s="1"/>
      <c r="U358" s="1"/>
      <c r="V358" s="1"/>
      <c r="W358" s="1"/>
      <c r="X358" s="1"/>
      <c r="Y358" s="1"/>
      <c r="Z358" s="1"/>
      <c r="AA358" s="1"/>
      <c r="AB358" s="1"/>
      <c r="AC358" s="1"/>
      <c r="AD358" s="1"/>
      <c r="AE358" s="1"/>
      <c r="AF358" s="1"/>
      <c r="AG358" s="1"/>
      <c r="AH358" s="1"/>
      <c r="AI358" s="1"/>
      <c r="AJ358" s="1"/>
      <c r="AK358" s="1"/>
    </row>
    <row r="359" spans="2:37" x14ac:dyDescent="0.2">
      <c r="B359" s="1"/>
      <c r="C359" s="1"/>
      <c r="D359" s="1"/>
      <c r="E359" s="1"/>
      <c r="F359" s="1"/>
      <c r="G359" s="1"/>
      <c r="H359" s="1"/>
      <c r="I359" s="1"/>
      <c r="J359" s="1"/>
      <c r="K359" s="1"/>
      <c r="L359" s="1"/>
      <c r="M359" s="1"/>
      <c r="N359" s="1"/>
      <c r="O359" s="1"/>
      <c r="P359" s="1"/>
      <c r="Q359" s="1"/>
      <c r="R359" s="1"/>
      <c r="S359" s="1"/>
      <c r="T359" s="1"/>
      <c r="U359" s="1"/>
      <c r="V359" s="1"/>
      <c r="W359" s="1"/>
      <c r="X359" s="1"/>
      <c r="Y359" s="1"/>
      <c r="Z359" s="1"/>
      <c r="AA359" s="1"/>
      <c r="AB359" s="1"/>
      <c r="AC359" s="1"/>
      <c r="AD359" s="1"/>
      <c r="AE359" s="1"/>
      <c r="AF359" s="1"/>
      <c r="AG359" s="1"/>
      <c r="AH359" s="1"/>
      <c r="AI359" s="1"/>
      <c r="AJ359" s="1"/>
      <c r="AK359" s="1"/>
    </row>
    <row r="360" spans="2:37" x14ac:dyDescent="0.2">
      <c r="B360" s="1"/>
      <c r="C360" s="1"/>
      <c r="D360" s="1"/>
      <c r="E360" s="1"/>
      <c r="F360" s="1"/>
      <c r="G360" s="1"/>
      <c r="H360" s="1"/>
      <c r="I360" s="1"/>
      <c r="J360" s="1"/>
      <c r="K360" s="1"/>
      <c r="L360" s="1"/>
      <c r="M360" s="1"/>
      <c r="N360" s="1"/>
      <c r="O360" s="1"/>
      <c r="P360" s="1"/>
      <c r="Q360" s="1"/>
      <c r="R360" s="1"/>
      <c r="S360" s="1"/>
      <c r="T360" s="1"/>
      <c r="U360" s="1"/>
      <c r="V360" s="1"/>
      <c r="W360" s="1"/>
      <c r="X360" s="1"/>
      <c r="Y360" s="1"/>
      <c r="Z360" s="1"/>
      <c r="AA360" s="1"/>
      <c r="AB360" s="1"/>
      <c r="AC360" s="1"/>
      <c r="AD360" s="1"/>
      <c r="AE360" s="1"/>
      <c r="AF360" s="1"/>
      <c r="AG360" s="1"/>
      <c r="AH360" s="1"/>
      <c r="AI360" s="1"/>
      <c r="AJ360" s="1"/>
      <c r="AK360" s="1"/>
    </row>
    <row r="361" spans="2:37" x14ac:dyDescent="0.2">
      <c r="B361" s="1"/>
      <c r="C361" s="1"/>
      <c r="D361" s="1"/>
      <c r="E361" s="1"/>
      <c r="F361" s="1"/>
      <c r="G361" s="1"/>
      <c r="H361" s="1"/>
      <c r="I361" s="1"/>
      <c r="J361" s="1"/>
      <c r="K361" s="1"/>
      <c r="L361" s="1"/>
      <c r="M361" s="1"/>
      <c r="N361" s="1"/>
      <c r="O361" s="1"/>
      <c r="P361" s="1"/>
      <c r="Q361" s="1"/>
      <c r="R361" s="1"/>
      <c r="S361" s="1"/>
      <c r="T361" s="1"/>
      <c r="U361" s="1"/>
      <c r="V361" s="1"/>
      <c r="W361" s="1"/>
      <c r="X361" s="1"/>
      <c r="Y361" s="1"/>
      <c r="Z361" s="1"/>
      <c r="AA361" s="1"/>
      <c r="AB361" s="1"/>
      <c r="AC361" s="1"/>
      <c r="AD361" s="1"/>
      <c r="AE361" s="1"/>
      <c r="AF361" s="1"/>
      <c r="AG361" s="1"/>
      <c r="AH361" s="1"/>
      <c r="AI361" s="1"/>
      <c r="AJ361" s="1"/>
      <c r="AK361" s="1"/>
    </row>
    <row r="362" spans="2:37" x14ac:dyDescent="0.2">
      <c r="B362" s="1"/>
      <c r="C362" s="1"/>
      <c r="D362" s="1"/>
      <c r="E362" s="1"/>
      <c r="F362" s="1"/>
      <c r="G362" s="1"/>
      <c r="H362" s="1"/>
      <c r="I362" s="1"/>
      <c r="J362" s="1"/>
      <c r="K362" s="1"/>
      <c r="L362" s="1"/>
      <c r="M362" s="1"/>
      <c r="N362" s="1"/>
      <c r="O362" s="1"/>
      <c r="P362" s="1"/>
      <c r="Q362" s="1"/>
      <c r="R362" s="1"/>
      <c r="S362" s="1"/>
      <c r="T362" s="1"/>
      <c r="U362" s="1"/>
      <c r="V362" s="1"/>
      <c r="W362" s="1"/>
      <c r="X362" s="1"/>
      <c r="Y362" s="1"/>
      <c r="Z362" s="1"/>
      <c r="AA362" s="1"/>
      <c r="AB362" s="1"/>
      <c r="AC362" s="1"/>
      <c r="AD362" s="1"/>
      <c r="AE362" s="1"/>
      <c r="AF362" s="1"/>
      <c r="AG362" s="1"/>
      <c r="AH362" s="1"/>
      <c r="AI362" s="1"/>
      <c r="AJ362" s="1"/>
      <c r="AK362" s="1"/>
    </row>
    <row r="363" spans="2:37" x14ac:dyDescent="0.2">
      <c r="B363" s="1"/>
      <c r="C363" s="1"/>
      <c r="D363" s="1"/>
      <c r="E363" s="1"/>
      <c r="F363" s="1"/>
      <c r="G363" s="1"/>
      <c r="H363" s="1"/>
      <c r="I363" s="1"/>
      <c r="J363" s="1"/>
      <c r="K363" s="1"/>
      <c r="L363" s="1"/>
      <c r="M363" s="1"/>
      <c r="N363" s="1"/>
      <c r="O363" s="1"/>
      <c r="P363" s="1"/>
      <c r="Q363" s="1"/>
      <c r="R363" s="1"/>
      <c r="S363" s="1"/>
      <c r="T363" s="1"/>
      <c r="U363" s="1"/>
      <c r="V363" s="1"/>
      <c r="W363" s="1"/>
      <c r="X363" s="1"/>
      <c r="Y363" s="1"/>
      <c r="Z363" s="1"/>
      <c r="AA363" s="1"/>
      <c r="AB363" s="1"/>
      <c r="AC363" s="1"/>
      <c r="AD363" s="1"/>
      <c r="AE363" s="1"/>
      <c r="AF363" s="1"/>
      <c r="AG363" s="1"/>
      <c r="AH363" s="1"/>
      <c r="AI363" s="1"/>
      <c r="AJ363" s="1"/>
      <c r="AK363" s="1"/>
    </row>
    <row r="364" spans="2:37" x14ac:dyDescent="0.2">
      <c r="B364" s="1"/>
      <c r="C364" s="1"/>
      <c r="D364" s="1"/>
      <c r="E364" s="1"/>
      <c r="F364" s="1"/>
      <c r="G364" s="1"/>
      <c r="H364" s="1"/>
      <c r="I364" s="1"/>
      <c r="J364" s="1"/>
      <c r="K364" s="1"/>
      <c r="L364" s="1"/>
      <c r="M364" s="1"/>
      <c r="N364" s="1"/>
      <c r="O364" s="1"/>
      <c r="P364" s="1"/>
      <c r="Q364" s="1"/>
      <c r="R364" s="1"/>
      <c r="S364" s="1"/>
      <c r="T364" s="1"/>
      <c r="U364" s="1"/>
      <c r="V364" s="1"/>
      <c r="W364" s="1"/>
      <c r="X364" s="1"/>
      <c r="Y364" s="1"/>
      <c r="Z364" s="1"/>
      <c r="AA364" s="1"/>
      <c r="AB364" s="1"/>
      <c r="AC364" s="1"/>
      <c r="AD364" s="1"/>
      <c r="AE364" s="1"/>
      <c r="AF364" s="1"/>
      <c r="AG364" s="1"/>
      <c r="AH364" s="1"/>
      <c r="AI364" s="1"/>
      <c r="AJ364" s="1"/>
      <c r="AK364" s="1"/>
    </row>
    <row r="365" spans="2:37" x14ac:dyDescent="0.2">
      <c r="B365" s="1"/>
      <c r="C365" s="1"/>
      <c r="D365" s="1"/>
      <c r="E365" s="1"/>
      <c r="F365" s="1"/>
      <c r="G365" s="1"/>
      <c r="H365" s="1"/>
      <c r="I365" s="1"/>
      <c r="J365" s="1"/>
      <c r="K365" s="1"/>
      <c r="L365" s="1"/>
      <c r="M365" s="1"/>
      <c r="N365" s="1"/>
      <c r="O365" s="1"/>
      <c r="P365" s="1"/>
      <c r="Q365" s="1"/>
      <c r="R365" s="1"/>
      <c r="S365" s="1"/>
      <c r="T365" s="1"/>
      <c r="U365" s="1"/>
      <c r="V365" s="1"/>
      <c r="W365" s="1"/>
      <c r="X365" s="1"/>
      <c r="Y365" s="1"/>
      <c r="Z365" s="1"/>
      <c r="AA365" s="1"/>
      <c r="AB365" s="1"/>
      <c r="AC365" s="1"/>
      <c r="AD365" s="1"/>
      <c r="AE365" s="1"/>
      <c r="AF365" s="1"/>
      <c r="AG365" s="1"/>
      <c r="AH365" s="1"/>
      <c r="AI365" s="1"/>
      <c r="AJ365" s="1"/>
      <c r="AK365" s="1"/>
    </row>
    <row r="366" spans="2:37" x14ac:dyDescent="0.2">
      <c r="B366" s="1"/>
      <c r="C366" s="1"/>
      <c r="D366" s="1"/>
      <c r="E366" s="1"/>
      <c r="F366" s="1"/>
      <c r="G366" s="1"/>
      <c r="H366" s="1"/>
      <c r="I366" s="1"/>
      <c r="J366" s="1"/>
      <c r="K366" s="1"/>
      <c r="L366" s="1"/>
      <c r="M366" s="1"/>
      <c r="N366" s="1"/>
      <c r="O366" s="1"/>
      <c r="P366" s="1"/>
      <c r="Q366" s="1"/>
      <c r="R366" s="1"/>
      <c r="S366" s="1"/>
      <c r="T366" s="1"/>
      <c r="U366" s="1"/>
      <c r="V366" s="1"/>
      <c r="W366" s="1"/>
      <c r="X366" s="1"/>
      <c r="Y366" s="1"/>
      <c r="Z366" s="1"/>
      <c r="AA366" s="1"/>
      <c r="AB366" s="1"/>
      <c r="AC366" s="1"/>
      <c r="AD366" s="1"/>
      <c r="AE366" s="1"/>
      <c r="AF366" s="1"/>
      <c r="AG366" s="1"/>
      <c r="AH366" s="1"/>
      <c r="AI366" s="1"/>
      <c r="AJ366" s="1"/>
      <c r="AK366" s="1"/>
    </row>
    <row r="367" spans="2:37" x14ac:dyDescent="0.2">
      <c r="B367" s="1"/>
      <c r="C367" s="1"/>
      <c r="D367" s="1"/>
      <c r="E367" s="1"/>
      <c r="F367" s="1"/>
      <c r="G367" s="1"/>
      <c r="H367" s="1"/>
      <c r="I367" s="1"/>
      <c r="J367" s="1"/>
      <c r="K367" s="1"/>
      <c r="L367" s="1"/>
      <c r="M367" s="1"/>
      <c r="N367" s="1"/>
      <c r="O367" s="1"/>
      <c r="P367" s="1"/>
      <c r="Q367" s="1"/>
      <c r="R367" s="1"/>
      <c r="S367" s="1"/>
      <c r="T367" s="1"/>
      <c r="U367" s="1"/>
      <c r="V367" s="1"/>
      <c r="W367" s="1"/>
      <c r="X367" s="1"/>
      <c r="Y367" s="1"/>
      <c r="Z367" s="1"/>
      <c r="AA367" s="1"/>
      <c r="AB367" s="1"/>
      <c r="AC367" s="1"/>
      <c r="AD367" s="1"/>
      <c r="AE367" s="1"/>
      <c r="AF367" s="1"/>
      <c r="AG367" s="1"/>
      <c r="AH367" s="1"/>
      <c r="AI367" s="1"/>
      <c r="AJ367" s="1"/>
      <c r="AK367" s="1"/>
    </row>
    <row r="368" spans="2:37" x14ac:dyDescent="0.2">
      <c r="B368" s="1"/>
      <c r="C368" s="1"/>
      <c r="D368" s="1"/>
      <c r="E368" s="1"/>
      <c r="F368" s="1"/>
      <c r="G368" s="1"/>
      <c r="H368" s="1"/>
      <c r="I368" s="1"/>
      <c r="J368" s="1"/>
      <c r="K368" s="1"/>
      <c r="L368" s="1"/>
      <c r="M368" s="1"/>
      <c r="N368" s="1"/>
      <c r="O368" s="1"/>
      <c r="P368" s="1"/>
      <c r="Q368" s="1"/>
      <c r="R368" s="1"/>
      <c r="S368" s="1"/>
      <c r="T368" s="1"/>
      <c r="U368" s="1"/>
      <c r="V368" s="1"/>
      <c r="W368" s="1"/>
      <c r="X368" s="1"/>
      <c r="Y368" s="1"/>
      <c r="Z368" s="1"/>
      <c r="AA368" s="1"/>
      <c r="AB368" s="1"/>
      <c r="AC368" s="1"/>
      <c r="AD368" s="1"/>
      <c r="AE368" s="1"/>
      <c r="AF368" s="1"/>
      <c r="AG368" s="1"/>
      <c r="AH368" s="1"/>
      <c r="AI368" s="1"/>
      <c r="AJ368" s="1"/>
      <c r="AK368" s="1"/>
    </row>
    <row r="369" spans="2:37" x14ac:dyDescent="0.2">
      <c r="B369" s="1"/>
      <c r="C369" s="1"/>
      <c r="D369" s="1"/>
      <c r="E369" s="1"/>
      <c r="F369" s="1"/>
      <c r="G369" s="1"/>
      <c r="H369" s="1"/>
      <c r="I369" s="1"/>
      <c r="J369" s="1"/>
      <c r="K369" s="1"/>
      <c r="L369" s="1"/>
      <c r="M369" s="1"/>
      <c r="N369" s="1"/>
      <c r="O369" s="1"/>
      <c r="P369" s="1"/>
      <c r="Q369" s="1"/>
      <c r="R369" s="1"/>
      <c r="S369" s="1"/>
      <c r="T369" s="1"/>
      <c r="U369" s="1"/>
      <c r="V369" s="1"/>
      <c r="W369" s="1"/>
      <c r="X369" s="1"/>
      <c r="Y369" s="1"/>
      <c r="Z369" s="1"/>
      <c r="AA369" s="1"/>
      <c r="AB369" s="1"/>
      <c r="AC369" s="1"/>
      <c r="AD369" s="1"/>
      <c r="AE369" s="1"/>
      <c r="AF369" s="1"/>
      <c r="AG369" s="1"/>
      <c r="AH369" s="1"/>
      <c r="AI369" s="1"/>
      <c r="AJ369" s="1"/>
      <c r="AK369" s="1"/>
    </row>
    <row r="370" spans="2:37" x14ac:dyDescent="0.2">
      <c r="B370" s="1"/>
      <c r="C370" s="1"/>
      <c r="D370" s="1"/>
      <c r="E370" s="1"/>
      <c r="F370" s="1"/>
      <c r="G370" s="1"/>
      <c r="H370" s="1"/>
      <c r="I370" s="1"/>
      <c r="J370" s="1"/>
      <c r="K370" s="1"/>
      <c r="L370" s="1"/>
      <c r="M370" s="1"/>
      <c r="N370" s="1"/>
      <c r="O370" s="1"/>
      <c r="P370" s="1"/>
      <c r="Q370" s="1"/>
      <c r="R370" s="1"/>
      <c r="S370" s="1"/>
      <c r="T370" s="1"/>
      <c r="U370" s="1"/>
      <c r="V370" s="1"/>
      <c r="W370" s="1"/>
      <c r="X370" s="1"/>
      <c r="Y370" s="1"/>
      <c r="Z370" s="1"/>
      <c r="AA370" s="1"/>
      <c r="AB370" s="1"/>
      <c r="AC370" s="1"/>
      <c r="AD370" s="1"/>
      <c r="AE370" s="1"/>
      <c r="AF370" s="1"/>
      <c r="AG370" s="1"/>
      <c r="AH370" s="1"/>
      <c r="AI370" s="1"/>
      <c r="AJ370" s="1"/>
      <c r="AK370" s="1"/>
    </row>
    <row r="371" spans="2:37" x14ac:dyDescent="0.2">
      <c r="B371" s="1"/>
      <c r="C371" s="1"/>
      <c r="D371" s="1"/>
      <c r="E371" s="1"/>
      <c r="F371" s="1"/>
      <c r="G371" s="1"/>
      <c r="H371" s="1"/>
      <c r="I371" s="1"/>
      <c r="J371" s="1"/>
      <c r="K371" s="1"/>
      <c r="L371" s="1"/>
      <c r="M371" s="1"/>
      <c r="N371" s="1"/>
      <c r="O371" s="1"/>
      <c r="P371" s="1"/>
      <c r="Q371" s="1"/>
      <c r="R371" s="1"/>
      <c r="S371" s="1"/>
      <c r="T371" s="1"/>
      <c r="U371" s="1"/>
      <c r="V371" s="1"/>
      <c r="W371" s="1"/>
      <c r="X371" s="1"/>
      <c r="Y371" s="1"/>
      <c r="Z371" s="1"/>
      <c r="AA371" s="1"/>
      <c r="AB371" s="1"/>
      <c r="AC371" s="1"/>
      <c r="AD371" s="1"/>
      <c r="AE371" s="1"/>
      <c r="AF371" s="1"/>
      <c r="AG371" s="1"/>
      <c r="AH371" s="1"/>
      <c r="AI371" s="1"/>
      <c r="AJ371" s="1"/>
      <c r="AK371" s="1"/>
    </row>
    <row r="372" spans="2:37" x14ac:dyDescent="0.2">
      <c r="B372" s="1"/>
      <c r="C372" s="1"/>
      <c r="D372" s="1"/>
      <c r="E372" s="1"/>
      <c r="F372" s="1"/>
      <c r="G372" s="1"/>
      <c r="H372" s="1"/>
      <c r="I372" s="1"/>
      <c r="J372" s="1"/>
      <c r="K372" s="1"/>
      <c r="L372" s="1"/>
      <c r="M372" s="1"/>
      <c r="N372" s="1"/>
      <c r="O372" s="1"/>
      <c r="P372" s="1"/>
      <c r="Q372" s="1"/>
      <c r="R372" s="1"/>
      <c r="S372" s="1"/>
      <c r="T372" s="1"/>
      <c r="U372" s="1"/>
      <c r="V372" s="1"/>
      <c r="W372" s="1"/>
      <c r="X372" s="1"/>
      <c r="Y372" s="1"/>
      <c r="Z372" s="1"/>
      <c r="AA372" s="1"/>
      <c r="AB372" s="1"/>
      <c r="AC372" s="1"/>
      <c r="AD372" s="1"/>
      <c r="AE372" s="1"/>
      <c r="AF372" s="1"/>
      <c r="AG372" s="1"/>
      <c r="AH372" s="1"/>
      <c r="AI372" s="1"/>
      <c r="AJ372" s="1"/>
      <c r="AK372" s="1"/>
    </row>
    <row r="373" spans="2:37" x14ac:dyDescent="0.2">
      <c r="B373" s="1"/>
      <c r="C373" s="1"/>
      <c r="D373" s="1"/>
      <c r="E373" s="1"/>
      <c r="F373" s="1"/>
      <c r="G373" s="1"/>
      <c r="H373" s="1"/>
      <c r="I373" s="1"/>
      <c r="J373" s="1"/>
      <c r="K373" s="1"/>
      <c r="L373" s="1"/>
      <c r="M373" s="1"/>
      <c r="N373" s="1"/>
      <c r="O373" s="1"/>
      <c r="P373" s="1"/>
      <c r="Q373" s="1"/>
      <c r="R373" s="1"/>
      <c r="S373" s="1"/>
      <c r="T373" s="1"/>
      <c r="U373" s="1"/>
      <c r="V373" s="1"/>
      <c r="W373" s="1"/>
      <c r="X373" s="1"/>
      <c r="Y373" s="1"/>
      <c r="Z373" s="1"/>
      <c r="AA373" s="1"/>
      <c r="AB373" s="1"/>
      <c r="AC373" s="1"/>
      <c r="AD373" s="1"/>
      <c r="AE373" s="1"/>
      <c r="AF373" s="1"/>
      <c r="AG373" s="1"/>
      <c r="AH373" s="1"/>
      <c r="AI373" s="1"/>
      <c r="AJ373" s="1"/>
      <c r="AK373" s="1"/>
    </row>
    <row r="374" spans="2:37" x14ac:dyDescent="0.2">
      <c r="B374" s="1"/>
      <c r="C374" s="1"/>
      <c r="D374" s="1"/>
      <c r="E374" s="1"/>
      <c r="F374" s="1"/>
      <c r="G374" s="1"/>
      <c r="H374" s="1"/>
      <c r="I374" s="1"/>
      <c r="J374" s="1"/>
      <c r="K374" s="1"/>
      <c r="L374" s="1"/>
      <c r="M374" s="1"/>
      <c r="N374" s="1"/>
      <c r="O374" s="1"/>
      <c r="P374" s="1"/>
      <c r="Q374" s="1"/>
      <c r="R374" s="1"/>
      <c r="S374" s="1"/>
      <c r="T374" s="1"/>
      <c r="U374" s="1"/>
      <c r="V374" s="1"/>
      <c r="W374" s="1"/>
      <c r="X374" s="1"/>
      <c r="Y374" s="1"/>
      <c r="Z374" s="1"/>
      <c r="AA374" s="1"/>
      <c r="AB374" s="1"/>
      <c r="AC374" s="1"/>
      <c r="AD374" s="1"/>
      <c r="AE374" s="1"/>
      <c r="AF374" s="1"/>
      <c r="AG374" s="1"/>
      <c r="AH374" s="1"/>
      <c r="AI374" s="1"/>
      <c r="AJ374" s="1"/>
      <c r="AK374" s="1"/>
    </row>
    <row r="375" spans="2:37" x14ac:dyDescent="0.2">
      <c r="B375" s="1"/>
      <c r="C375" s="1"/>
      <c r="D375" s="1"/>
      <c r="E375" s="1"/>
      <c r="F375" s="1"/>
      <c r="G375" s="1"/>
      <c r="H375" s="1"/>
      <c r="I375" s="1"/>
      <c r="J375" s="1"/>
      <c r="K375" s="1"/>
      <c r="L375" s="1"/>
      <c r="M375" s="1"/>
      <c r="N375" s="1"/>
      <c r="O375" s="1"/>
      <c r="P375" s="1"/>
      <c r="Q375" s="1"/>
      <c r="R375" s="1"/>
      <c r="S375" s="1"/>
      <c r="T375" s="1"/>
      <c r="U375" s="1"/>
      <c r="V375" s="1"/>
      <c r="W375" s="1"/>
      <c r="X375" s="1"/>
      <c r="Y375" s="1"/>
      <c r="Z375" s="1"/>
      <c r="AA375" s="1"/>
      <c r="AB375" s="1"/>
      <c r="AC375" s="1"/>
      <c r="AD375" s="1"/>
      <c r="AE375" s="1"/>
      <c r="AF375" s="1"/>
      <c r="AG375" s="1"/>
      <c r="AH375" s="1"/>
      <c r="AI375" s="1"/>
      <c r="AJ375" s="1"/>
      <c r="AK375" s="1"/>
    </row>
    <row r="376" spans="2:37" x14ac:dyDescent="0.2">
      <c r="B376" s="1"/>
      <c r="C376" s="1"/>
      <c r="D376" s="1"/>
      <c r="E376" s="1"/>
      <c r="F376" s="1"/>
      <c r="G376" s="1"/>
      <c r="H376" s="1"/>
      <c r="I376" s="1"/>
      <c r="J376" s="1"/>
      <c r="K376" s="1"/>
      <c r="L376" s="1"/>
      <c r="M376" s="1"/>
      <c r="N376" s="1"/>
      <c r="O376" s="1"/>
      <c r="P376" s="1"/>
      <c r="Q376" s="1"/>
      <c r="R376" s="1"/>
      <c r="S376" s="1"/>
      <c r="T376" s="1"/>
      <c r="U376" s="1"/>
      <c r="V376" s="1"/>
      <c r="W376" s="1"/>
      <c r="X376" s="1"/>
      <c r="Y376" s="1"/>
      <c r="Z376" s="1"/>
      <c r="AA376" s="1"/>
      <c r="AB376" s="1"/>
      <c r="AC376" s="1"/>
      <c r="AD376" s="1"/>
      <c r="AE376" s="1"/>
      <c r="AF376" s="1"/>
      <c r="AG376" s="1"/>
      <c r="AH376" s="1"/>
      <c r="AI376" s="1"/>
      <c r="AJ376" s="1"/>
      <c r="AK376" s="1"/>
    </row>
    <row r="377" spans="2:37" x14ac:dyDescent="0.2">
      <c r="B377" s="1"/>
      <c r="C377" s="1"/>
      <c r="D377" s="1"/>
      <c r="E377" s="1"/>
      <c r="F377" s="1"/>
      <c r="G377" s="1"/>
      <c r="H377" s="1"/>
      <c r="I377" s="1"/>
      <c r="J377" s="1"/>
      <c r="K377" s="1"/>
      <c r="L377" s="1"/>
      <c r="M377" s="1"/>
      <c r="N377" s="1"/>
      <c r="O377" s="1"/>
      <c r="P377" s="1"/>
      <c r="Q377" s="1"/>
      <c r="R377" s="1"/>
      <c r="S377" s="1"/>
      <c r="T377" s="1"/>
      <c r="U377" s="1"/>
      <c r="V377" s="1"/>
      <c r="W377" s="1"/>
      <c r="X377" s="1"/>
      <c r="Y377" s="1"/>
      <c r="Z377" s="1"/>
      <c r="AA377" s="1"/>
      <c r="AB377" s="1"/>
      <c r="AC377" s="1"/>
      <c r="AD377" s="1"/>
      <c r="AE377" s="1"/>
      <c r="AF377" s="1"/>
      <c r="AG377" s="1"/>
      <c r="AH377" s="1"/>
      <c r="AI377" s="1"/>
      <c r="AJ377" s="1"/>
      <c r="AK377" s="1"/>
    </row>
    <row r="378" spans="2:37" x14ac:dyDescent="0.2">
      <c r="B378" s="1"/>
      <c r="C378" s="1"/>
      <c r="D378" s="1"/>
      <c r="E378" s="1"/>
      <c r="F378" s="1"/>
      <c r="G378" s="1"/>
      <c r="H378" s="1"/>
      <c r="I378" s="1"/>
      <c r="J378" s="1"/>
      <c r="K378" s="1"/>
      <c r="L378" s="1"/>
      <c r="M378" s="1"/>
      <c r="N378" s="1"/>
      <c r="O378" s="1"/>
      <c r="P378" s="1"/>
      <c r="Q378" s="1"/>
      <c r="R378" s="1"/>
      <c r="S378" s="1"/>
      <c r="T378" s="1"/>
      <c r="U378" s="1"/>
      <c r="V378" s="1"/>
      <c r="W378" s="1"/>
      <c r="X378" s="1"/>
      <c r="Y378" s="1"/>
      <c r="Z378" s="1"/>
      <c r="AA378" s="1"/>
      <c r="AB378" s="1"/>
      <c r="AC378" s="1"/>
      <c r="AD378" s="1"/>
      <c r="AE378" s="1"/>
      <c r="AF378" s="1"/>
      <c r="AG378" s="1"/>
      <c r="AH378" s="1"/>
      <c r="AI378" s="1"/>
      <c r="AJ378" s="1"/>
      <c r="AK378" s="1"/>
    </row>
    <row r="379" spans="2:37" x14ac:dyDescent="0.2">
      <c r="B379" s="1"/>
      <c r="C379" s="1"/>
      <c r="D379" s="1"/>
      <c r="E379" s="1"/>
      <c r="F379" s="1"/>
      <c r="G379" s="1"/>
      <c r="H379" s="1"/>
      <c r="I379" s="1"/>
      <c r="J379" s="1"/>
      <c r="K379" s="1"/>
      <c r="L379" s="1"/>
      <c r="M379" s="1"/>
      <c r="N379" s="1"/>
      <c r="O379" s="1"/>
      <c r="P379" s="1"/>
      <c r="Q379" s="1"/>
      <c r="R379" s="1"/>
      <c r="S379" s="1"/>
      <c r="T379" s="1"/>
      <c r="U379" s="1"/>
      <c r="V379" s="1"/>
      <c r="W379" s="1"/>
      <c r="X379" s="1"/>
      <c r="Y379" s="1"/>
      <c r="Z379" s="1"/>
      <c r="AA379" s="1"/>
      <c r="AB379" s="1"/>
      <c r="AC379" s="1"/>
      <c r="AD379" s="1"/>
      <c r="AE379" s="1"/>
      <c r="AF379" s="1"/>
      <c r="AG379" s="1"/>
      <c r="AH379" s="1"/>
      <c r="AI379" s="1"/>
      <c r="AJ379" s="1"/>
      <c r="AK379" s="1"/>
    </row>
    <row r="380" spans="2:37" x14ac:dyDescent="0.2">
      <c r="B380" s="1"/>
      <c r="C380" s="1"/>
      <c r="D380" s="1"/>
      <c r="E380" s="1"/>
      <c r="F380" s="1"/>
      <c r="G380" s="1"/>
      <c r="H380" s="1"/>
      <c r="I380" s="1"/>
      <c r="J380" s="1"/>
      <c r="K380" s="1"/>
      <c r="L380" s="1"/>
      <c r="M380" s="1"/>
      <c r="N380" s="1"/>
      <c r="O380" s="1"/>
      <c r="P380" s="1"/>
      <c r="Q380" s="1"/>
      <c r="R380" s="1"/>
      <c r="S380" s="1"/>
      <c r="T380" s="1"/>
      <c r="U380" s="1"/>
      <c r="V380" s="1"/>
      <c r="W380" s="1"/>
      <c r="X380" s="1"/>
      <c r="Y380" s="1"/>
      <c r="Z380" s="1"/>
      <c r="AA380" s="1"/>
      <c r="AB380" s="1"/>
      <c r="AC380" s="1"/>
      <c r="AD380" s="1"/>
      <c r="AE380" s="1"/>
      <c r="AF380" s="1"/>
      <c r="AG380" s="1"/>
      <c r="AH380" s="1"/>
      <c r="AI380" s="1"/>
      <c r="AJ380" s="1"/>
      <c r="AK380" s="1"/>
    </row>
    <row r="381" spans="2:37" x14ac:dyDescent="0.2">
      <c r="B381" s="1"/>
      <c r="C381" s="1"/>
      <c r="D381" s="1"/>
      <c r="E381" s="1"/>
      <c r="F381" s="1"/>
      <c r="G381" s="1"/>
      <c r="H381" s="1"/>
      <c r="I381" s="1"/>
      <c r="J381" s="1"/>
      <c r="K381" s="1"/>
      <c r="L381" s="1"/>
      <c r="M381" s="1"/>
      <c r="N381" s="1"/>
      <c r="O381" s="1"/>
      <c r="P381" s="1"/>
      <c r="Q381" s="1"/>
      <c r="R381" s="1"/>
      <c r="S381" s="1"/>
      <c r="T381" s="1"/>
      <c r="U381" s="1"/>
      <c r="V381" s="1"/>
      <c r="W381" s="1"/>
      <c r="X381" s="1"/>
      <c r="Y381" s="1"/>
      <c r="Z381" s="1"/>
      <c r="AA381" s="1"/>
      <c r="AB381" s="1"/>
      <c r="AC381" s="1"/>
      <c r="AD381" s="1"/>
      <c r="AE381" s="1"/>
      <c r="AF381" s="1"/>
      <c r="AG381" s="1"/>
      <c r="AH381" s="1"/>
      <c r="AI381" s="1"/>
      <c r="AJ381" s="1"/>
      <c r="AK381" s="1"/>
    </row>
    <row r="382" spans="2:37" x14ac:dyDescent="0.2">
      <c r="B382" s="1"/>
      <c r="C382" s="1"/>
      <c r="D382" s="1"/>
      <c r="E382" s="1"/>
      <c r="F382" s="1"/>
      <c r="G382" s="1"/>
      <c r="H382" s="1"/>
      <c r="I382" s="1"/>
      <c r="J382" s="1"/>
      <c r="K382" s="1"/>
      <c r="L382" s="1"/>
      <c r="M382" s="1"/>
      <c r="N382" s="1"/>
      <c r="O382" s="1"/>
      <c r="P382" s="1"/>
      <c r="Q382" s="1"/>
      <c r="R382" s="1"/>
      <c r="S382" s="1"/>
      <c r="T382" s="1"/>
      <c r="U382" s="1"/>
      <c r="V382" s="1"/>
      <c r="W382" s="1"/>
      <c r="X382" s="1"/>
      <c r="Y382" s="1"/>
      <c r="Z382" s="1"/>
      <c r="AA382" s="1"/>
      <c r="AB382" s="1"/>
      <c r="AC382" s="1"/>
      <c r="AD382" s="1"/>
      <c r="AE382" s="1"/>
      <c r="AF382" s="1"/>
      <c r="AG382" s="1"/>
      <c r="AH382" s="1"/>
      <c r="AI382" s="1"/>
      <c r="AJ382" s="1"/>
      <c r="AK382" s="1"/>
    </row>
    <row r="383" spans="2:37" x14ac:dyDescent="0.2">
      <c r="B383" s="1"/>
      <c r="C383" s="1"/>
      <c r="D383" s="1"/>
      <c r="E383" s="1"/>
      <c r="F383" s="1"/>
      <c r="G383" s="1"/>
      <c r="H383" s="1"/>
      <c r="I383" s="1"/>
      <c r="J383" s="1"/>
      <c r="K383" s="1"/>
      <c r="L383" s="1"/>
      <c r="M383" s="1"/>
      <c r="N383" s="1"/>
      <c r="O383" s="1"/>
      <c r="P383" s="1"/>
      <c r="Q383" s="1"/>
      <c r="R383" s="1"/>
      <c r="S383" s="1"/>
      <c r="T383" s="1"/>
      <c r="U383" s="1"/>
      <c r="V383" s="1"/>
      <c r="W383" s="1"/>
      <c r="X383" s="1"/>
      <c r="Y383" s="1"/>
      <c r="Z383" s="1"/>
      <c r="AA383" s="1"/>
      <c r="AB383" s="1"/>
      <c r="AC383" s="1"/>
      <c r="AD383" s="1"/>
      <c r="AE383" s="1"/>
      <c r="AF383" s="1"/>
      <c r="AG383" s="1"/>
      <c r="AH383" s="1"/>
      <c r="AI383" s="1"/>
      <c r="AJ383" s="1"/>
      <c r="AK383" s="1"/>
    </row>
    <row r="384" spans="2:37" x14ac:dyDescent="0.2">
      <c r="B384" s="1"/>
      <c r="C384" s="1"/>
      <c r="D384" s="1"/>
      <c r="E384" s="1"/>
      <c r="F384" s="1"/>
      <c r="G384" s="1"/>
      <c r="H384" s="1"/>
      <c r="I384" s="1"/>
      <c r="J384" s="1"/>
      <c r="K384" s="1"/>
      <c r="L384" s="1"/>
      <c r="M384" s="1"/>
      <c r="N384" s="1"/>
      <c r="O384" s="1"/>
      <c r="P384" s="1"/>
      <c r="Q384" s="1"/>
      <c r="R384" s="1"/>
      <c r="S384" s="1"/>
      <c r="T384" s="1"/>
      <c r="U384" s="1"/>
      <c r="V384" s="1"/>
      <c r="W384" s="1"/>
      <c r="X384" s="1"/>
      <c r="Y384" s="1"/>
      <c r="Z384" s="1"/>
      <c r="AA384" s="1"/>
      <c r="AB384" s="1"/>
      <c r="AC384" s="1"/>
      <c r="AD384" s="1"/>
      <c r="AE384" s="1"/>
      <c r="AF384" s="1"/>
      <c r="AG384" s="1"/>
      <c r="AH384" s="1"/>
      <c r="AI384" s="1"/>
      <c r="AJ384" s="1"/>
      <c r="AK384" s="1"/>
    </row>
    <row r="385" spans="2:37" x14ac:dyDescent="0.2">
      <c r="B385" s="1"/>
      <c r="C385" s="1"/>
      <c r="D385" s="1"/>
      <c r="E385" s="1"/>
      <c r="F385" s="1"/>
      <c r="G385" s="1"/>
      <c r="H385" s="1"/>
      <c r="I385" s="1"/>
      <c r="J385" s="1"/>
      <c r="K385" s="1"/>
      <c r="L385" s="1"/>
      <c r="M385" s="1"/>
      <c r="N385" s="1"/>
      <c r="O385" s="1"/>
      <c r="P385" s="1"/>
      <c r="Q385" s="1"/>
      <c r="R385" s="1"/>
      <c r="S385" s="1"/>
      <c r="T385" s="1"/>
      <c r="U385" s="1"/>
      <c r="V385" s="1"/>
      <c r="W385" s="1"/>
      <c r="X385" s="1"/>
      <c r="Y385" s="1"/>
      <c r="Z385" s="1"/>
      <c r="AA385" s="1"/>
      <c r="AB385" s="1"/>
      <c r="AC385" s="1"/>
      <c r="AD385" s="1"/>
      <c r="AE385" s="1"/>
      <c r="AF385" s="1"/>
      <c r="AG385" s="1"/>
      <c r="AH385" s="1"/>
      <c r="AI385" s="1"/>
      <c r="AJ385" s="1"/>
      <c r="AK385" s="1"/>
    </row>
    <row r="386" spans="2:37" x14ac:dyDescent="0.2">
      <c r="B386" s="1"/>
      <c r="C386" s="1"/>
      <c r="D386" s="1"/>
      <c r="E386" s="1"/>
      <c r="F386" s="1"/>
      <c r="G386" s="1"/>
      <c r="H386" s="1"/>
      <c r="I386" s="1"/>
      <c r="J386" s="1"/>
      <c r="K386" s="1"/>
      <c r="L386" s="1"/>
      <c r="M386" s="1"/>
      <c r="N386" s="1"/>
      <c r="O386" s="1"/>
      <c r="P386" s="1"/>
      <c r="Q386" s="1"/>
      <c r="R386" s="1"/>
      <c r="S386" s="1"/>
      <c r="T386" s="1"/>
      <c r="U386" s="1"/>
      <c r="V386" s="1"/>
      <c r="W386" s="1"/>
      <c r="X386" s="1"/>
      <c r="Y386" s="1"/>
      <c r="Z386" s="1"/>
      <c r="AA386" s="1"/>
      <c r="AB386" s="1"/>
      <c r="AC386" s="1"/>
      <c r="AD386" s="1"/>
      <c r="AE386" s="1"/>
      <c r="AF386" s="1"/>
      <c r="AG386" s="1"/>
      <c r="AH386" s="1"/>
      <c r="AI386" s="1"/>
      <c r="AJ386" s="1"/>
      <c r="AK386" s="1"/>
    </row>
    <row r="387" spans="2:37" x14ac:dyDescent="0.2">
      <c r="B387" s="1"/>
      <c r="C387" s="1"/>
      <c r="D387" s="1"/>
      <c r="E387" s="1"/>
      <c r="F387" s="1"/>
      <c r="G387" s="1"/>
      <c r="H387" s="1"/>
      <c r="I387" s="1"/>
      <c r="J387" s="1"/>
      <c r="K387" s="1"/>
      <c r="L387" s="1"/>
      <c r="M387" s="1"/>
      <c r="N387" s="1"/>
      <c r="O387" s="1"/>
      <c r="P387" s="1"/>
      <c r="Q387" s="1"/>
      <c r="R387" s="1"/>
      <c r="S387" s="1"/>
      <c r="T387" s="1"/>
      <c r="U387" s="1"/>
      <c r="V387" s="1"/>
      <c r="W387" s="1"/>
      <c r="X387" s="1"/>
      <c r="Y387" s="1"/>
      <c r="Z387" s="1"/>
      <c r="AA387" s="1"/>
      <c r="AB387" s="1"/>
      <c r="AC387" s="1"/>
      <c r="AD387" s="1"/>
      <c r="AE387" s="1"/>
      <c r="AF387" s="1"/>
      <c r="AG387" s="1"/>
      <c r="AH387" s="1"/>
      <c r="AI387" s="1"/>
      <c r="AJ387" s="1"/>
      <c r="AK387" s="1"/>
    </row>
    <row r="388" spans="2:37" x14ac:dyDescent="0.2">
      <c r="B388" s="1"/>
      <c r="C388" s="1"/>
      <c r="D388" s="1"/>
      <c r="E388" s="1"/>
      <c r="F388" s="1"/>
      <c r="G388" s="1"/>
      <c r="H388" s="1"/>
      <c r="I388" s="1"/>
      <c r="J388" s="1"/>
      <c r="K388" s="1"/>
      <c r="L388" s="1"/>
      <c r="M388" s="1"/>
      <c r="N388" s="1"/>
      <c r="O388" s="1"/>
      <c r="P388" s="1"/>
      <c r="Q388" s="1"/>
      <c r="R388" s="1"/>
      <c r="S388" s="1"/>
      <c r="T388" s="1"/>
      <c r="U388" s="1"/>
      <c r="V388" s="1"/>
      <c r="W388" s="1"/>
      <c r="X388" s="1"/>
      <c r="Y388" s="1"/>
      <c r="Z388" s="1"/>
      <c r="AA388" s="1"/>
      <c r="AB388" s="1"/>
      <c r="AC388" s="1"/>
      <c r="AD388" s="1"/>
      <c r="AE388" s="1"/>
      <c r="AF388" s="1"/>
      <c r="AG388" s="1"/>
      <c r="AH388" s="1"/>
      <c r="AI388" s="1"/>
      <c r="AJ388" s="1"/>
      <c r="AK388" s="1"/>
    </row>
    <row r="389" spans="2:37" x14ac:dyDescent="0.2">
      <c r="B389" s="1"/>
      <c r="C389" s="1"/>
      <c r="D389" s="1"/>
      <c r="E389" s="1"/>
      <c r="F389" s="1"/>
      <c r="G389" s="1"/>
      <c r="H389" s="1"/>
      <c r="I389" s="1"/>
      <c r="J389" s="1"/>
      <c r="K389" s="1"/>
      <c r="L389" s="1"/>
      <c r="M389" s="1"/>
      <c r="N389" s="1"/>
      <c r="O389" s="1"/>
      <c r="P389" s="1"/>
      <c r="Q389" s="1"/>
      <c r="R389" s="1"/>
      <c r="S389" s="1"/>
      <c r="T389" s="1"/>
      <c r="U389" s="1"/>
      <c r="V389" s="1"/>
      <c r="W389" s="1"/>
      <c r="X389" s="1"/>
      <c r="Y389" s="1"/>
      <c r="Z389" s="1"/>
      <c r="AA389" s="1"/>
      <c r="AB389" s="1"/>
      <c r="AC389" s="1"/>
      <c r="AD389" s="1"/>
      <c r="AE389" s="1"/>
      <c r="AF389" s="1"/>
      <c r="AG389" s="1"/>
      <c r="AH389" s="1"/>
      <c r="AI389" s="1"/>
      <c r="AJ389" s="1"/>
      <c r="AK389" s="1"/>
    </row>
    <row r="390" spans="2:37" x14ac:dyDescent="0.2">
      <c r="B390" s="1"/>
      <c r="C390" s="1"/>
      <c r="D390" s="1"/>
      <c r="E390" s="1"/>
      <c r="F390" s="1"/>
      <c r="G390" s="1"/>
      <c r="H390" s="1"/>
      <c r="I390" s="1"/>
      <c r="J390" s="1"/>
      <c r="K390" s="1"/>
      <c r="L390" s="1"/>
      <c r="M390" s="1"/>
      <c r="N390" s="1"/>
      <c r="O390" s="1"/>
      <c r="P390" s="1"/>
      <c r="Q390" s="1"/>
      <c r="R390" s="1"/>
      <c r="S390" s="1"/>
      <c r="T390" s="1"/>
      <c r="U390" s="1"/>
      <c r="V390" s="1"/>
      <c r="W390" s="1"/>
      <c r="X390" s="1"/>
      <c r="Y390" s="1"/>
      <c r="Z390" s="1"/>
      <c r="AA390" s="1"/>
      <c r="AB390" s="1"/>
      <c r="AC390" s="1"/>
      <c r="AD390" s="1"/>
      <c r="AE390" s="1"/>
      <c r="AF390" s="1"/>
      <c r="AG390" s="1"/>
      <c r="AH390" s="1"/>
      <c r="AI390" s="1"/>
      <c r="AJ390" s="1"/>
      <c r="AK390" s="1"/>
    </row>
    <row r="391" spans="2:37" x14ac:dyDescent="0.2">
      <c r="B391" s="1"/>
      <c r="C391" s="1"/>
      <c r="D391" s="1"/>
      <c r="E391" s="1"/>
      <c r="F391" s="1"/>
      <c r="G391" s="1"/>
      <c r="H391" s="1"/>
      <c r="I391" s="1"/>
      <c r="J391" s="1"/>
      <c r="K391" s="1"/>
      <c r="L391" s="1"/>
      <c r="M391" s="1"/>
      <c r="N391" s="1"/>
      <c r="O391" s="1"/>
      <c r="P391" s="1"/>
      <c r="Q391" s="1"/>
      <c r="R391" s="1"/>
      <c r="S391" s="1"/>
      <c r="T391" s="1"/>
      <c r="U391" s="1"/>
      <c r="V391" s="1"/>
      <c r="W391" s="1"/>
      <c r="X391" s="1"/>
      <c r="Y391" s="1"/>
      <c r="Z391" s="1"/>
      <c r="AA391" s="1"/>
      <c r="AB391" s="1"/>
      <c r="AC391" s="1"/>
      <c r="AD391" s="1"/>
      <c r="AE391" s="1"/>
      <c r="AF391" s="1"/>
      <c r="AG391" s="1"/>
      <c r="AH391" s="1"/>
      <c r="AI391" s="1"/>
      <c r="AJ391" s="1"/>
      <c r="AK391" s="1"/>
    </row>
    <row r="392" spans="2:37" x14ac:dyDescent="0.2">
      <c r="B392" s="1"/>
      <c r="C392" s="1"/>
      <c r="D392" s="1"/>
      <c r="E392" s="1"/>
      <c r="F392" s="1"/>
      <c r="G392" s="1"/>
      <c r="H392" s="1"/>
      <c r="I392" s="1"/>
      <c r="J392" s="1"/>
      <c r="K392" s="1"/>
      <c r="L392" s="1"/>
      <c r="M392" s="1"/>
      <c r="N392" s="1"/>
      <c r="O392" s="1"/>
      <c r="P392" s="1"/>
      <c r="Q392" s="1"/>
      <c r="R392" s="1"/>
      <c r="S392" s="1"/>
      <c r="T392" s="1"/>
      <c r="U392" s="1"/>
      <c r="V392" s="1"/>
      <c r="W392" s="1"/>
      <c r="X392" s="1"/>
      <c r="Y392" s="1"/>
      <c r="Z392" s="1"/>
      <c r="AA392" s="1"/>
      <c r="AB392" s="1"/>
      <c r="AC392" s="1"/>
      <c r="AD392" s="1"/>
      <c r="AE392" s="1"/>
      <c r="AF392" s="1"/>
      <c r="AG392" s="1"/>
      <c r="AH392" s="1"/>
      <c r="AI392" s="1"/>
      <c r="AJ392" s="1"/>
      <c r="AK392" s="1"/>
    </row>
    <row r="393" spans="2:37" x14ac:dyDescent="0.2">
      <c r="B393" s="1"/>
      <c r="C393" s="1"/>
      <c r="D393" s="1"/>
      <c r="E393" s="1"/>
      <c r="F393" s="1"/>
      <c r="G393" s="1"/>
      <c r="H393" s="1"/>
      <c r="I393" s="1"/>
      <c r="J393" s="1"/>
      <c r="K393" s="1"/>
      <c r="L393" s="1"/>
      <c r="M393" s="1"/>
      <c r="N393" s="1"/>
      <c r="O393" s="1"/>
      <c r="P393" s="1"/>
      <c r="Q393" s="1"/>
      <c r="R393" s="1"/>
      <c r="S393" s="1"/>
      <c r="T393" s="1"/>
      <c r="U393" s="1"/>
      <c r="V393" s="1"/>
      <c r="W393" s="1"/>
      <c r="X393" s="1"/>
      <c r="Y393" s="1"/>
      <c r="Z393" s="1"/>
      <c r="AA393" s="1"/>
      <c r="AB393" s="1"/>
      <c r="AC393" s="1"/>
      <c r="AD393" s="1"/>
      <c r="AE393" s="1"/>
      <c r="AF393" s="1"/>
      <c r="AG393" s="1"/>
      <c r="AH393" s="1"/>
      <c r="AI393" s="1"/>
      <c r="AJ393" s="1"/>
      <c r="AK393" s="1"/>
    </row>
    <row r="394" spans="2:37" x14ac:dyDescent="0.2">
      <c r="B394" s="1"/>
      <c r="C394" s="1"/>
      <c r="D394" s="1"/>
      <c r="E394" s="1"/>
      <c r="F394" s="1"/>
      <c r="G394" s="1"/>
      <c r="H394" s="1"/>
      <c r="I394" s="1"/>
      <c r="J394" s="1"/>
      <c r="K394" s="1"/>
      <c r="L394" s="1"/>
      <c r="M394" s="1"/>
      <c r="N394" s="1"/>
      <c r="O394" s="1"/>
      <c r="P394" s="1"/>
      <c r="Q394" s="1"/>
      <c r="R394" s="1"/>
      <c r="S394" s="1"/>
      <c r="T394" s="1"/>
      <c r="U394" s="1"/>
      <c r="V394" s="1"/>
      <c r="W394" s="1"/>
      <c r="X394" s="1"/>
      <c r="Y394" s="1"/>
      <c r="Z394" s="1"/>
      <c r="AA394" s="1"/>
      <c r="AB394" s="1"/>
      <c r="AC394" s="1"/>
      <c r="AD394" s="1"/>
      <c r="AE394" s="1"/>
      <c r="AF394" s="1"/>
      <c r="AG394" s="1"/>
      <c r="AH394" s="1"/>
      <c r="AI394" s="1"/>
      <c r="AJ394" s="1"/>
      <c r="AK394" s="1"/>
    </row>
    <row r="395" spans="2:37" x14ac:dyDescent="0.2">
      <c r="B395" s="1"/>
      <c r="C395" s="1"/>
      <c r="D395" s="1"/>
      <c r="E395" s="1"/>
      <c r="F395" s="1"/>
      <c r="G395" s="1"/>
      <c r="H395" s="1"/>
      <c r="I395" s="1"/>
      <c r="J395" s="1"/>
      <c r="K395" s="1"/>
      <c r="L395" s="1"/>
      <c r="M395" s="1"/>
      <c r="N395" s="1"/>
      <c r="O395" s="1"/>
      <c r="P395" s="1"/>
      <c r="Q395" s="1"/>
      <c r="R395" s="1"/>
      <c r="S395" s="1"/>
      <c r="T395" s="1"/>
      <c r="U395" s="1"/>
      <c r="V395" s="1"/>
      <c r="W395" s="1"/>
      <c r="X395" s="1"/>
      <c r="Y395" s="1"/>
      <c r="Z395" s="1"/>
      <c r="AA395" s="1"/>
      <c r="AB395" s="1"/>
      <c r="AC395" s="1"/>
      <c r="AD395" s="1"/>
      <c r="AE395" s="1"/>
      <c r="AF395" s="1"/>
      <c r="AG395" s="1"/>
      <c r="AH395" s="1"/>
      <c r="AI395" s="1"/>
      <c r="AJ395" s="1"/>
      <c r="AK395" s="1"/>
    </row>
    <row r="396" spans="2:37" x14ac:dyDescent="0.2">
      <c r="B396" s="1"/>
      <c r="C396" s="1"/>
      <c r="D396" s="1"/>
      <c r="E396" s="1"/>
      <c r="F396" s="1"/>
      <c r="G396" s="1"/>
      <c r="H396" s="1"/>
      <c r="I396" s="1"/>
      <c r="J396" s="1"/>
      <c r="K396" s="1"/>
      <c r="L396" s="1"/>
      <c r="M396" s="1"/>
      <c r="N396" s="1"/>
      <c r="O396" s="1"/>
      <c r="P396" s="1"/>
      <c r="Q396" s="1"/>
      <c r="R396" s="1"/>
      <c r="S396" s="1"/>
      <c r="T396" s="1"/>
      <c r="U396" s="1"/>
      <c r="V396" s="1"/>
      <c r="W396" s="1"/>
      <c r="X396" s="1"/>
      <c r="Y396" s="1"/>
      <c r="Z396" s="1"/>
      <c r="AA396" s="1"/>
      <c r="AB396" s="1"/>
      <c r="AC396" s="1"/>
      <c r="AD396" s="1"/>
      <c r="AE396" s="1"/>
      <c r="AF396" s="1"/>
      <c r="AG396" s="1"/>
      <c r="AH396" s="1"/>
      <c r="AI396" s="1"/>
      <c r="AJ396" s="1"/>
      <c r="AK396" s="1"/>
    </row>
    <row r="397" spans="2:37" x14ac:dyDescent="0.2">
      <c r="B397" s="1"/>
      <c r="C397" s="1"/>
      <c r="D397" s="1"/>
      <c r="E397" s="1"/>
      <c r="F397" s="1"/>
      <c r="G397" s="1"/>
      <c r="H397" s="1"/>
      <c r="I397" s="1"/>
      <c r="J397" s="1"/>
      <c r="K397" s="1"/>
      <c r="L397" s="1"/>
      <c r="M397" s="1"/>
      <c r="N397" s="1"/>
      <c r="O397" s="1"/>
      <c r="P397" s="1"/>
      <c r="Q397" s="1"/>
      <c r="R397" s="1"/>
      <c r="S397" s="1"/>
      <c r="T397" s="1"/>
      <c r="U397" s="1"/>
      <c r="V397" s="1"/>
      <c r="W397" s="1"/>
      <c r="X397" s="1"/>
      <c r="Y397" s="1"/>
      <c r="Z397" s="1"/>
      <c r="AA397" s="1"/>
      <c r="AB397" s="1"/>
      <c r="AC397" s="1"/>
      <c r="AD397" s="1"/>
      <c r="AE397" s="1"/>
      <c r="AF397" s="1"/>
      <c r="AG397" s="1"/>
      <c r="AH397" s="1"/>
      <c r="AI397" s="1"/>
      <c r="AJ397" s="1"/>
      <c r="AK397" s="1"/>
    </row>
    <row r="398" spans="2:37" x14ac:dyDescent="0.2">
      <c r="B398" s="1"/>
      <c r="C398" s="1"/>
      <c r="D398" s="1"/>
      <c r="E398" s="1"/>
      <c r="F398" s="1"/>
      <c r="G398" s="1"/>
      <c r="H398" s="1"/>
      <c r="I398" s="1"/>
      <c r="J398" s="1"/>
      <c r="K398" s="1"/>
      <c r="L398" s="1"/>
      <c r="M398" s="1"/>
      <c r="N398" s="1"/>
      <c r="O398" s="1"/>
      <c r="P398" s="1"/>
      <c r="Q398" s="1"/>
      <c r="R398" s="1"/>
      <c r="S398" s="1"/>
      <c r="T398" s="1"/>
      <c r="U398" s="1"/>
      <c r="V398" s="1"/>
      <c r="W398" s="1"/>
      <c r="X398" s="1"/>
      <c r="Y398" s="1"/>
      <c r="Z398" s="1"/>
      <c r="AA398" s="1"/>
      <c r="AB398" s="1"/>
      <c r="AC398" s="1"/>
      <c r="AD398" s="1"/>
      <c r="AE398" s="1"/>
      <c r="AF398" s="1"/>
      <c r="AG398" s="1"/>
      <c r="AH398" s="1"/>
      <c r="AI398" s="1"/>
      <c r="AJ398" s="1"/>
      <c r="AK398" s="1"/>
    </row>
    <row r="399" spans="2:37" x14ac:dyDescent="0.2">
      <c r="B399" s="1"/>
      <c r="C399" s="1"/>
      <c r="D399" s="1"/>
      <c r="E399" s="1"/>
      <c r="F399" s="1"/>
      <c r="G399" s="1"/>
      <c r="H399" s="1"/>
      <c r="I399" s="1"/>
      <c r="J399" s="1"/>
      <c r="K399" s="1"/>
      <c r="L399" s="1"/>
      <c r="M399" s="1"/>
      <c r="N399" s="1"/>
      <c r="O399" s="1"/>
      <c r="P399" s="1"/>
      <c r="Q399" s="1"/>
      <c r="R399" s="1"/>
      <c r="S399" s="1"/>
      <c r="T399" s="1"/>
      <c r="U399" s="1"/>
      <c r="V399" s="1"/>
      <c r="W399" s="1"/>
      <c r="X399" s="1"/>
      <c r="Y399" s="1"/>
      <c r="Z399" s="1"/>
      <c r="AA399" s="1"/>
      <c r="AB399" s="1"/>
      <c r="AC399" s="1"/>
      <c r="AD399" s="1"/>
      <c r="AE399" s="1"/>
      <c r="AF399" s="1"/>
      <c r="AG399" s="1"/>
      <c r="AH399" s="1"/>
      <c r="AI399" s="1"/>
      <c r="AJ399" s="1"/>
      <c r="AK399" s="1"/>
    </row>
    <row r="400" spans="2:37" x14ac:dyDescent="0.2">
      <c r="B400" s="1"/>
      <c r="C400" s="1"/>
      <c r="D400" s="1"/>
      <c r="E400" s="1"/>
      <c r="F400" s="1"/>
      <c r="G400" s="1"/>
      <c r="H400" s="1"/>
      <c r="I400" s="1"/>
      <c r="J400" s="1"/>
      <c r="K400" s="1"/>
      <c r="L400" s="1"/>
      <c r="M400" s="1"/>
      <c r="N400" s="1"/>
      <c r="O400" s="1"/>
      <c r="P400" s="1"/>
      <c r="Q400" s="1"/>
      <c r="R400" s="1"/>
      <c r="S400" s="1"/>
      <c r="T400" s="1"/>
      <c r="U400" s="1"/>
      <c r="V400" s="1"/>
      <c r="W400" s="1"/>
      <c r="X400" s="1"/>
      <c r="Y400" s="1"/>
      <c r="Z400" s="1"/>
      <c r="AA400" s="1"/>
      <c r="AB400" s="1"/>
      <c r="AC400" s="1"/>
      <c r="AD400" s="1"/>
      <c r="AE400" s="1"/>
      <c r="AF400" s="1"/>
      <c r="AG400" s="1"/>
      <c r="AH400" s="1"/>
      <c r="AI400" s="1"/>
      <c r="AJ400" s="1"/>
      <c r="AK400" s="1"/>
    </row>
    <row r="401" spans="2:37" x14ac:dyDescent="0.2">
      <c r="B401" s="1"/>
      <c r="C401" s="1"/>
      <c r="D401" s="1"/>
      <c r="E401" s="1"/>
      <c r="F401" s="1"/>
      <c r="G401" s="1"/>
      <c r="H401" s="1"/>
      <c r="I401" s="1"/>
      <c r="J401" s="1"/>
      <c r="K401" s="1"/>
      <c r="L401" s="1"/>
      <c r="M401" s="1"/>
      <c r="N401" s="1"/>
      <c r="O401" s="1"/>
      <c r="P401" s="1"/>
      <c r="Q401" s="1"/>
      <c r="R401" s="1"/>
      <c r="S401" s="1"/>
      <c r="T401" s="1"/>
      <c r="U401" s="1"/>
      <c r="V401" s="1"/>
      <c r="W401" s="1"/>
      <c r="X401" s="1"/>
      <c r="Y401" s="1"/>
      <c r="Z401" s="1"/>
      <c r="AA401" s="1"/>
      <c r="AB401" s="1"/>
      <c r="AC401" s="1"/>
      <c r="AD401" s="1"/>
      <c r="AE401" s="1"/>
      <c r="AF401" s="1"/>
      <c r="AG401" s="1"/>
      <c r="AH401" s="1"/>
      <c r="AI401" s="1"/>
      <c r="AJ401" s="1"/>
      <c r="AK401" s="1"/>
    </row>
    <row r="402" spans="2:37" x14ac:dyDescent="0.2">
      <c r="B402" s="1"/>
      <c r="C402" s="1"/>
      <c r="D402" s="1"/>
      <c r="E402" s="1"/>
      <c r="F402" s="1"/>
      <c r="G402" s="1"/>
      <c r="H402" s="1"/>
      <c r="I402" s="1"/>
      <c r="J402" s="1"/>
      <c r="K402" s="1"/>
      <c r="L402" s="1"/>
      <c r="M402" s="1"/>
      <c r="N402" s="1"/>
      <c r="O402" s="1"/>
      <c r="P402" s="1"/>
      <c r="Q402" s="1"/>
      <c r="R402" s="1"/>
      <c r="S402" s="1"/>
      <c r="T402" s="1"/>
      <c r="U402" s="1"/>
      <c r="V402" s="1"/>
      <c r="W402" s="1"/>
      <c r="X402" s="1"/>
      <c r="Y402" s="1"/>
      <c r="Z402" s="1"/>
      <c r="AA402" s="1"/>
      <c r="AB402" s="1"/>
      <c r="AC402" s="1"/>
      <c r="AD402" s="1"/>
      <c r="AE402" s="1"/>
      <c r="AF402" s="1"/>
      <c r="AG402" s="1"/>
      <c r="AH402" s="1"/>
      <c r="AI402" s="1"/>
      <c r="AJ402" s="1"/>
      <c r="AK402" s="1"/>
    </row>
    <row r="403" spans="2:37" x14ac:dyDescent="0.2">
      <c r="B403" s="1"/>
      <c r="C403" s="1"/>
      <c r="D403" s="1"/>
      <c r="E403" s="1"/>
      <c r="F403" s="1"/>
      <c r="G403" s="1"/>
      <c r="H403" s="1"/>
      <c r="I403" s="1"/>
      <c r="J403" s="1"/>
      <c r="K403" s="1"/>
      <c r="L403" s="1"/>
      <c r="M403" s="1"/>
      <c r="N403" s="1"/>
      <c r="O403" s="1"/>
      <c r="P403" s="1"/>
      <c r="Q403" s="1"/>
      <c r="R403" s="1"/>
      <c r="S403" s="1"/>
      <c r="T403" s="1"/>
      <c r="U403" s="1"/>
      <c r="V403" s="1"/>
      <c r="W403" s="1"/>
      <c r="X403" s="1"/>
      <c r="Y403" s="1"/>
      <c r="Z403" s="1"/>
      <c r="AA403" s="1"/>
      <c r="AB403" s="1"/>
      <c r="AC403" s="1"/>
      <c r="AD403" s="1"/>
      <c r="AE403" s="1"/>
      <c r="AF403" s="1"/>
      <c r="AG403" s="1"/>
      <c r="AH403" s="1"/>
      <c r="AI403" s="1"/>
      <c r="AJ403" s="1"/>
      <c r="AK403" s="1"/>
    </row>
    <row r="404" spans="2:37" x14ac:dyDescent="0.2">
      <c r="B404" s="1"/>
      <c r="C404" s="1"/>
      <c r="D404" s="1"/>
      <c r="E404" s="1"/>
      <c r="F404" s="1"/>
      <c r="G404" s="1"/>
      <c r="H404" s="1"/>
      <c r="I404" s="1"/>
      <c r="J404" s="1"/>
      <c r="K404" s="1"/>
      <c r="L404" s="1"/>
      <c r="M404" s="1"/>
      <c r="N404" s="1"/>
      <c r="O404" s="1"/>
      <c r="P404" s="1"/>
      <c r="Q404" s="1"/>
      <c r="R404" s="1"/>
      <c r="S404" s="1"/>
      <c r="T404" s="1"/>
      <c r="U404" s="1"/>
      <c r="V404" s="1"/>
      <c r="W404" s="1"/>
      <c r="X404" s="1"/>
      <c r="Y404" s="1"/>
      <c r="Z404" s="1"/>
      <c r="AA404" s="1"/>
      <c r="AB404" s="1"/>
      <c r="AC404" s="1"/>
      <c r="AD404" s="1"/>
      <c r="AE404" s="1"/>
      <c r="AF404" s="1"/>
      <c r="AG404" s="1"/>
      <c r="AH404" s="1"/>
      <c r="AI404" s="1"/>
      <c r="AJ404" s="1"/>
      <c r="AK404" s="1"/>
    </row>
    <row r="405" spans="2:37" x14ac:dyDescent="0.2">
      <c r="B405" s="1"/>
      <c r="C405" s="1"/>
      <c r="D405" s="1"/>
      <c r="E405" s="1"/>
      <c r="F405" s="1"/>
      <c r="G405" s="1"/>
      <c r="H405" s="1"/>
      <c r="I405" s="1"/>
      <c r="J405" s="1"/>
      <c r="K405" s="1"/>
      <c r="L405" s="1"/>
      <c r="M405" s="1"/>
      <c r="N405" s="1"/>
      <c r="O405" s="1"/>
      <c r="P405" s="1"/>
      <c r="Q405" s="1"/>
      <c r="R405" s="1"/>
      <c r="S405" s="1"/>
      <c r="T405" s="1"/>
      <c r="U405" s="1"/>
      <c r="V405" s="1"/>
      <c r="W405" s="1"/>
      <c r="X405" s="1"/>
      <c r="Y405" s="1"/>
      <c r="Z405" s="1"/>
      <c r="AA405" s="1"/>
      <c r="AB405" s="1"/>
      <c r="AC405" s="1"/>
      <c r="AD405" s="1"/>
      <c r="AE405" s="1"/>
      <c r="AF405" s="1"/>
      <c r="AG405" s="1"/>
      <c r="AH405" s="1"/>
      <c r="AI405" s="1"/>
      <c r="AJ405" s="1"/>
      <c r="AK405" s="1"/>
    </row>
    <row r="406" spans="2:37" x14ac:dyDescent="0.2">
      <c r="B406" s="1"/>
      <c r="C406" s="1"/>
      <c r="D406" s="1"/>
      <c r="E406" s="1"/>
      <c r="F406" s="1"/>
      <c r="G406" s="1"/>
      <c r="H406" s="1"/>
      <c r="I406" s="1"/>
      <c r="J406" s="1"/>
      <c r="K406" s="1"/>
      <c r="L406" s="1"/>
      <c r="M406" s="1"/>
      <c r="N406" s="1"/>
      <c r="O406" s="1"/>
      <c r="P406" s="1"/>
      <c r="Q406" s="1"/>
      <c r="R406" s="1"/>
      <c r="S406" s="1"/>
      <c r="T406" s="1"/>
      <c r="U406" s="1"/>
      <c r="V406" s="1"/>
      <c r="W406" s="1"/>
      <c r="X406" s="1"/>
      <c r="Y406" s="1"/>
      <c r="Z406" s="1"/>
      <c r="AA406" s="1"/>
      <c r="AB406" s="1"/>
      <c r="AC406" s="1"/>
      <c r="AD406" s="1"/>
      <c r="AE406" s="1"/>
      <c r="AF406" s="1"/>
      <c r="AG406" s="1"/>
      <c r="AH406" s="1"/>
      <c r="AI406" s="1"/>
      <c r="AJ406" s="1"/>
      <c r="AK406" s="1"/>
    </row>
    <row r="407" spans="2:37" x14ac:dyDescent="0.2">
      <c r="B407" s="1"/>
      <c r="C407" s="1"/>
      <c r="D407" s="1"/>
      <c r="E407" s="1"/>
      <c r="F407" s="1"/>
      <c r="G407" s="1"/>
      <c r="H407" s="1"/>
      <c r="I407" s="1"/>
      <c r="J407" s="1"/>
      <c r="K407" s="1"/>
      <c r="L407" s="1"/>
      <c r="M407" s="1"/>
      <c r="N407" s="1"/>
      <c r="O407" s="1"/>
      <c r="P407" s="1"/>
      <c r="Q407" s="1"/>
      <c r="R407" s="1"/>
      <c r="S407" s="1"/>
      <c r="T407" s="1"/>
      <c r="U407" s="1"/>
      <c r="V407" s="1"/>
      <c r="W407" s="1"/>
      <c r="X407" s="1"/>
      <c r="Y407" s="1"/>
      <c r="Z407" s="1"/>
      <c r="AA407" s="1"/>
      <c r="AB407" s="1"/>
      <c r="AC407" s="1"/>
      <c r="AD407" s="1"/>
      <c r="AE407" s="1"/>
      <c r="AF407" s="1"/>
      <c r="AG407" s="1"/>
      <c r="AH407" s="1"/>
      <c r="AI407" s="1"/>
      <c r="AJ407" s="1"/>
      <c r="AK407" s="1"/>
    </row>
    <row r="408" spans="2:37" x14ac:dyDescent="0.2">
      <c r="B408" s="1"/>
      <c r="C408" s="1"/>
      <c r="D408" s="1"/>
      <c r="E408" s="1"/>
      <c r="F408" s="1"/>
      <c r="G408" s="1"/>
      <c r="H408" s="1"/>
      <c r="I408" s="1"/>
      <c r="J408" s="1"/>
      <c r="K408" s="1"/>
      <c r="L408" s="1"/>
      <c r="M408" s="1"/>
      <c r="N408" s="1"/>
      <c r="O408" s="1"/>
      <c r="P408" s="1"/>
      <c r="Q408" s="1"/>
      <c r="R408" s="1"/>
      <c r="S408" s="1"/>
      <c r="T408" s="1"/>
      <c r="U408" s="1"/>
      <c r="V408" s="1"/>
      <c r="W408" s="1"/>
      <c r="X408" s="1"/>
      <c r="Y408" s="1"/>
      <c r="Z408" s="1"/>
      <c r="AA408" s="1"/>
      <c r="AB408" s="1"/>
      <c r="AC408" s="1"/>
      <c r="AD408" s="1"/>
      <c r="AE408" s="1"/>
      <c r="AF408" s="1"/>
      <c r="AG408" s="1"/>
      <c r="AH408" s="1"/>
      <c r="AI408" s="1"/>
      <c r="AJ408" s="1"/>
      <c r="AK408" s="1"/>
    </row>
    <row r="409" spans="2:37" x14ac:dyDescent="0.2">
      <c r="B409" s="1"/>
      <c r="C409" s="1"/>
      <c r="D409" s="1"/>
      <c r="E409" s="1"/>
      <c r="F409" s="1"/>
      <c r="G409" s="1"/>
      <c r="H409" s="1"/>
      <c r="I409" s="1"/>
      <c r="J409" s="1"/>
      <c r="K409" s="1"/>
      <c r="L409" s="1"/>
      <c r="M409" s="1"/>
      <c r="N409" s="1"/>
      <c r="O409" s="1"/>
      <c r="P409" s="1"/>
      <c r="Q409" s="1"/>
      <c r="R409" s="1"/>
      <c r="S409" s="1"/>
      <c r="T409" s="1"/>
      <c r="U409" s="1"/>
      <c r="V409" s="1"/>
      <c r="W409" s="1"/>
      <c r="X409" s="1"/>
      <c r="Y409" s="1"/>
      <c r="Z409" s="1"/>
      <c r="AA409" s="1"/>
      <c r="AB409" s="1"/>
      <c r="AC409" s="1"/>
      <c r="AD409" s="1"/>
      <c r="AE409" s="1"/>
      <c r="AF409" s="1"/>
      <c r="AG409" s="1"/>
      <c r="AH409" s="1"/>
      <c r="AI409" s="1"/>
      <c r="AJ409" s="1"/>
      <c r="AK409" s="1"/>
    </row>
    <row r="410" spans="2:37" x14ac:dyDescent="0.2">
      <c r="B410" s="1"/>
      <c r="C410" s="1"/>
      <c r="D410" s="1"/>
      <c r="E410" s="1"/>
      <c r="F410" s="1"/>
      <c r="G410" s="1"/>
      <c r="H410" s="1"/>
      <c r="I410" s="1"/>
      <c r="J410" s="1"/>
      <c r="K410" s="1"/>
      <c r="L410" s="1"/>
      <c r="M410" s="1"/>
      <c r="N410" s="1"/>
      <c r="O410" s="1"/>
      <c r="P410" s="1"/>
      <c r="Q410" s="1"/>
      <c r="R410" s="1"/>
      <c r="S410" s="1"/>
      <c r="T410" s="1"/>
      <c r="U410" s="1"/>
      <c r="V410" s="1"/>
      <c r="W410" s="1"/>
      <c r="X410" s="1"/>
      <c r="Y410" s="1"/>
      <c r="Z410" s="1"/>
      <c r="AA410" s="1"/>
      <c r="AB410" s="1"/>
      <c r="AC410" s="1"/>
      <c r="AD410" s="1"/>
      <c r="AE410" s="1"/>
      <c r="AF410" s="1"/>
      <c r="AG410" s="1"/>
      <c r="AH410" s="1"/>
      <c r="AI410" s="1"/>
      <c r="AJ410" s="1"/>
      <c r="AK410" s="1"/>
    </row>
    <row r="411" spans="2:37" x14ac:dyDescent="0.2">
      <c r="B411" s="1"/>
      <c r="C411" s="1"/>
      <c r="D411" s="1"/>
      <c r="E411" s="1"/>
      <c r="F411" s="1"/>
      <c r="G411" s="1"/>
      <c r="H411" s="1"/>
      <c r="I411" s="1"/>
      <c r="J411" s="1"/>
      <c r="K411" s="1"/>
      <c r="L411" s="1"/>
      <c r="M411" s="1"/>
      <c r="N411" s="1"/>
      <c r="O411" s="1"/>
      <c r="P411" s="1"/>
      <c r="Q411" s="1"/>
      <c r="R411" s="1"/>
      <c r="S411" s="1"/>
      <c r="T411" s="1"/>
      <c r="U411" s="1"/>
      <c r="V411" s="1"/>
      <c r="W411" s="1"/>
      <c r="X411" s="1"/>
      <c r="Y411" s="1"/>
      <c r="Z411" s="1"/>
      <c r="AA411" s="1"/>
      <c r="AB411" s="1"/>
      <c r="AC411" s="1"/>
      <c r="AD411" s="1"/>
      <c r="AE411" s="1"/>
      <c r="AF411" s="1"/>
      <c r="AG411" s="1"/>
      <c r="AH411" s="1"/>
      <c r="AI411" s="1"/>
      <c r="AJ411" s="1"/>
      <c r="AK411" s="1"/>
    </row>
    <row r="412" spans="2:37" x14ac:dyDescent="0.2">
      <c r="B412" s="1"/>
      <c r="C412" s="1"/>
      <c r="D412" s="1"/>
      <c r="E412" s="1"/>
      <c r="F412" s="1"/>
      <c r="G412" s="1"/>
      <c r="H412" s="1"/>
      <c r="I412" s="1"/>
      <c r="J412" s="1"/>
      <c r="K412" s="1"/>
      <c r="L412" s="1"/>
      <c r="M412" s="1"/>
      <c r="N412" s="1"/>
      <c r="O412" s="1"/>
      <c r="P412" s="1"/>
      <c r="Q412" s="1"/>
      <c r="R412" s="1"/>
      <c r="S412" s="1"/>
      <c r="T412" s="1"/>
      <c r="U412" s="1"/>
      <c r="V412" s="1"/>
      <c r="W412" s="1"/>
      <c r="X412" s="1"/>
      <c r="Y412" s="1"/>
      <c r="Z412" s="1"/>
      <c r="AA412" s="1"/>
      <c r="AB412" s="1"/>
      <c r="AC412" s="1"/>
      <c r="AD412" s="1"/>
      <c r="AE412" s="1"/>
      <c r="AF412" s="1"/>
      <c r="AG412" s="1"/>
      <c r="AH412" s="1"/>
      <c r="AI412" s="1"/>
      <c r="AJ412" s="1"/>
      <c r="AK412" s="1"/>
    </row>
    <row r="413" spans="2:37" x14ac:dyDescent="0.2">
      <c r="B413" s="1"/>
      <c r="C413" s="1"/>
      <c r="D413" s="1"/>
      <c r="E413" s="1"/>
      <c r="F413" s="1"/>
      <c r="G413" s="1"/>
      <c r="H413" s="1"/>
      <c r="I413" s="1"/>
      <c r="J413" s="1"/>
      <c r="K413" s="1"/>
      <c r="L413" s="1"/>
      <c r="M413" s="1"/>
      <c r="N413" s="1"/>
      <c r="O413" s="1"/>
      <c r="P413" s="1"/>
      <c r="Q413" s="1"/>
      <c r="R413" s="1"/>
      <c r="S413" s="1"/>
      <c r="T413" s="1"/>
      <c r="U413" s="1"/>
      <c r="V413" s="1"/>
      <c r="W413" s="1"/>
      <c r="X413" s="1"/>
      <c r="Y413" s="1"/>
      <c r="Z413" s="1"/>
      <c r="AA413" s="1"/>
      <c r="AB413" s="1"/>
      <c r="AC413" s="1"/>
      <c r="AD413" s="1"/>
      <c r="AE413" s="1"/>
      <c r="AF413" s="1"/>
      <c r="AG413" s="1"/>
      <c r="AH413" s="1"/>
      <c r="AI413" s="1"/>
      <c r="AJ413" s="1"/>
      <c r="AK413" s="1"/>
    </row>
    <row r="414" spans="2:37" x14ac:dyDescent="0.2">
      <c r="B414" s="1"/>
      <c r="C414" s="1"/>
      <c r="D414" s="1"/>
      <c r="E414" s="1"/>
      <c r="F414" s="1"/>
      <c r="G414" s="1"/>
      <c r="H414" s="1"/>
      <c r="I414" s="1"/>
      <c r="J414" s="1"/>
      <c r="K414" s="1"/>
      <c r="L414" s="1"/>
      <c r="M414" s="1"/>
      <c r="N414" s="1"/>
      <c r="O414" s="1"/>
      <c r="P414" s="1"/>
      <c r="Q414" s="1"/>
      <c r="R414" s="1"/>
      <c r="S414" s="1"/>
      <c r="T414" s="1"/>
      <c r="U414" s="1"/>
      <c r="V414" s="1"/>
      <c r="W414" s="1"/>
      <c r="X414" s="1"/>
      <c r="Y414" s="1"/>
      <c r="Z414" s="1"/>
      <c r="AA414" s="1"/>
      <c r="AB414" s="1"/>
      <c r="AC414" s="1"/>
      <c r="AD414" s="1"/>
      <c r="AE414" s="1"/>
      <c r="AF414" s="1"/>
      <c r="AG414" s="1"/>
      <c r="AH414" s="1"/>
      <c r="AI414" s="1"/>
      <c r="AJ414" s="1"/>
      <c r="AK414" s="1"/>
    </row>
    <row r="415" spans="2:37" x14ac:dyDescent="0.2">
      <c r="B415" s="1"/>
      <c r="C415" s="1"/>
      <c r="D415" s="1"/>
      <c r="E415" s="1"/>
      <c r="F415" s="1"/>
      <c r="G415" s="1"/>
      <c r="H415" s="1"/>
      <c r="I415" s="1"/>
      <c r="J415" s="1"/>
      <c r="K415" s="1"/>
      <c r="L415" s="1"/>
      <c r="M415" s="1"/>
      <c r="N415" s="1"/>
      <c r="O415" s="1"/>
      <c r="P415" s="1"/>
      <c r="Q415" s="1"/>
      <c r="R415" s="1"/>
      <c r="S415" s="1"/>
      <c r="T415" s="1"/>
      <c r="U415" s="1"/>
      <c r="V415" s="1"/>
      <c r="W415" s="1"/>
      <c r="X415" s="1"/>
      <c r="Y415" s="1"/>
      <c r="Z415" s="1"/>
      <c r="AA415" s="1"/>
      <c r="AB415" s="1"/>
      <c r="AC415" s="1"/>
      <c r="AD415" s="1"/>
      <c r="AE415" s="1"/>
      <c r="AF415" s="1"/>
      <c r="AG415" s="1"/>
      <c r="AH415" s="1"/>
      <c r="AI415" s="1"/>
      <c r="AJ415" s="1"/>
      <c r="AK415" s="1"/>
    </row>
    <row r="416" spans="2:37" x14ac:dyDescent="0.2">
      <c r="B416" s="1"/>
      <c r="C416" s="1"/>
      <c r="D416" s="1"/>
      <c r="E416" s="1"/>
      <c r="F416" s="1"/>
      <c r="G416" s="1"/>
      <c r="H416" s="1"/>
      <c r="I416" s="1"/>
      <c r="J416" s="1"/>
      <c r="K416" s="1"/>
      <c r="L416" s="1"/>
      <c r="M416" s="1"/>
      <c r="N416" s="1"/>
      <c r="O416" s="1"/>
      <c r="P416" s="1"/>
      <c r="Q416" s="1"/>
      <c r="R416" s="1"/>
      <c r="S416" s="1"/>
      <c r="T416" s="1"/>
      <c r="U416" s="1"/>
      <c r="V416" s="1"/>
      <c r="W416" s="1"/>
      <c r="X416" s="1"/>
      <c r="Y416" s="1"/>
      <c r="Z416" s="1"/>
      <c r="AA416" s="1"/>
      <c r="AB416" s="1"/>
      <c r="AC416" s="1"/>
      <c r="AD416" s="1"/>
      <c r="AE416" s="1"/>
      <c r="AF416" s="1"/>
      <c r="AG416" s="1"/>
      <c r="AH416" s="1"/>
      <c r="AI416" s="1"/>
      <c r="AJ416" s="1"/>
      <c r="AK416" s="1"/>
    </row>
    <row r="417" spans="2:37" x14ac:dyDescent="0.2">
      <c r="B417" s="1"/>
      <c r="C417" s="1"/>
      <c r="D417" s="1"/>
      <c r="E417" s="1"/>
      <c r="F417" s="1"/>
      <c r="G417" s="1"/>
      <c r="H417" s="1"/>
      <c r="I417" s="1"/>
      <c r="J417" s="1"/>
      <c r="K417" s="1"/>
      <c r="L417" s="1"/>
      <c r="M417" s="1"/>
      <c r="N417" s="1"/>
      <c r="O417" s="1"/>
      <c r="P417" s="1"/>
      <c r="Q417" s="1"/>
      <c r="R417" s="1"/>
      <c r="S417" s="1"/>
      <c r="T417" s="1"/>
      <c r="U417" s="1"/>
      <c r="V417" s="1"/>
      <c r="W417" s="1"/>
      <c r="X417" s="1"/>
      <c r="Y417" s="1"/>
      <c r="Z417" s="1"/>
      <c r="AA417" s="1"/>
      <c r="AB417" s="1"/>
      <c r="AC417" s="1"/>
      <c r="AD417" s="1"/>
      <c r="AE417" s="1"/>
      <c r="AF417" s="1"/>
      <c r="AG417" s="1"/>
      <c r="AH417" s="1"/>
      <c r="AI417" s="1"/>
      <c r="AJ417" s="1"/>
      <c r="AK417" s="1"/>
    </row>
    <row r="418" spans="2:37" x14ac:dyDescent="0.2">
      <c r="B418" s="1"/>
      <c r="C418" s="1"/>
      <c r="D418" s="1"/>
      <c r="E418" s="1"/>
      <c r="F418" s="1"/>
      <c r="G418" s="1"/>
      <c r="H418" s="1"/>
      <c r="I418" s="1"/>
      <c r="J418" s="1"/>
      <c r="K418" s="1"/>
      <c r="L418" s="1"/>
      <c r="M418" s="1"/>
      <c r="N418" s="1"/>
      <c r="O418" s="1"/>
      <c r="P418" s="1"/>
      <c r="Q418" s="1"/>
      <c r="R418" s="1"/>
      <c r="S418" s="1"/>
      <c r="T418" s="1"/>
      <c r="U418" s="1"/>
      <c r="V418" s="1"/>
      <c r="W418" s="1"/>
      <c r="X418" s="1"/>
      <c r="Y418" s="1"/>
      <c r="Z418" s="1"/>
      <c r="AA418" s="1"/>
      <c r="AB418" s="1"/>
      <c r="AC418" s="1"/>
      <c r="AD418" s="1"/>
      <c r="AE418" s="1"/>
      <c r="AF418" s="1"/>
      <c r="AG418" s="1"/>
      <c r="AH418" s="1"/>
      <c r="AI418" s="1"/>
      <c r="AJ418" s="1"/>
      <c r="AK418" s="1"/>
    </row>
    <row r="419" spans="2:37" x14ac:dyDescent="0.2">
      <c r="B419" s="1"/>
      <c r="C419" s="1"/>
      <c r="D419" s="1"/>
      <c r="E419" s="1"/>
      <c r="F419" s="1"/>
      <c r="G419" s="1"/>
      <c r="H419" s="1"/>
      <c r="I419" s="1"/>
      <c r="J419" s="1"/>
      <c r="K419" s="1"/>
      <c r="L419" s="1"/>
      <c r="M419" s="1"/>
      <c r="N419" s="1"/>
      <c r="O419" s="1"/>
      <c r="P419" s="1"/>
      <c r="Q419" s="1"/>
      <c r="R419" s="1"/>
      <c r="S419" s="1"/>
      <c r="T419" s="1"/>
      <c r="U419" s="1"/>
      <c r="V419" s="1"/>
      <c r="W419" s="1"/>
      <c r="X419" s="1"/>
      <c r="Y419" s="1"/>
      <c r="Z419" s="1"/>
      <c r="AA419" s="1"/>
      <c r="AB419" s="1"/>
      <c r="AC419" s="1"/>
      <c r="AD419" s="1"/>
      <c r="AE419" s="1"/>
      <c r="AF419" s="1"/>
      <c r="AG419" s="1"/>
      <c r="AH419" s="1"/>
      <c r="AI419" s="1"/>
      <c r="AJ419" s="1"/>
      <c r="AK419" s="1"/>
    </row>
    <row r="420" spans="2:37" x14ac:dyDescent="0.2">
      <c r="B420" s="1"/>
      <c r="C420" s="1"/>
      <c r="D420" s="1"/>
      <c r="E420" s="1"/>
      <c r="F420" s="1"/>
      <c r="G420" s="1"/>
      <c r="H420" s="1"/>
      <c r="I420" s="1"/>
      <c r="J420" s="1"/>
      <c r="K420" s="1"/>
      <c r="L420" s="1"/>
      <c r="M420" s="1"/>
      <c r="N420" s="1"/>
      <c r="O420" s="1"/>
      <c r="P420" s="1"/>
      <c r="Q420" s="1"/>
      <c r="R420" s="1"/>
      <c r="S420" s="1"/>
      <c r="T420" s="1"/>
      <c r="U420" s="1"/>
      <c r="V420" s="1"/>
      <c r="W420" s="1"/>
      <c r="X420" s="1"/>
      <c r="Y420" s="1"/>
      <c r="Z420" s="1"/>
      <c r="AA420" s="1"/>
      <c r="AB420" s="1"/>
      <c r="AC420" s="1"/>
      <c r="AD420" s="1"/>
      <c r="AE420" s="1"/>
      <c r="AF420" s="1"/>
      <c r="AG420" s="1"/>
      <c r="AH420" s="1"/>
      <c r="AI420" s="1"/>
      <c r="AJ420" s="1"/>
      <c r="AK420" s="1"/>
    </row>
    <row r="421" spans="2:37" x14ac:dyDescent="0.2">
      <c r="B421" s="1"/>
      <c r="C421" s="1"/>
      <c r="D421" s="1"/>
      <c r="E421" s="1"/>
      <c r="F421" s="1"/>
      <c r="G421" s="1"/>
      <c r="H421" s="1"/>
      <c r="I421" s="1"/>
      <c r="J421" s="1"/>
      <c r="K421" s="1"/>
      <c r="L421" s="1"/>
      <c r="M421" s="1"/>
      <c r="N421" s="1"/>
      <c r="O421" s="1"/>
      <c r="P421" s="1"/>
      <c r="Q421" s="1"/>
      <c r="R421" s="1"/>
      <c r="S421" s="1"/>
      <c r="T421" s="1"/>
      <c r="U421" s="1"/>
      <c r="V421" s="1"/>
      <c r="W421" s="1"/>
      <c r="X421" s="1"/>
      <c r="Y421" s="1"/>
      <c r="Z421" s="1"/>
      <c r="AA421" s="1"/>
      <c r="AB421" s="1"/>
      <c r="AC421" s="1"/>
      <c r="AD421" s="1"/>
      <c r="AE421" s="1"/>
      <c r="AF421" s="1"/>
      <c r="AG421" s="1"/>
      <c r="AH421" s="1"/>
      <c r="AI421" s="1"/>
      <c r="AJ421" s="1"/>
      <c r="AK421" s="1"/>
    </row>
    <row r="422" spans="2:37" x14ac:dyDescent="0.2">
      <c r="B422" s="1"/>
      <c r="C422" s="1"/>
      <c r="D422" s="1"/>
      <c r="E422" s="1"/>
      <c r="F422" s="1"/>
      <c r="G422" s="1"/>
      <c r="H422" s="1"/>
      <c r="I422" s="1"/>
      <c r="J422" s="1"/>
      <c r="K422" s="1"/>
      <c r="L422" s="1"/>
      <c r="M422" s="1"/>
      <c r="N422" s="1"/>
      <c r="O422" s="1"/>
      <c r="P422" s="1"/>
      <c r="Q422" s="1"/>
      <c r="R422" s="1"/>
      <c r="S422" s="1"/>
      <c r="T422" s="1"/>
      <c r="U422" s="1"/>
      <c r="V422" s="1"/>
      <c r="W422" s="1"/>
      <c r="X422" s="1"/>
      <c r="Y422" s="1"/>
      <c r="Z422" s="1"/>
      <c r="AA422" s="1"/>
      <c r="AB422" s="1"/>
      <c r="AC422" s="1"/>
      <c r="AD422" s="1"/>
      <c r="AE422" s="1"/>
      <c r="AF422" s="1"/>
      <c r="AG422" s="1"/>
      <c r="AH422" s="1"/>
      <c r="AI422" s="1"/>
      <c r="AJ422" s="1"/>
      <c r="AK422" s="1"/>
    </row>
    <row r="423" spans="2:37" x14ac:dyDescent="0.2">
      <c r="B423" s="1"/>
      <c r="C423" s="1"/>
      <c r="D423" s="1"/>
      <c r="E423" s="1"/>
      <c r="F423" s="1"/>
      <c r="G423" s="1"/>
      <c r="H423" s="1"/>
      <c r="I423" s="1"/>
      <c r="J423" s="1"/>
      <c r="K423" s="1"/>
      <c r="L423" s="1"/>
      <c r="M423" s="1"/>
      <c r="N423" s="1"/>
      <c r="O423" s="1"/>
      <c r="P423" s="1"/>
      <c r="Q423" s="1"/>
      <c r="R423" s="1"/>
      <c r="S423" s="1"/>
      <c r="T423" s="1"/>
      <c r="U423" s="1"/>
      <c r="V423" s="1"/>
      <c r="W423" s="1"/>
      <c r="X423" s="1"/>
      <c r="Y423" s="1"/>
      <c r="Z423" s="1"/>
      <c r="AA423" s="1"/>
      <c r="AB423" s="1"/>
      <c r="AC423" s="1"/>
      <c r="AD423" s="1"/>
      <c r="AE423" s="1"/>
      <c r="AF423" s="1"/>
      <c r="AG423" s="1"/>
      <c r="AH423" s="1"/>
      <c r="AI423" s="1"/>
      <c r="AJ423" s="1"/>
      <c r="AK423" s="1"/>
    </row>
    <row r="424" spans="2:37" x14ac:dyDescent="0.2">
      <c r="B424" s="1"/>
      <c r="C424" s="1"/>
      <c r="D424" s="1"/>
      <c r="E424" s="1"/>
      <c r="F424" s="1"/>
      <c r="G424" s="1"/>
      <c r="H424" s="1"/>
      <c r="I424" s="1"/>
      <c r="J424" s="1"/>
      <c r="K424" s="1"/>
      <c r="L424" s="1"/>
      <c r="M424" s="1"/>
      <c r="N424" s="1"/>
      <c r="O424" s="1"/>
      <c r="P424" s="1"/>
      <c r="Q424" s="1"/>
      <c r="R424" s="1"/>
      <c r="S424" s="1"/>
      <c r="T424" s="1"/>
      <c r="U424" s="1"/>
      <c r="V424" s="1"/>
      <c r="W424" s="1"/>
      <c r="X424" s="1"/>
      <c r="Y424" s="1"/>
      <c r="Z424" s="1"/>
      <c r="AA424" s="1"/>
      <c r="AB424" s="1"/>
      <c r="AC424" s="1"/>
      <c r="AD424" s="1"/>
      <c r="AE424" s="1"/>
      <c r="AF424" s="1"/>
      <c r="AG424" s="1"/>
      <c r="AH424" s="1"/>
      <c r="AI424" s="1"/>
      <c r="AJ424" s="1"/>
      <c r="AK424" s="1"/>
    </row>
    <row r="425" spans="2:37" x14ac:dyDescent="0.2">
      <c r="B425" s="1"/>
      <c r="C425" s="1"/>
      <c r="D425" s="1"/>
      <c r="E425" s="1"/>
      <c r="F425" s="1"/>
      <c r="G425" s="1"/>
      <c r="H425" s="1"/>
      <c r="I425" s="1"/>
      <c r="J425" s="1"/>
      <c r="K425" s="1"/>
      <c r="L425" s="1"/>
      <c r="M425" s="1"/>
      <c r="N425" s="1"/>
      <c r="O425" s="1"/>
      <c r="P425" s="1"/>
      <c r="Q425" s="1"/>
      <c r="R425" s="1"/>
      <c r="S425" s="1"/>
      <c r="T425" s="1"/>
      <c r="U425" s="1"/>
      <c r="V425" s="1"/>
      <c r="W425" s="1"/>
      <c r="X425" s="1"/>
      <c r="Y425" s="1"/>
      <c r="Z425" s="1"/>
      <c r="AA425" s="1"/>
      <c r="AB425" s="1"/>
      <c r="AC425" s="1"/>
      <c r="AD425" s="1"/>
      <c r="AE425" s="1"/>
      <c r="AF425" s="1"/>
      <c r="AG425" s="1"/>
      <c r="AH425" s="1"/>
      <c r="AI425" s="1"/>
      <c r="AJ425" s="1"/>
      <c r="AK425" s="1"/>
    </row>
    <row r="426" spans="2:37" x14ac:dyDescent="0.2">
      <c r="B426" s="1"/>
      <c r="C426" s="1"/>
      <c r="D426" s="1"/>
      <c r="E426" s="1"/>
      <c r="F426" s="1"/>
      <c r="G426" s="1"/>
      <c r="H426" s="1"/>
      <c r="I426" s="1"/>
      <c r="J426" s="1"/>
      <c r="K426" s="1"/>
      <c r="L426" s="1"/>
      <c r="M426" s="1"/>
      <c r="N426" s="1"/>
      <c r="O426" s="1"/>
      <c r="P426" s="1"/>
      <c r="Q426" s="1"/>
      <c r="R426" s="1"/>
      <c r="S426" s="1"/>
      <c r="T426" s="1"/>
      <c r="U426" s="1"/>
      <c r="V426" s="1"/>
      <c r="W426" s="1"/>
      <c r="X426" s="1"/>
      <c r="Y426" s="1"/>
      <c r="Z426" s="1"/>
      <c r="AA426" s="1"/>
      <c r="AB426" s="1"/>
      <c r="AC426" s="1"/>
      <c r="AD426" s="1"/>
      <c r="AE426" s="1"/>
      <c r="AF426" s="1"/>
      <c r="AG426" s="1"/>
      <c r="AH426" s="1"/>
      <c r="AI426" s="1"/>
      <c r="AJ426" s="1"/>
      <c r="AK426" s="1"/>
    </row>
    <row r="427" spans="2:37" x14ac:dyDescent="0.2">
      <c r="B427" s="1"/>
      <c r="C427" s="1"/>
      <c r="D427" s="1"/>
      <c r="E427" s="1"/>
      <c r="F427" s="1"/>
      <c r="G427" s="1"/>
      <c r="H427" s="1"/>
      <c r="I427" s="1"/>
      <c r="J427" s="1"/>
      <c r="K427" s="1"/>
      <c r="L427" s="1"/>
      <c r="M427" s="1"/>
      <c r="N427" s="1"/>
      <c r="O427" s="1"/>
      <c r="P427" s="1"/>
      <c r="Q427" s="1"/>
      <c r="R427" s="1"/>
      <c r="S427" s="1"/>
      <c r="T427" s="1"/>
      <c r="U427" s="1"/>
      <c r="V427" s="1"/>
      <c r="W427" s="1"/>
      <c r="X427" s="1"/>
      <c r="Y427" s="1"/>
      <c r="Z427" s="1"/>
      <c r="AA427" s="1"/>
      <c r="AB427" s="1"/>
      <c r="AC427" s="1"/>
      <c r="AD427" s="1"/>
      <c r="AE427" s="1"/>
      <c r="AF427" s="1"/>
      <c r="AG427" s="1"/>
      <c r="AH427" s="1"/>
      <c r="AI427" s="1"/>
      <c r="AJ427" s="1"/>
      <c r="AK427" s="1"/>
    </row>
    <row r="428" spans="2:37" x14ac:dyDescent="0.2">
      <c r="B428" s="1"/>
      <c r="C428" s="1"/>
      <c r="D428" s="1"/>
      <c r="E428" s="1"/>
      <c r="F428" s="1"/>
      <c r="G428" s="1"/>
      <c r="H428" s="1"/>
      <c r="I428" s="1"/>
      <c r="J428" s="1"/>
      <c r="K428" s="1"/>
      <c r="L428" s="1"/>
      <c r="M428" s="1"/>
      <c r="N428" s="1"/>
      <c r="O428" s="1"/>
      <c r="P428" s="1"/>
      <c r="Q428" s="1"/>
      <c r="R428" s="1"/>
      <c r="S428" s="1"/>
      <c r="T428" s="1"/>
      <c r="U428" s="1"/>
      <c r="V428" s="1"/>
      <c r="W428" s="1"/>
      <c r="X428" s="1"/>
      <c r="Y428" s="1"/>
      <c r="Z428" s="1"/>
      <c r="AA428" s="1"/>
      <c r="AB428" s="1"/>
      <c r="AC428" s="1"/>
      <c r="AD428" s="1"/>
      <c r="AE428" s="1"/>
      <c r="AF428" s="1"/>
      <c r="AG428" s="1"/>
      <c r="AH428" s="1"/>
      <c r="AI428" s="1"/>
      <c r="AJ428" s="1"/>
      <c r="AK428" s="1"/>
    </row>
    <row r="429" spans="2:37" x14ac:dyDescent="0.2">
      <c r="B429" s="1"/>
      <c r="C429" s="1"/>
      <c r="D429" s="1"/>
      <c r="E429" s="1"/>
      <c r="F429" s="1"/>
      <c r="G429" s="1"/>
      <c r="H429" s="1"/>
      <c r="I429" s="1"/>
      <c r="J429" s="1"/>
      <c r="K429" s="1"/>
      <c r="L429" s="1"/>
      <c r="M429" s="1"/>
      <c r="N429" s="1"/>
      <c r="O429" s="1"/>
      <c r="P429" s="1"/>
      <c r="Q429" s="1"/>
      <c r="R429" s="1"/>
      <c r="S429" s="1"/>
      <c r="T429" s="1"/>
      <c r="U429" s="1"/>
      <c r="V429" s="1"/>
      <c r="W429" s="1"/>
      <c r="X429" s="1"/>
      <c r="Y429" s="1"/>
      <c r="Z429" s="1"/>
      <c r="AA429" s="1"/>
      <c r="AB429" s="1"/>
      <c r="AC429" s="1"/>
      <c r="AD429" s="1"/>
      <c r="AE429" s="1"/>
      <c r="AF429" s="1"/>
      <c r="AG429" s="1"/>
      <c r="AH429" s="1"/>
      <c r="AI429" s="1"/>
      <c r="AJ429" s="1"/>
      <c r="AK429" s="1"/>
    </row>
    <row r="430" spans="2:37" x14ac:dyDescent="0.2">
      <c r="B430" s="1"/>
      <c r="C430" s="1"/>
      <c r="D430" s="1"/>
      <c r="E430" s="1"/>
      <c r="F430" s="1"/>
      <c r="G430" s="1"/>
      <c r="H430" s="1"/>
      <c r="I430" s="1"/>
      <c r="J430" s="1"/>
      <c r="K430" s="1"/>
      <c r="L430" s="1"/>
      <c r="M430" s="1"/>
      <c r="N430" s="1"/>
      <c r="O430" s="1"/>
      <c r="P430" s="1"/>
      <c r="Q430" s="1"/>
      <c r="R430" s="1"/>
      <c r="S430" s="1"/>
      <c r="T430" s="1"/>
      <c r="U430" s="1"/>
      <c r="V430" s="1"/>
      <c r="W430" s="1"/>
      <c r="X430" s="1"/>
      <c r="Y430" s="1"/>
      <c r="Z430" s="1"/>
      <c r="AA430" s="1"/>
      <c r="AB430" s="1"/>
      <c r="AC430" s="1"/>
      <c r="AD430" s="1"/>
      <c r="AE430" s="1"/>
      <c r="AF430" s="1"/>
      <c r="AG430" s="1"/>
      <c r="AH430" s="1"/>
      <c r="AI430" s="1"/>
      <c r="AJ430" s="1"/>
      <c r="AK430" s="1"/>
    </row>
    <row r="431" spans="2:37" x14ac:dyDescent="0.2">
      <c r="B431" s="1"/>
      <c r="C431" s="1"/>
      <c r="D431" s="1"/>
      <c r="E431" s="1"/>
      <c r="F431" s="1"/>
      <c r="G431" s="1"/>
      <c r="H431" s="1"/>
      <c r="I431" s="1"/>
      <c r="J431" s="1"/>
      <c r="K431" s="1"/>
      <c r="L431" s="1"/>
      <c r="M431" s="1"/>
      <c r="N431" s="1"/>
      <c r="O431" s="1"/>
      <c r="P431" s="1"/>
      <c r="Q431" s="1"/>
      <c r="R431" s="1"/>
      <c r="S431" s="1"/>
      <c r="T431" s="1"/>
      <c r="U431" s="1"/>
      <c r="V431" s="1"/>
      <c r="W431" s="1"/>
      <c r="X431" s="1"/>
      <c r="Y431" s="1"/>
      <c r="Z431" s="1"/>
      <c r="AA431" s="1"/>
      <c r="AB431" s="1"/>
      <c r="AC431" s="1"/>
      <c r="AD431" s="1"/>
      <c r="AE431" s="1"/>
      <c r="AF431" s="1"/>
      <c r="AG431" s="1"/>
      <c r="AH431" s="1"/>
      <c r="AI431" s="1"/>
      <c r="AJ431" s="1"/>
      <c r="AK431" s="1"/>
    </row>
    <row r="432" spans="2:37" x14ac:dyDescent="0.2">
      <c r="B432" s="1"/>
      <c r="C432" s="1"/>
      <c r="D432" s="1"/>
      <c r="E432" s="1"/>
      <c r="F432" s="1"/>
      <c r="G432" s="1"/>
      <c r="H432" s="1"/>
      <c r="I432" s="1"/>
      <c r="J432" s="1"/>
      <c r="K432" s="1"/>
      <c r="L432" s="1"/>
      <c r="M432" s="1"/>
      <c r="N432" s="1"/>
      <c r="O432" s="1"/>
      <c r="P432" s="1"/>
      <c r="Q432" s="1"/>
      <c r="R432" s="1"/>
      <c r="S432" s="1"/>
      <c r="T432" s="1"/>
      <c r="U432" s="1"/>
      <c r="V432" s="1"/>
      <c r="W432" s="1"/>
      <c r="X432" s="1"/>
      <c r="Y432" s="1"/>
      <c r="Z432" s="1"/>
      <c r="AA432" s="1"/>
      <c r="AB432" s="1"/>
      <c r="AC432" s="1"/>
      <c r="AD432" s="1"/>
      <c r="AE432" s="1"/>
      <c r="AF432" s="1"/>
      <c r="AG432" s="1"/>
      <c r="AH432" s="1"/>
      <c r="AI432" s="1"/>
      <c r="AJ432" s="1"/>
      <c r="AK432" s="1"/>
    </row>
    <row r="433" spans="2:37" x14ac:dyDescent="0.2">
      <c r="B433" s="1"/>
      <c r="C433" s="1"/>
      <c r="D433" s="1"/>
      <c r="E433" s="1"/>
      <c r="F433" s="1"/>
      <c r="G433" s="1"/>
      <c r="H433" s="1"/>
      <c r="I433" s="1"/>
      <c r="J433" s="1"/>
      <c r="K433" s="1"/>
      <c r="L433" s="1"/>
      <c r="M433" s="1"/>
      <c r="N433" s="1"/>
      <c r="O433" s="1"/>
      <c r="P433" s="1"/>
      <c r="Q433" s="1"/>
      <c r="R433" s="1"/>
      <c r="S433" s="1"/>
      <c r="T433" s="1"/>
      <c r="U433" s="1"/>
      <c r="V433" s="1"/>
      <c r="W433" s="1"/>
      <c r="X433" s="1"/>
      <c r="Y433" s="1"/>
      <c r="Z433" s="1"/>
      <c r="AA433" s="1"/>
      <c r="AB433" s="1"/>
      <c r="AC433" s="1"/>
      <c r="AD433" s="1"/>
      <c r="AE433" s="1"/>
      <c r="AF433" s="1"/>
      <c r="AG433" s="1"/>
      <c r="AH433" s="1"/>
      <c r="AI433" s="1"/>
      <c r="AJ433" s="1"/>
      <c r="AK433" s="1"/>
    </row>
    <row r="434" spans="2:37" x14ac:dyDescent="0.2">
      <c r="B434" s="1"/>
      <c r="C434" s="1"/>
      <c r="D434" s="1"/>
      <c r="E434" s="1"/>
      <c r="F434" s="1"/>
      <c r="G434" s="1"/>
      <c r="H434" s="1"/>
      <c r="I434" s="1"/>
      <c r="J434" s="1"/>
      <c r="K434" s="1"/>
      <c r="L434" s="1"/>
      <c r="M434" s="1"/>
      <c r="N434" s="1"/>
      <c r="O434" s="1"/>
      <c r="P434" s="1"/>
      <c r="Q434" s="1"/>
      <c r="R434" s="1"/>
      <c r="S434" s="1"/>
      <c r="T434" s="1"/>
      <c r="U434" s="1"/>
      <c r="V434" s="1"/>
      <c r="W434" s="1"/>
      <c r="X434" s="1"/>
      <c r="Y434" s="1"/>
      <c r="Z434" s="1"/>
      <c r="AA434" s="1"/>
      <c r="AB434" s="1"/>
      <c r="AC434" s="1"/>
      <c r="AD434" s="1"/>
      <c r="AE434" s="1"/>
      <c r="AF434" s="1"/>
      <c r="AG434" s="1"/>
      <c r="AH434" s="1"/>
      <c r="AI434" s="1"/>
      <c r="AJ434" s="1"/>
      <c r="AK434" s="1"/>
    </row>
    <row r="435" spans="2:37" x14ac:dyDescent="0.2">
      <c r="B435" s="1"/>
      <c r="C435" s="1"/>
      <c r="D435" s="1"/>
      <c r="E435" s="1"/>
      <c r="F435" s="1"/>
      <c r="G435" s="1"/>
      <c r="H435" s="1"/>
      <c r="I435" s="1"/>
      <c r="J435" s="1"/>
      <c r="K435" s="1"/>
      <c r="L435" s="1"/>
      <c r="M435" s="1"/>
      <c r="N435" s="1"/>
      <c r="O435" s="1"/>
      <c r="P435" s="1"/>
      <c r="Q435" s="1"/>
      <c r="R435" s="1"/>
      <c r="S435" s="1"/>
      <c r="T435" s="1"/>
      <c r="U435" s="1"/>
      <c r="V435" s="1"/>
      <c r="W435" s="1"/>
      <c r="X435" s="1"/>
      <c r="Y435" s="1"/>
      <c r="Z435" s="1"/>
      <c r="AA435" s="1"/>
      <c r="AB435" s="1"/>
      <c r="AC435" s="1"/>
      <c r="AD435" s="1"/>
      <c r="AE435" s="1"/>
      <c r="AF435" s="1"/>
      <c r="AG435" s="1"/>
      <c r="AH435" s="1"/>
      <c r="AI435" s="1"/>
      <c r="AJ435" s="1"/>
      <c r="AK435" s="1"/>
    </row>
    <row r="436" spans="2:37" x14ac:dyDescent="0.2">
      <c r="B436" s="1"/>
      <c r="C436" s="1"/>
      <c r="D436" s="1"/>
      <c r="E436" s="1"/>
      <c r="F436" s="1"/>
      <c r="G436" s="1"/>
      <c r="H436" s="1"/>
      <c r="I436" s="1"/>
      <c r="J436" s="1"/>
      <c r="K436" s="1"/>
      <c r="L436" s="1"/>
      <c r="M436" s="1"/>
      <c r="N436" s="1"/>
      <c r="O436" s="1"/>
      <c r="P436" s="1"/>
      <c r="Q436" s="1"/>
      <c r="R436" s="1"/>
      <c r="S436" s="1"/>
      <c r="T436" s="1"/>
      <c r="U436" s="1"/>
      <c r="V436" s="1"/>
      <c r="W436" s="1"/>
      <c r="X436" s="1"/>
      <c r="Y436" s="1"/>
      <c r="Z436" s="1"/>
      <c r="AA436" s="1"/>
      <c r="AB436" s="1"/>
      <c r="AC436" s="1"/>
      <c r="AD436" s="1"/>
      <c r="AE436" s="1"/>
      <c r="AF436" s="1"/>
      <c r="AG436" s="1"/>
      <c r="AH436" s="1"/>
      <c r="AI436" s="1"/>
      <c r="AJ436" s="1"/>
      <c r="AK436" s="1"/>
    </row>
    <row r="437" spans="2:37" x14ac:dyDescent="0.2">
      <c r="B437" s="1"/>
      <c r="C437" s="1"/>
      <c r="D437" s="1"/>
      <c r="E437" s="1"/>
      <c r="F437" s="1"/>
      <c r="G437" s="1"/>
      <c r="H437" s="1"/>
      <c r="I437" s="1"/>
      <c r="J437" s="1"/>
      <c r="K437" s="1"/>
      <c r="L437" s="1"/>
      <c r="M437" s="1"/>
      <c r="N437" s="1"/>
      <c r="O437" s="1"/>
      <c r="P437" s="1"/>
      <c r="Q437" s="1"/>
      <c r="R437" s="1"/>
      <c r="S437" s="1"/>
      <c r="T437" s="1"/>
      <c r="U437" s="1"/>
      <c r="V437" s="1"/>
      <c r="W437" s="1"/>
      <c r="X437" s="1"/>
      <c r="Y437" s="1"/>
      <c r="Z437" s="1"/>
      <c r="AA437" s="1"/>
      <c r="AB437" s="1"/>
      <c r="AC437" s="1"/>
      <c r="AD437" s="1"/>
      <c r="AE437" s="1"/>
      <c r="AF437" s="1"/>
      <c r="AG437" s="1"/>
      <c r="AH437" s="1"/>
      <c r="AI437" s="1"/>
      <c r="AJ437" s="1"/>
      <c r="AK437" s="1"/>
    </row>
    <row r="438" spans="2:37" x14ac:dyDescent="0.2">
      <c r="B438" s="1"/>
      <c r="C438" s="1"/>
      <c r="D438" s="1"/>
      <c r="E438" s="1"/>
      <c r="F438" s="1"/>
      <c r="G438" s="1"/>
      <c r="H438" s="1"/>
      <c r="I438" s="1"/>
      <c r="J438" s="1"/>
      <c r="K438" s="1"/>
      <c r="L438" s="1"/>
      <c r="M438" s="1"/>
      <c r="N438" s="1"/>
      <c r="O438" s="1"/>
      <c r="P438" s="1"/>
      <c r="Q438" s="1"/>
      <c r="R438" s="1"/>
      <c r="S438" s="1"/>
      <c r="T438" s="1"/>
      <c r="U438" s="1"/>
      <c r="V438" s="1"/>
      <c r="W438" s="1"/>
      <c r="X438" s="1"/>
      <c r="Y438" s="1"/>
      <c r="Z438" s="1"/>
      <c r="AA438" s="1"/>
      <c r="AB438" s="1"/>
      <c r="AC438" s="1"/>
      <c r="AD438" s="1"/>
      <c r="AE438" s="1"/>
      <c r="AF438" s="1"/>
      <c r="AG438" s="1"/>
      <c r="AH438" s="1"/>
      <c r="AI438" s="1"/>
      <c r="AJ438" s="1"/>
      <c r="AK438" s="1"/>
    </row>
    <row r="439" spans="2:37" x14ac:dyDescent="0.2">
      <c r="B439" s="1"/>
      <c r="C439" s="1"/>
      <c r="D439" s="1"/>
      <c r="E439" s="1"/>
      <c r="F439" s="1"/>
      <c r="G439" s="1"/>
      <c r="H439" s="1"/>
      <c r="I439" s="1"/>
      <c r="J439" s="1"/>
      <c r="K439" s="1"/>
      <c r="L439" s="1"/>
      <c r="M439" s="1"/>
      <c r="N439" s="1"/>
      <c r="O439" s="1"/>
      <c r="P439" s="1"/>
      <c r="Q439" s="1"/>
      <c r="R439" s="1"/>
      <c r="S439" s="1"/>
      <c r="T439" s="1"/>
      <c r="U439" s="1"/>
      <c r="V439" s="1"/>
      <c r="W439" s="1"/>
      <c r="X439" s="1"/>
      <c r="Y439" s="1"/>
      <c r="Z439" s="1"/>
      <c r="AA439" s="1"/>
      <c r="AB439" s="1"/>
      <c r="AC439" s="1"/>
      <c r="AD439" s="1"/>
      <c r="AE439" s="1"/>
      <c r="AF439" s="1"/>
      <c r="AG439" s="1"/>
      <c r="AH439" s="1"/>
      <c r="AI439" s="1"/>
      <c r="AJ439" s="1"/>
      <c r="AK439" s="1"/>
    </row>
    <row r="440" spans="2:37" x14ac:dyDescent="0.2">
      <c r="B440" s="1"/>
      <c r="C440" s="1"/>
      <c r="D440" s="1"/>
      <c r="E440" s="1"/>
      <c r="F440" s="1"/>
      <c r="G440" s="1"/>
      <c r="H440" s="1"/>
      <c r="I440" s="1"/>
      <c r="J440" s="1"/>
      <c r="K440" s="1"/>
      <c r="L440" s="1"/>
      <c r="M440" s="1"/>
      <c r="N440" s="1"/>
      <c r="O440" s="1"/>
      <c r="P440" s="1"/>
      <c r="Q440" s="1"/>
      <c r="R440" s="1"/>
      <c r="S440" s="1"/>
      <c r="T440" s="1"/>
      <c r="U440" s="1"/>
      <c r="V440" s="1"/>
      <c r="W440" s="1"/>
      <c r="X440" s="1"/>
      <c r="Y440" s="1"/>
      <c r="Z440" s="1"/>
      <c r="AA440" s="1"/>
      <c r="AB440" s="1"/>
      <c r="AC440" s="1"/>
      <c r="AD440" s="1"/>
      <c r="AE440" s="1"/>
      <c r="AF440" s="1"/>
      <c r="AG440" s="1"/>
      <c r="AH440" s="1"/>
      <c r="AI440" s="1"/>
      <c r="AJ440" s="1"/>
      <c r="AK440" s="1"/>
    </row>
    <row r="441" spans="2:37" x14ac:dyDescent="0.2">
      <c r="B441" s="1"/>
      <c r="C441" s="1"/>
      <c r="D441" s="1"/>
      <c r="E441" s="1"/>
      <c r="F441" s="1"/>
      <c r="G441" s="1"/>
      <c r="H441" s="1"/>
      <c r="I441" s="1"/>
      <c r="J441" s="1"/>
      <c r="K441" s="1"/>
      <c r="L441" s="1"/>
      <c r="M441" s="1"/>
      <c r="N441" s="1"/>
      <c r="O441" s="1"/>
      <c r="P441" s="1"/>
      <c r="Q441" s="1"/>
      <c r="R441" s="1"/>
      <c r="S441" s="1"/>
      <c r="T441" s="1"/>
      <c r="U441" s="1"/>
      <c r="V441" s="1"/>
      <c r="W441" s="1"/>
      <c r="X441" s="1"/>
      <c r="Y441" s="1"/>
      <c r="Z441" s="1"/>
      <c r="AA441" s="1"/>
      <c r="AB441" s="1"/>
      <c r="AC441" s="1"/>
      <c r="AD441" s="1"/>
      <c r="AE441" s="1"/>
      <c r="AF441" s="1"/>
      <c r="AG441" s="1"/>
      <c r="AH441" s="1"/>
      <c r="AI441" s="1"/>
      <c r="AJ441" s="1"/>
      <c r="AK441" s="1"/>
    </row>
    <row r="442" spans="2:37" x14ac:dyDescent="0.2">
      <c r="B442" s="1"/>
      <c r="C442" s="1"/>
      <c r="D442" s="1"/>
      <c r="E442" s="1"/>
      <c r="F442" s="1"/>
      <c r="G442" s="1"/>
      <c r="H442" s="1"/>
      <c r="I442" s="1"/>
      <c r="J442" s="1"/>
      <c r="K442" s="1"/>
      <c r="L442" s="1"/>
      <c r="M442" s="1"/>
      <c r="N442" s="1"/>
      <c r="O442" s="1"/>
      <c r="P442" s="1"/>
      <c r="Q442" s="1"/>
      <c r="R442" s="1"/>
      <c r="S442" s="1"/>
      <c r="T442" s="1"/>
      <c r="U442" s="1"/>
      <c r="V442" s="1"/>
      <c r="W442" s="1"/>
      <c r="X442" s="1"/>
      <c r="Y442" s="1"/>
      <c r="Z442" s="1"/>
      <c r="AA442" s="1"/>
      <c r="AB442" s="1"/>
      <c r="AC442" s="1"/>
      <c r="AD442" s="1"/>
      <c r="AE442" s="1"/>
      <c r="AF442" s="1"/>
      <c r="AG442" s="1"/>
      <c r="AH442" s="1"/>
      <c r="AI442" s="1"/>
      <c r="AJ442" s="1"/>
      <c r="AK442" s="1"/>
    </row>
    <row r="443" spans="2:37" x14ac:dyDescent="0.2">
      <c r="B443" s="1"/>
      <c r="C443" s="1"/>
      <c r="D443" s="1"/>
      <c r="E443" s="1"/>
      <c r="F443" s="1"/>
      <c r="G443" s="1"/>
      <c r="H443" s="1"/>
      <c r="I443" s="1"/>
      <c r="J443" s="1"/>
      <c r="K443" s="1"/>
      <c r="L443" s="1"/>
      <c r="M443" s="1"/>
      <c r="N443" s="1"/>
      <c r="O443" s="1"/>
      <c r="P443" s="1"/>
      <c r="Q443" s="1"/>
      <c r="R443" s="1"/>
      <c r="S443" s="1"/>
      <c r="T443" s="1"/>
      <c r="U443" s="1"/>
      <c r="V443" s="1"/>
      <c r="W443" s="1"/>
      <c r="X443" s="1"/>
      <c r="Y443" s="1"/>
      <c r="Z443" s="1"/>
      <c r="AA443" s="1"/>
      <c r="AB443" s="1"/>
      <c r="AC443" s="1"/>
      <c r="AD443" s="1"/>
      <c r="AE443" s="1"/>
      <c r="AF443" s="1"/>
      <c r="AG443" s="1"/>
      <c r="AH443" s="1"/>
      <c r="AI443" s="1"/>
      <c r="AJ443" s="1"/>
      <c r="AK443" s="1"/>
    </row>
    <row r="444" spans="2:37" x14ac:dyDescent="0.2">
      <c r="B444" s="1"/>
      <c r="C444" s="1"/>
      <c r="D444" s="1"/>
      <c r="E444" s="1"/>
      <c r="F444" s="1"/>
      <c r="G444" s="1"/>
      <c r="H444" s="1"/>
      <c r="I444" s="1"/>
      <c r="J444" s="1"/>
      <c r="K444" s="1"/>
      <c r="L444" s="1"/>
      <c r="M444" s="1"/>
      <c r="N444" s="1"/>
      <c r="O444" s="1"/>
      <c r="P444" s="1"/>
      <c r="Q444" s="1"/>
      <c r="R444" s="1"/>
      <c r="S444" s="1"/>
      <c r="T444" s="1"/>
      <c r="U444" s="1"/>
      <c r="V444" s="1"/>
      <c r="W444" s="1"/>
      <c r="X444" s="1"/>
      <c r="Y444" s="1"/>
      <c r="Z444" s="1"/>
      <c r="AA444" s="1"/>
      <c r="AB444" s="1"/>
      <c r="AC444" s="1"/>
      <c r="AD444" s="1"/>
      <c r="AE444" s="1"/>
      <c r="AF444" s="1"/>
      <c r="AG444" s="1"/>
      <c r="AH444" s="1"/>
      <c r="AI444" s="1"/>
      <c r="AJ444" s="1"/>
      <c r="AK444" s="1"/>
    </row>
    <row r="445" spans="2:37" x14ac:dyDescent="0.2">
      <c r="B445" s="1"/>
      <c r="C445" s="1"/>
      <c r="D445" s="1"/>
      <c r="E445" s="1"/>
      <c r="F445" s="1"/>
      <c r="G445" s="1"/>
      <c r="H445" s="1"/>
      <c r="I445" s="1"/>
      <c r="J445" s="1"/>
      <c r="K445" s="1"/>
      <c r="L445" s="1"/>
      <c r="M445" s="1"/>
      <c r="N445" s="1"/>
      <c r="O445" s="1"/>
      <c r="P445" s="1"/>
      <c r="Q445" s="1"/>
      <c r="R445" s="1"/>
      <c r="S445" s="1"/>
      <c r="T445" s="1"/>
      <c r="U445" s="1"/>
      <c r="V445" s="1"/>
      <c r="W445" s="1"/>
      <c r="X445" s="1"/>
      <c r="Y445" s="1"/>
      <c r="Z445" s="1"/>
      <c r="AA445" s="1"/>
      <c r="AB445" s="1"/>
      <c r="AC445" s="1"/>
      <c r="AD445" s="1"/>
      <c r="AE445" s="1"/>
      <c r="AF445" s="1"/>
      <c r="AG445" s="1"/>
      <c r="AH445" s="1"/>
      <c r="AI445" s="1"/>
      <c r="AJ445" s="1"/>
      <c r="AK445" s="1"/>
    </row>
    <row r="446" spans="2:37" x14ac:dyDescent="0.2">
      <c r="B446" s="1"/>
      <c r="C446" s="1"/>
      <c r="D446" s="1"/>
      <c r="E446" s="1"/>
      <c r="F446" s="1"/>
      <c r="G446" s="1"/>
      <c r="H446" s="1"/>
      <c r="I446" s="1"/>
      <c r="J446" s="1"/>
      <c r="K446" s="1"/>
      <c r="L446" s="1"/>
      <c r="M446" s="1"/>
      <c r="N446" s="1"/>
      <c r="O446" s="1"/>
      <c r="P446" s="1"/>
      <c r="Q446" s="1"/>
      <c r="R446" s="1"/>
      <c r="S446" s="1"/>
      <c r="T446" s="1"/>
      <c r="U446" s="1"/>
      <c r="V446" s="1"/>
      <c r="W446" s="1"/>
      <c r="X446" s="1"/>
      <c r="Y446" s="1"/>
      <c r="Z446" s="1"/>
      <c r="AA446" s="1"/>
      <c r="AB446" s="1"/>
      <c r="AC446" s="1"/>
      <c r="AD446" s="1"/>
      <c r="AE446" s="1"/>
      <c r="AF446" s="1"/>
      <c r="AG446" s="1"/>
      <c r="AH446" s="1"/>
      <c r="AI446" s="1"/>
      <c r="AJ446" s="1"/>
      <c r="AK446" s="1"/>
    </row>
    <row r="447" spans="2:37" x14ac:dyDescent="0.2">
      <c r="B447" s="1"/>
      <c r="C447" s="1"/>
      <c r="D447" s="1"/>
      <c r="E447" s="1"/>
      <c r="F447" s="1"/>
      <c r="G447" s="1"/>
      <c r="H447" s="1"/>
      <c r="I447" s="1"/>
      <c r="J447" s="1"/>
      <c r="K447" s="1"/>
      <c r="L447" s="1"/>
      <c r="M447" s="1"/>
      <c r="N447" s="1"/>
      <c r="O447" s="1"/>
      <c r="P447" s="1"/>
      <c r="Q447" s="1"/>
      <c r="R447" s="1"/>
      <c r="S447" s="1"/>
      <c r="T447" s="1"/>
      <c r="U447" s="1"/>
      <c r="V447" s="1"/>
      <c r="W447" s="1"/>
      <c r="X447" s="1"/>
      <c r="Y447" s="1"/>
      <c r="Z447" s="1"/>
      <c r="AA447" s="1"/>
      <c r="AB447" s="1"/>
      <c r="AC447" s="1"/>
      <c r="AD447" s="1"/>
      <c r="AE447" s="1"/>
      <c r="AF447" s="1"/>
      <c r="AG447" s="1"/>
      <c r="AH447" s="1"/>
      <c r="AI447" s="1"/>
      <c r="AJ447" s="1"/>
      <c r="AK447" s="1"/>
    </row>
    <row r="448" spans="2:37" x14ac:dyDescent="0.2">
      <c r="B448" s="1"/>
      <c r="C448" s="1"/>
      <c r="D448" s="1"/>
      <c r="E448" s="1"/>
      <c r="F448" s="1"/>
      <c r="G448" s="1"/>
      <c r="H448" s="1"/>
      <c r="I448" s="1"/>
      <c r="J448" s="1"/>
      <c r="K448" s="1"/>
      <c r="L448" s="1"/>
      <c r="M448" s="1"/>
      <c r="N448" s="1"/>
      <c r="O448" s="1"/>
      <c r="P448" s="1"/>
      <c r="Q448" s="1"/>
      <c r="R448" s="1"/>
      <c r="S448" s="1"/>
      <c r="T448" s="1"/>
      <c r="U448" s="1"/>
      <c r="V448" s="1"/>
      <c r="W448" s="1"/>
      <c r="X448" s="1"/>
      <c r="Y448" s="1"/>
      <c r="Z448" s="1"/>
      <c r="AA448" s="1"/>
      <c r="AB448" s="1"/>
      <c r="AC448" s="1"/>
      <c r="AD448" s="1"/>
      <c r="AE448" s="1"/>
      <c r="AF448" s="1"/>
      <c r="AG448" s="1"/>
      <c r="AH448" s="1"/>
      <c r="AI448" s="1"/>
      <c r="AJ448" s="1"/>
      <c r="AK448" s="1"/>
    </row>
    <row r="449" spans="2:37" x14ac:dyDescent="0.2">
      <c r="B449" s="1"/>
      <c r="C449" s="1"/>
      <c r="D449" s="1"/>
      <c r="E449" s="1"/>
      <c r="F449" s="1"/>
      <c r="G449" s="1"/>
      <c r="H449" s="1"/>
      <c r="I449" s="1"/>
      <c r="J449" s="1"/>
      <c r="K449" s="1"/>
      <c r="L449" s="1"/>
      <c r="M449" s="1"/>
      <c r="N449" s="1"/>
      <c r="O449" s="1"/>
      <c r="P449" s="1"/>
      <c r="Q449" s="1"/>
      <c r="R449" s="1"/>
      <c r="S449" s="1"/>
      <c r="T449" s="1"/>
      <c r="U449" s="1"/>
      <c r="V449" s="1"/>
      <c r="W449" s="1"/>
      <c r="X449" s="1"/>
      <c r="Y449" s="1"/>
      <c r="Z449" s="1"/>
      <c r="AA449" s="1"/>
      <c r="AB449" s="1"/>
      <c r="AC449" s="1"/>
      <c r="AD449" s="1"/>
      <c r="AE449" s="1"/>
      <c r="AF449" s="1"/>
      <c r="AG449" s="1"/>
      <c r="AH449" s="1"/>
      <c r="AI449" s="1"/>
      <c r="AJ449" s="1"/>
      <c r="AK449" s="1"/>
    </row>
    <row r="450" spans="2:37" x14ac:dyDescent="0.2">
      <c r="B450" s="1"/>
      <c r="C450" s="1"/>
      <c r="D450" s="1"/>
      <c r="E450" s="1"/>
      <c r="F450" s="1"/>
      <c r="G450" s="1"/>
      <c r="H450" s="1"/>
      <c r="I450" s="1"/>
      <c r="J450" s="1"/>
      <c r="K450" s="1"/>
      <c r="L450" s="1"/>
      <c r="M450" s="1"/>
      <c r="N450" s="1"/>
      <c r="O450" s="1"/>
      <c r="P450" s="1"/>
      <c r="Q450" s="1"/>
      <c r="R450" s="1"/>
      <c r="S450" s="1"/>
      <c r="T450" s="1"/>
      <c r="U450" s="1"/>
      <c r="V450" s="1"/>
      <c r="W450" s="1"/>
      <c r="X450" s="1"/>
      <c r="Y450" s="1"/>
      <c r="Z450" s="1"/>
      <c r="AA450" s="1"/>
      <c r="AB450" s="1"/>
      <c r="AC450" s="1"/>
      <c r="AD450" s="1"/>
      <c r="AE450" s="1"/>
      <c r="AF450" s="1"/>
      <c r="AG450" s="1"/>
      <c r="AH450" s="1"/>
      <c r="AI450" s="1"/>
      <c r="AJ450" s="1"/>
      <c r="AK450" s="1"/>
    </row>
    <row r="451" spans="2:37" x14ac:dyDescent="0.2">
      <c r="B451" s="1"/>
      <c r="C451" s="1"/>
      <c r="D451" s="1"/>
      <c r="E451" s="1"/>
      <c r="F451" s="1"/>
      <c r="G451" s="1"/>
      <c r="H451" s="1"/>
      <c r="I451" s="1"/>
      <c r="J451" s="1"/>
      <c r="K451" s="1"/>
      <c r="L451" s="1"/>
      <c r="M451" s="1"/>
      <c r="N451" s="1"/>
      <c r="O451" s="1"/>
      <c r="P451" s="1"/>
      <c r="Q451" s="1"/>
      <c r="R451" s="1"/>
      <c r="S451" s="1"/>
      <c r="T451" s="1"/>
      <c r="U451" s="1"/>
      <c r="V451" s="1"/>
      <c r="W451" s="1"/>
      <c r="X451" s="1"/>
      <c r="Y451" s="1"/>
      <c r="Z451" s="1"/>
      <c r="AA451" s="1"/>
      <c r="AB451" s="1"/>
      <c r="AC451" s="1"/>
      <c r="AD451" s="1"/>
      <c r="AE451" s="1"/>
      <c r="AF451" s="1"/>
      <c r="AG451" s="1"/>
      <c r="AH451" s="1"/>
      <c r="AI451" s="1"/>
      <c r="AJ451" s="1"/>
      <c r="AK451" s="1"/>
    </row>
    <row r="452" spans="2:37" x14ac:dyDescent="0.2">
      <c r="B452" s="1"/>
      <c r="C452" s="1"/>
      <c r="D452" s="1"/>
      <c r="E452" s="1"/>
      <c r="F452" s="1"/>
      <c r="G452" s="1"/>
      <c r="H452" s="1"/>
      <c r="I452" s="1"/>
      <c r="J452" s="1"/>
      <c r="K452" s="1"/>
      <c r="L452" s="1"/>
      <c r="M452" s="1"/>
      <c r="N452" s="1"/>
      <c r="O452" s="1"/>
      <c r="P452" s="1"/>
      <c r="Q452" s="1"/>
      <c r="R452" s="1"/>
      <c r="S452" s="1"/>
      <c r="T452" s="1"/>
      <c r="U452" s="1"/>
      <c r="V452" s="1"/>
      <c r="W452" s="1"/>
      <c r="X452" s="1"/>
      <c r="Y452" s="1"/>
      <c r="Z452" s="1"/>
      <c r="AA452" s="1"/>
      <c r="AB452" s="1"/>
      <c r="AC452" s="1"/>
      <c r="AD452" s="1"/>
      <c r="AE452" s="1"/>
      <c r="AF452" s="1"/>
      <c r="AG452" s="1"/>
      <c r="AH452" s="1"/>
      <c r="AI452" s="1"/>
      <c r="AJ452" s="1"/>
      <c r="AK452" s="1"/>
    </row>
    <row r="453" spans="2:37" x14ac:dyDescent="0.2">
      <c r="B453" s="1"/>
      <c r="C453" s="1"/>
      <c r="D453" s="1"/>
      <c r="E453" s="1"/>
      <c r="F453" s="1"/>
      <c r="G453" s="1"/>
      <c r="H453" s="1"/>
      <c r="I453" s="1"/>
      <c r="J453" s="1"/>
      <c r="K453" s="1"/>
      <c r="L453" s="1"/>
      <c r="M453" s="1"/>
      <c r="N453" s="1"/>
      <c r="O453" s="1"/>
      <c r="P453" s="1"/>
      <c r="Q453" s="1"/>
      <c r="R453" s="1"/>
      <c r="S453" s="1"/>
      <c r="T453" s="1"/>
      <c r="U453" s="1"/>
      <c r="V453" s="1"/>
      <c r="W453" s="1"/>
      <c r="X453" s="1"/>
      <c r="Y453" s="1"/>
      <c r="Z453" s="1"/>
      <c r="AA453" s="1"/>
      <c r="AB453" s="1"/>
      <c r="AC453" s="1"/>
      <c r="AD453" s="1"/>
      <c r="AE453" s="1"/>
      <c r="AF453" s="1"/>
      <c r="AG453" s="1"/>
      <c r="AH453" s="1"/>
      <c r="AI453" s="1"/>
      <c r="AJ453" s="1"/>
      <c r="AK453" s="1"/>
    </row>
    <row r="454" spans="2:37" x14ac:dyDescent="0.2">
      <c r="B454" s="1"/>
      <c r="C454" s="1"/>
      <c r="D454" s="1"/>
      <c r="E454" s="1"/>
      <c r="F454" s="1"/>
      <c r="G454" s="1"/>
      <c r="H454" s="1"/>
      <c r="I454" s="1"/>
      <c r="J454" s="1"/>
      <c r="K454" s="1"/>
      <c r="L454" s="1"/>
      <c r="M454" s="1"/>
      <c r="N454" s="1"/>
      <c r="O454" s="1"/>
      <c r="P454" s="1"/>
      <c r="Q454" s="1"/>
      <c r="R454" s="1"/>
      <c r="S454" s="1"/>
      <c r="T454" s="1"/>
      <c r="U454" s="1"/>
      <c r="V454" s="1"/>
      <c r="W454" s="1"/>
      <c r="X454" s="1"/>
      <c r="Y454" s="1"/>
      <c r="Z454" s="1"/>
      <c r="AA454" s="1"/>
      <c r="AB454" s="1"/>
      <c r="AC454" s="1"/>
      <c r="AD454" s="1"/>
      <c r="AE454" s="1"/>
      <c r="AF454" s="1"/>
      <c r="AG454" s="1"/>
      <c r="AH454" s="1"/>
      <c r="AI454" s="1"/>
      <c r="AJ454" s="1"/>
      <c r="AK454" s="1"/>
    </row>
    <row r="455" spans="2:37" x14ac:dyDescent="0.2">
      <c r="B455" s="1"/>
      <c r="C455" s="1"/>
      <c r="D455" s="1"/>
      <c r="E455" s="1"/>
      <c r="F455" s="1"/>
      <c r="G455" s="1"/>
      <c r="H455" s="1"/>
      <c r="I455" s="1"/>
      <c r="J455" s="1"/>
      <c r="K455" s="1"/>
      <c r="L455" s="1"/>
      <c r="M455" s="1"/>
      <c r="N455" s="1"/>
      <c r="O455" s="1"/>
      <c r="P455" s="1"/>
      <c r="Q455" s="1"/>
      <c r="R455" s="1"/>
      <c r="S455" s="1"/>
      <c r="T455" s="1"/>
      <c r="U455" s="1"/>
      <c r="V455" s="1"/>
      <c r="W455" s="1"/>
      <c r="X455" s="1"/>
      <c r="Y455" s="1"/>
      <c r="Z455" s="1"/>
      <c r="AA455" s="1"/>
      <c r="AB455" s="1"/>
      <c r="AC455" s="1"/>
      <c r="AD455" s="1"/>
      <c r="AE455" s="1"/>
      <c r="AF455" s="1"/>
      <c r="AG455" s="1"/>
      <c r="AH455" s="1"/>
      <c r="AI455" s="1"/>
      <c r="AJ455" s="1"/>
      <c r="AK455" s="1"/>
    </row>
    <row r="456" spans="2:37" x14ac:dyDescent="0.2">
      <c r="B456" s="1"/>
      <c r="C456" s="1"/>
      <c r="D456" s="1"/>
      <c r="E456" s="1"/>
      <c r="F456" s="1"/>
      <c r="G456" s="1"/>
      <c r="H456" s="1"/>
      <c r="I456" s="1"/>
      <c r="J456" s="1"/>
      <c r="K456" s="1"/>
      <c r="L456" s="1"/>
      <c r="M456" s="1"/>
      <c r="N456" s="1"/>
      <c r="O456" s="1"/>
      <c r="P456" s="1"/>
      <c r="Q456" s="1"/>
      <c r="R456" s="1"/>
      <c r="S456" s="1"/>
      <c r="T456" s="1"/>
      <c r="U456" s="1"/>
      <c r="V456" s="1"/>
      <c r="W456" s="1"/>
      <c r="X456" s="1"/>
      <c r="Y456" s="1"/>
      <c r="Z456" s="1"/>
      <c r="AA456" s="1"/>
      <c r="AB456" s="1"/>
      <c r="AC456" s="1"/>
      <c r="AD456" s="1"/>
      <c r="AE456" s="1"/>
      <c r="AF456" s="1"/>
      <c r="AG456" s="1"/>
      <c r="AH456" s="1"/>
      <c r="AI456" s="1"/>
      <c r="AJ456" s="1"/>
      <c r="AK456" s="1"/>
    </row>
    <row r="457" spans="2:37" x14ac:dyDescent="0.2">
      <c r="B457" s="1"/>
      <c r="C457" s="1"/>
      <c r="D457" s="1"/>
      <c r="E457" s="1"/>
      <c r="F457" s="1"/>
      <c r="G457" s="1"/>
      <c r="H457" s="1"/>
      <c r="I457" s="1"/>
      <c r="J457" s="1"/>
      <c r="K457" s="1"/>
      <c r="L457" s="1"/>
      <c r="M457" s="1"/>
      <c r="N457" s="1"/>
      <c r="O457" s="1"/>
      <c r="P457" s="1"/>
      <c r="Q457" s="1"/>
      <c r="R457" s="1"/>
      <c r="S457" s="1"/>
      <c r="T457" s="1"/>
      <c r="U457" s="1"/>
      <c r="V457" s="1"/>
      <c r="W457" s="1"/>
      <c r="X457" s="1"/>
      <c r="Y457" s="1"/>
      <c r="Z457" s="1"/>
      <c r="AA457" s="1"/>
      <c r="AB457" s="1"/>
      <c r="AC457" s="1"/>
      <c r="AD457" s="1"/>
      <c r="AE457" s="1"/>
      <c r="AF457" s="1"/>
      <c r="AG457" s="1"/>
      <c r="AH457" s="1"/>
      <c r="AI457" s="1"/>
      <c r="AJ457" s="1"/>
      <c r="AK457" s="1"/>
    </row>
    <row r="458" spans="2:37" x14ac:dyDescent="0.2">
      <c r="B458" s="1"/>
      <c r="C458" s="1"/>
      <c r="D458" s="1"/>
      <c r="E458" s="1"/>
      <c r="F458" s="1"/>
      <c r="G458" s="1"/>
      <c r="H458" s="1"/>
      <c r="I458" s="1"/>
      <c r="J458" s="1"/>
      <c r="K458" s="1"/>
      <c r="L458" s="1"/>
      <c r="M458" s="1"/>
      <c r="N458" s="1"/>
      <c r="O458" s="1"/>
      <c r="P458" s="1"/>
      <c r="Q458" s="1"/>
      <c r="R458" s="1"/>
      <c r="S458" s="1"/>
      <c r="T458" s="1"/>
      <c r="U458" s="1"/>
      <c r="V458" s="1"/>
      <c r="W458" s="1"/>
      <c r="X458" s="1"/>
      <c r="Y458" s="1"/>
      <c r="Z458" s="1"/>
      <c r="AA458" s="1"/>
      <c r="AB458" s="1"/>
      <c r="AC458" s="1"/>
      <c r="AD458" s="1"/>
      <c r="AE458" s="1"/>
      <c r="AF458" s="1"/>
      <c r="AG458" s="1"/>
      <c r="AH458" s="1"/>
      <c r="AI458" s="1"/>
      <c r="AJ458" s="1"/>
      <c r="AK458" s="1"/>
    </row>
    <row r="459" spans="2:37" x14ac:dyDescent="0.2">
      <c r="B459" s="1"/>
      <c r="C459" s="1"/>
      <c r="D459" s="1"/>
      <c r="E459" s="1"/>
      <c r="F459" s="1"/>
      <c r="G459" s="1"/>
      <c r="H459" s="1"/>
      <c r="I459" s="1"/>
      <c r="J459" s="1"/>
      <c r="K459" s="1"/>
      <c r="L459" s="1"/>
      <c r="M459" s="1"/>
      <c r="N459" s="1"/>
      <c r="O459" s="1"/>
      <c r="P459" s="1"/>
      <c r="Q459" s="1"/>
      <c r="R459" s="1"/>
      <c r="S459" s="1"/>
      <c r="T459" s="1"/>
      <c r="U459" s="1"/>
      <c r="V459" s="1"/>
      <c r="W459" s="1"/>
      <c r="X459" s="1"/>
      <c r="Y459" s="1"/>
      <c r="Z459" s="1"/>
      <c r="AA459" s="1"/>
      <c r="AB459" s="1"/>
      <c r="AC459" s="1"/>
      <c r="AD459" s="1"/>
      <c r="AE459" s="1"/>
      <c r="AF459" s="1"/>
      <c r="AG459" s="1"/>
      <c r="AH459" s="1"/>
      <c r="AI459" s="1"/>
      <c r="AJ459" s="1"/>
      <c r="AK459" s="1"/>
    </row>
    <row r="460" spans="2:37" x14ac:dyDescent="0.2">
      <c r="B460" s="1"/>
      <c r="C460" s="1"/>
      <c r="D460" s="1"/>
      <c r="E460" s="1"/>
      <c r="F460" s="1"/>
      <c r="G460" s="1"/>
      <c r="H460" s="1"/>
      <c r="I460" s="1"/>
      <c r="J460" s="1"/>
      <c r="K460" s="1"/>
      <c r="L460" s="1"/>
      <c r="M460" s="1"/>
      <c r="N460" s="1"/>
      <c r="O460" s="1"/>
      <c r="P460" s="1"/>
      <c r="Q460" s="1"/>
      <c r="R460" s="1"/>
      <c r="S460" s="1"/>
      <c r="T460" s="1"/>
      <c r="U460" s="1"/>
      <c r="V460" s="1"/>
      <c r="W460" s="1"/>
      <c r="X460" s="1"/>
      <c r="Y460" s="1"/>
      <c r="Z460" s="1"/>
      <c r="AA460" s="1"/>
      <c r="AB460" s="1"/>
      <c r="AC460" s="1"/>
      <c r="AD460" s="1"/>
      <c r="AE460" s="1"/>
      <c r="AF460" s="1"/>
      <c r="AG460" s="1"/>
      <c r="AH460" s="1"/>
      <c r="AI460" s="1"/>
      <c r="AJ460" s="1"/>
      <c r="AK460" s="1"/>
    </row>
    <row r="461" spans="2:37" x14ac:dyDescent="0.2">
      <c r="B461" s="1"/>
      <c r="C461" s="1"/>
      <c r="D461" s="1"/>
      <c r="E461" s="1"/>
      <c r="F461" s="1"/>
      <c r="G461" s="1"/>
      <c r="H461" s="1"/>
      <c r="I461" s="1"/>
      <c r="J461" s="1"/>
      <c r="K461" s="1"/>
      <c r="L461" s="1"/>
      <c r="M461" s="1"/>
      <c r="N461" s="1"/>
      <c r="O461" s="1"/>
      <c r="P461" s="1"/>
      <c r="Q461" s="1"/>
      <c r="R461" s="1"/>
      <c r="S461" s="1"/>
      <c r="T461" s="1"/>
      <c r="U461" s="1"/>
      <c r="V461" s="1"/>
      <c r="W461" s="1"/>
      <c r="X461" s="1"/>
      <c r="Y461" s="1"/>
      <c r="Z461" s="1"/>
      <c r="AA461" s="1"/>
      <c r="AB461" s="1"/>
      <c r="AC461" s="1"/>
      <c r="AD461" s="1"/>
      <c r="AE461" s="1"/>
      <c r="AF461" s="1"/>
      <c r="AG461" s="1"/>
      <c r="AH461" s="1"/>
      <c r="AI461" s="1"/>
      <c r="AJ461" s="1"/>
      <c r="AK461" s="1"/>
    </row>
    <row r="462" spans="2:37" x14ac:dyDescent="0.2">
      <c r="B462" s="1"/>
      <c r="C462" s="1"/>
      <c r="D462" s="1"/>
      <c r="E462" s="1"/>
      <c r="F462" s="1"/>
      <c r="G462" s="1"/>
      <c r="H462" s="1"/>
      <c r="I462" s="1"/>
      <c r="J462" s="1"/>
      <c r="K462" s="1"/>
      <c r="L462" s="1"/>
      <c r="M462" s="1"/>
      <c r="N462" s="1"/>
      <c r="O462" s="1"/>
      <c r="P462" s="1"/>
      <c r="Q462" s="1"/>
      <c r="R462" s="1"/>
      <c r="S462" s="1"/>
      <c r="T462" s="1"/>
      <c r="U462" s="1"/>
      <c r="V462" s="1"/>
      <c r="W462" s="1"/>
      <c r="X462" s="1"/>
      <c r="Y462" s="1"/>
      <c r="Z462" s="1"/>
      <c r="AA462" s="1"/>
      <c r="AB462" s="1"/>
      <c r="AC462" s="1"/>
      <c r="AD462" s="1"/>
      <c r="AE462" s="1"/>
      <c r="AF462" s="1"/>
      <c r="AG462" s="1"/>
      <c r="AH462" s="1"/>
      <c r="AI462" s="1"/>
      <c r="AJ462" s="1"/>
      <c r="AK462" s="1"/>
    </row>
    <row r="463" spans="2:37" x14ac:dyDescent="0.2">
      <c r="B463" s="1"/>
      <c r="C463" s="1"/>
      <c r="D463" s="1"/>
      <c r="E463" s="1"/>
      <c r="F463" s="1"/>
      <c r="G463" s="1"/>
      <c r="H463" s="1"/>
      <c r="I463" s="1"/>
      <c r="J463" s="1"/>
      <c r="K463" s="1"/>
      <c r="L463" s="1"/>
      <c r="M463" s="1"/>
      <c r="N463" s="1"/>
      <c r="O463" s="1"/>
      <c r="P463" s="1"/>
      <c r="Q463" s="1"/>
      <c r="R463" s="1"/>
      <c r="S463" s="1"/>
      <c r="T463" s="1"/>
      <c r="U463" s="1"/>
      <c r="V463" s="1"/>
      <c r="W463" s="1"/>
      <c r="X463" s="1"/>
      <c r="Y463" s="1"/>
      <c r="Z463" s="1"/>
      <c r="AA463" s="1"/>
      <c r="AB463" s="1"/>
      <c r="AC463" s="1"/>
      <c r="AD463" s="1"/>
      <c r="AE463" s="1"/>
      <c r="AF463" s="1"/>
      <c r="AG463" s="1"/>
      <c r="AH463" s="1"/>
      <c r="AI463" s="1"/>
      <c r="AJ463" s="1"/>
      <c r="AK463" s="1"/>
    </row>
    <row r="464" spans="2:37" x14ac:dyDescent="0.2">
      <c r="B464" s="1"/>
      <c r="C464" s="1"/>
      <c r="D464" s="1"/>
      <c r="E464" s="1"/>
      <c r="F464" s="1"/>
      <c r="G464" s="1"/>
      <c r="H464" s="1"/>
      <c r="I464" s="1"/>
      <c r="J464" s="1"/>
      <c r="K464" s="1"/>
      <c r="L464" s="1"/>
      <c r="M464" s="1"/>
      <c r="N464" s="1"/>
      <c r="O464" s="1"/>
      <c r="P464" s="1"/>
      <c r="Q464" s="1"/>
      <c r="R464" s="1"/>
      <c r="S464" s="1"/>
      <c r="T464" s="1"/>
      <c r="U464" s="1"/>
      <c r="V464" s="1"/>
      <c r="W464" s="1"/>
      <c r="X464" s="1"/>
      <c r="Y464" s="1"/>
      <c r="Z464" s="1"/>
      <c r="AA464" s="1"/>
      <c r="AB464" s="1"/>
      <c r="AC464" s="1"/>
      <c r="AD464" s="1"/>
      <c r="AE464" s="1"/>
      <c r="AF464" s="1"/>
      <c r="AG464" s="1"/>
      <c r="AH464" s="1"/>
      <c r="AI464" s="1"/>
      <c r="AJ464" s="1"/>
      <c r="AK464" s="1"/>
    </row>
    <row r="465" spans="2:37" x14ac:dyDescent="0.2">
      <c r="B465" s="1"/>
      <c r="C465" s="1"/>
      <c r="D465" s="1"/>
      <c r="E465" s="1"/>
      <c r="F465" s="1"/>
      <c r="G465" s="1"/>
      <c r="H465" s="1"/>
      <c r="I465" s="1"/>
      <c r="J465" s="1"/>
      <c r="K465" s="1"/>
      <c r="L465" s="1"/>
      <c r="M465" s="1"/>
      <c r="N465" s="1"/>
      <c r="O465" s="1"/>
      <c r="P465" s="1"/>
      <c r="Q465" s="1"/>
      <c r="R465" s="1"/>
      <c r="S465" s="1"/>
      <c r="T465" s="1"/>
      <c r="U465" s="1"/>
      <c r="V465" s="1"/>
      <c r="W465" s="1"/>
      <c r="X465" s="1"/>
      <c r="Y465" s="1"/>
      <c r="Z465" s="1"/>
      <c r="AA465" s="1"/>
      <c r="AB465" s="1"/>
      <c r="AC465" s="1"/>
      <c r="AD465" s="1"/>
      <c r="AE465" s="1"/>
      <c r="AF465" s="1"/>
      <c r="AG465" s="1"/>
      <c r="AH465" s="1"/>
      <c r="AI465" s="1"/>
      <c r="AJ465" s="1"/>
      <c r="AK465" s="1"/>
    </row>
    <row r="466" spans="2:37" x14ac:dyDescent="0.2">
      <c r="B466" s="1"/>
      <c r="C466" s="1"/>
      <c r="D466" s="1"/>
      <c r="E466" s="1"/>
      <c r="F466" s="1"/>
      <c r="G466" s="1"/>
      <c r="H466" s="1"/>
      <c r="I466" s="1"/>
      <c r="J466" s="1"/>
      <c r="K466" s="1"/>
      <c r="L466" s="1"/>
      <c r="M466" s="1"/>
      <c r="N466" s="1"/>
      <c r="O466" s="1"/>
      <c r="P466" s="1"/>
      <c r="Q466" s="1"/>
      <c r="R466" s="1"/>
      <c r="S466" s="1"/>
      <c r="T466" s="1"/>
      <c r="U466" s="1"/>
      <c r="V466" s="1"/>
      <c r="W466" s="1"/>
      <c r="X466" s="1"/>
      <c r="Y466" s="1"/>
      <c r="Z466" s="1"/>
      <c r="AA466" s="1"/>
      <c r="AB466" s="1"/>
      <c r="AC466" s="1"/>
      <c r="AD466" s="1"/>
      <c r="AE466" s="1"/>
      <c r="AF466" s="1"/>
      <c r="AG466" s="1"/>
      <c r="AH466" s="1"/>
      <c r="AI466" s="1"/>
      <c r="AJ466" s="1"/>
      <c r="AK466" s="1"/>
    </row>
    <row r="467" spans="2:37" x14ac:dyDescent="0.2">
      <c r="B467" s="1"/>
      <c r="C467" s="1"/>
      <c r="D467" s="1"/>
      <c r="E467" s="1"/>
      <c r="F467" s="1"/>
      <c r="G467" s="1"/>
      <c r="H467" s="1"/>
      <c r="I467" s="1"/>
      <c r="J467" s="1"/>
      <c r="K467" s="1"/>
      <c r="L467" s="1"/>
      <c r="M467" s="1"/>
      <c r="N467" s="1"/>
      <c r="O467" s="1"/>
      <c r="P467" s="1"/>
      <c r="Q467" s="1"/>
      <c r="R467" s="1"/>
      <c r="S467" s="1"/>
      <c r="T467" s="1"/>
      <c r="U467" s="1"/>
      <c r="V467" s="1"/>
      <c r="W467" s="1"/>
      <c r="X467" s="1"/>
      <c r="Y467" s="1"/>
      <c r="Z467" s="1"/>
      <c r="AA467" s="1"/>
      <c r="AB467" s="1"/>
      <c r="AC467" s="1"/>
      <c r="AD467" s="1"/>
      <c r="AE467" s="1"/>
      <c r="AF467" s="1"/>
      <c r="AG467" s="1"/>
      <c r="AH467" s="1"/>
      <c r="AI467" s="1"/>
      <c r="AJ467" s="1"/>
      <c r="AK467" s="1"/>
    </row>
    <row r="468" spans="2:37" x14ac:dyDescent="0.2">
      <c r="B468" s="1"/>
      <c r="C468" s="1"/>
      <c r="D468" s="1"/>
      <c r="E468" s="1"/>
      <c r="F468" s="1"/>
      <c r="G468" s="1"/>
      <c r="H468" s="1"/>
      <c r="I468" s="1"/>
      <c r="J468" s="1"/>
      <c r="K468" s="1"/>
      <c r="L468" s="1"/>
      <c r="M468" s="1"/>
      <c r="N468" s="1"/>
      <c r="O468" s="1"/>
      <c r="P468" s="1"/>
      <c r="Q468" s="1"/>
      <c r="R468" s="1"/>
      <c r="S468" s="1"/>
      <c r="T468" s="1"/>
      <c r="U468" s="1"/>
      <c r="V468" s="1"/>
      <c r="W468" s="1"/>
      <c r="X468" s="1"/>
      <c r="Y468" s="1"/>
      <c r="Z468" s="1"/>
      <c r="AA468" s="1"/>
      <c r="AB468" s="1"/>
      <c r="AC468" s="1"/>
      <c r="AD468" s="1"/>
      <c r="AE468" s="1"/>
      <c r="AF468" s="1"/>
      <c r="AG468" s="1"/>
      <c r="AH468" s="1"/>
      <c r="AI468" s="1"/>
      <c r="AJ468" s="1"/>
      <c r="AK468" s="1"/>
    </row>
    <row r="469" spans="2:37" x14ac:dyDescent="0.2">
      <c r="B469" s="1"/>
      <c r="C469" s="1"/>
      <c r="D469" s="1"/>
      <c r="E469" s="1"/>
      <c r="F469" s="1"/>
      <c r="G469" s="1"/>
      <c r="H469" s="1"/>
      <c r="I469" s="1"/>
      <c r="J469" s="1"/>
      <c r="K469" s="1"/>
      <c r="L469" s="1"/>
      <c r="M469" s="1"/>
      <c r="N469" s="1"/>
      <c r="O469" s="1"/>
      <c r="P469" s="1"/>
      <c r="Q469" s="1"/>
      <c r="R469" s="1"/>
      <c r="S469" s="1"/>
      <c r="T469" s="1"/>
      <c r="U469" s="1"/>
      <c r="V469" s="1"/>
      <c r="W469" s="1"/>
      <c r="X469" s="1"/>
      <c r="Y469" s="1"/>
      <c r="Z469" s="1"/>
      <c r="AA469" s="1"/>
      <c r="AB469" s="1"/>
      <c r="AC469" s="1"/>
      <c r="AD469" s="1"/>
      <c r="AE469" s="1"/>
      <c r="AF469" s="1"/>
      <c r="AG469" s="1"/>
      <c r="AH469" s="1"/>
      <c r="AI469" s="1"/>
      <c r="AJ469" s="1"/>
      <c r="AK469" s="1"/>
    </row>
    <row r="470" spans="2:37" x14ac:dyDescent="0.2">
      <c r="B470" s="1"/>
      <c r="C470" s="1"/>
      <c r="D470" s="1"/>
      <c r="E470" s="1"/>
      <c r="F470" s="1"/>
      <c r="G470" s="1"/>
      <c r="H470" s="1"/>
      <c r="I470" s="1"/>
      <c r="J470" s="1"/>
      <c r="K470" s="1"/>
      <c r="L470" s="1"/>
      <c r="M470" s="1"/>
      <c r="N470" s="1"/>
      <c r="O470" s="1"/>
      <c r="P470" s="1"/>
      <c r="Q470" s="1"/>
      <c r="R470" s="1"/>
      <c r="S470" s="1"/>
      <c r="T470" s="1"/>
      <c r="U470" s="1"/>
      <c r="V470" s="1"/>
      <c r="W470" s="1"/>
      <c r="X470" s="1"/>
      <c r="Y470" s="1"/>
      <c r="Z470" s="1"/>
      <c r="AA470" s="1"/>
      <c r="AB470" s="1"/>
      <c r="AC470" s="1"/>
      <c r="AD470" s="1"/>
      <c r="AE470" s="1"/>
      <c r="AF470" s="1"/>
      <c r="AG470" s="1"/>
      <c r="AH470" s="1"/>
      <c r="AI470" s="1"/>
      <c r="AJ470" s="1"/>
      <c r="AK470" s="1"/>
    </row>
    <row r="471" spans="2:37" x14ac:dyDescent="0.2">
      <c r="B471" s="1"/>
      <c r="C471" s="1"/>
      <c r="D471" s="1"/>
      <c r="E471" s="1"/>
      <c r="F471" s="1"/>
      <c r="G471" s="1"/>
      <c r="H471" s="1"/>
      <c r="I471" s="1"/>
      <c r="J471" s="1"/>
      <c r="K471" s="1"/>
      <c r="L471" s="1"/>
      <c r="M471" s="1"/>
      <c r="N471" s="1"/>
      <c r="O471" s="1"/>
      <c r="P471" s="1"/>
      <c r="Q471" s="1"/>
      <c r="R471" s="1"/>
      <c r="S471" s="1"/>
      <c r="T471" s="1"/>
      <c r="U471" s="1"/>
      <c r="V471" s="1"/>
      <c r="W471" s="1"/>
      <c r="X471" s="1"/>
      <c r="Y471" s="1"/>
      <c r="Z471" s="1"/>
      <c r="AA471" s="1"/>
      <c r="AB471" s="1"/>
      <c r="AC471" s="1"/>
      <c r="AD471" s="1"/>
      <c r="AE471" s="1"/>
      <c r="AF471" s="1"/>
      <c r="AG471" s="1"/>
      <c r="AH471" s="1"/>
      <c r="AI471" s="1"/>
      <c r="AJ471" s="1"/>
      <c r="AK471" s="1"/>
    </row>
    <row r="472" spans="2:37" x14ac:dyDescent="0.2">
      <c r="B472" s="1"/>
      <c r="C472" s="1"/>
      <c r="D472" s="1"/>
      <c r="E472" s="1"/>
      <c r="F472" s="1"/>
      <c r="G472" s="1"/>
      <c r="H472" s="1"/>
      <c r="I472" s="1"/>
      <c r="J472" s="1"/>
      <c r="K472" s="1"/>
      <c r="L472" s="1"/>
      <c r="M472" s="1"/>
      <c r="N472" s="1"/>
      <c r="O472" s="1"/>
      <c r="P472" s="1"/>
      <c r="Q472" s="1"/>
      <c r="R472" s="1"/>
      <c r="S472" s="1"/>
      <c r="T472" s="1"/>
      <c r="U472" s="1"/>
      <c r="V472" s="1"/>
      <c r="W472" s="1"/>
      <c r="X472" s="1"/>
      <c r="Y472" s="1"/>
      <c r="Z472" s="1"/>
      <c r="AA472" s="1"/>
      <c r="AB472" s="1"/>
      <c r="AC472" s="1"/>
      <c r="AD472" s="1"/>
      <c r="AE472" s="1"/>
      <c r="AF472" s="1"/>
      <c r="AG472" s="1"/>
      <c r="AH472" s="1"/>
      <c r="AI472" s="1"/>
      <c r="AJ472" s="1"/>
      <c r="AK472" s="1"/>
    </row>
    <row r="473" spans="2:37" x14ac:dyDescent="0.2">
      <c r="B473" s="1"/>
      <c r="C473" s="1"/>
      <c r="D473" s="1"/>
      <c r="E473" s="1"/>
      <c r="F473" s="1"/>
      <c r="G473" s="1"/>
      <c r="H473" s="1"/>
      <c r="I473" s="1"/>
      <c r="J473" s="1"/>
      <c r="K473" s="1"/>
      <c r="L473" s="1"/>
      <c r="M473" s="1"/>
      <c r="N473" s="1"/>
      <c r="O473" s="1"/>
      <c r="P473" s="1"/>
      <c r="Q473" s="1"/>
      <c r="R473" s="1"/>
      <c r="S473" s="1"/>
      <c r="T473" s="1"/>
      <c r="U473" s="1"/>
      <c r="V473" s="1"/>
      <c r="W473" s="1"/>
      <c r="X473" s="1"/>
      <c r="Y473" s="1"/>
      <c r="Z473" s="1"/>
      <c r="AA473" s="1"/>
      <c r="AB473" s="1"/>
      <c r="AC473" s="1"/>
      <c r="AD473" s="1"/>
      <c r="AE473" s="1"/>
      <c r="AF473" s="1"/>
      <c r="AG473" s="1"/>
      <c r="AH473" s="1"/>
      <c r="AI473" s="1"/>
      <c r="AJ473" s="1"/>
      <c r="AK473" s="1"/>
    </row>
    <row r="474" spans="2:37" x14ac:dyDescent="0.2">
      <c r="B474" s="1"/>
      <c r="C474" s="1"/>
      <c r="D474" s="1"/>
      <c r="E474" s="1"/>
      <c r="F474" s="1"/>
      <c r="G474" s="1"/>
      <c r="H474" s="1"/>
      <c r="I474" s="1"/>
      <c r="J474" s="1"/>
      <c r="K474" s="1"/>
      <c r="L474" s="1"/>
      <c r="M474" s="1"/>
      <c r="N474" s="1"/>
      <c r="O474" s="1"/>
      <c r="P474" s="1"/>
      <c r="Q474" s="1"/>
      <c r="R474" s="1"/>
      <c r="S474" s="1"/>
      <c r="T474" s="1"/>
      <c r="U474" s="1"/>
      <c r="V474" s="1"/>
      <c r="W474" s="1"/>
      <c r="X474" s="1"/>
      <c r="Y474" s="1"/>
      <c r="Z474" s="1"/>
      <c r="AA474" s="1"/>
      <c r="AB474" s="1"/>
      <c r="AC474" s="1"/>
      <c r="AD474" s="1"/>
      <c r="AE474" s="1"/>
      <c r="AF474" s="1"/>
      <c r="AG474" s="1"/>
      <c r="AH474" s="1"/>
      <c r="AI474" s="1"/>
      <c r="AJ474" s="1"/>
      <c r="AK474" s="1"/>
    </row>
    <row r="475" spans="2:37" x14ac:dyDescent="0.2">
      <c r="B475" s="1"/>
      <c r="C475" s="1"/>
      <c r="D475" s="1"/>
      <c r="E475" s="1"/>
      <c r="F475" s="1"/>
      <c r="G475" s="1"/>
      <c r="H475" s="1"/>
      <c r="I475" s="1"/>
      <c r="J475" s="1"/>
      <c r="K475" s="1"/>
      <c r="L475" s="1"/>
      <c r="M475" s="1"/>
      <c r="N475" s="1"/>
      <c r="O475" s="1"/>
      <c r="P475" s="1"/>
      <c r="Q475" s="1"/>
      <c r="R475" s="1"/>
      <c r="S475" s="1"/>
      <c r="T475" s="1"/>
      <c r="U475" s="1"/>
      <c r="V475" s="1"/>
      <c r="W475" s="1"/>
      <c r="X475" s="1"/>
      <c r="Y475" s="1"/>
      <c r="Z475" s="1"/>
      <c r="AA475" s="1"/>
      <c r="AB475" s="1"/>
      <c r="AC475" s="1"/>
      <c r="AD475" s="1"/>
      <c r="AE475" s="1"/>
      <c r="AF475" s="1"/>
      <c r="AG475" s="1"/>
      <c r="AH475" s="1"/>
      <c r="AI475" s="1"/>
      <c r="AJ475" s="1"/>
      <c r="AK475" s="1"/>
    </row>
    <row r="476" spans="2:37" x14ac:dyDescent="0.2">
      <c r="B476" s="1"/>
      <c r="C476" s="1"/>
      <c r="D476" s="1"/>
      <c r="E476" s="1"/>
      <c r="F476" s="1"/>
      <c r="G476" s="1"/>
      <c r="H476" s="1"/>
      <c r="I476" s="1"/>
      <c r="J476" s="1"/>
      <c r="K476" s="1"/>
      <c r="L476" s="1"/>
      <c r="M476" s="1"/>
      <c r="N476" s="1"/>
      <c r="O476" s="1"/>
      <c r="P476" s="1"/>
      <c r="Q476" s="1"/>
      <c r="R476" s="1"/>
      <c r="S476" s="1"/>
      <c r="T476" s="1"/>
      <c r="U476" s="1"/>
      <c r="V476" s="1"/>
      <c r="W476" s="1"/>
      <c r="X476" s="1"/>
      <c r="Y476" s="1"/>
      <c r="Z476" s="1"/>
      <c r="AA476" s="1"/>
      <c r="AB476" s="1"/>
      <c r="AC476" s="1"/>
      <c r="AD476" s="1"/>
      <c r="AE476" s="1"/>
      <c r="AF476" s="1"/>
      <c r="AG476" s="1"/>
      <c r="AH476" s="1"/>
      <c r="AI476" s="1"/>
      <c r="AJ476" s="1"/>
      <c r="AK476" s="1"/>
    </row>
    <row r="477" spans="2:37" x14ac:dyDescent="0.2">
      <c r="B477" s="1"/>
      <c r="C477" s="1"/>
      <c r="D477" s="1"/>
      <c r="E477" s="1"/>
      <c r="F477" s="1"/>
      <c r="G477" s="1"/>
      <c r="H477" s="1"/>
      <c r="I477" s="1"/>
      <c r="J477" s="1"/>
      <c r="K477" s="1"/>
      <c r="L477" s="1"/>
      <c r="M477" s="1"/>
      <c r="N477" s="1"/>
      <c r="O477" s="1"/>
      <c r="P477" s="1"/>
      <c r="Q477" s="1"/>
      <c r="R477" s="1"/>
      <c r="S477" s="1"/>
      <c r="T477" s="1"/>
      <c r="U477" s="1"/>
      <c r="V477" s="1"/>
      <c r="W477" s="1"/>
      <c r="X477" s="1"/>
      <c r="Y477" s="1"/>
      <c r="Z477" s="1"/>
      <c r="AA477" s="1"/>
      <c r="AB477" s="1"/>
      <c r="AC477" s="1"/>
      <c r="AD477" s="1"/>
      <c r="AE477" s="1"/>
      <c r="AF477" s="1"/>
      <c r="AG477" s="1"/>
      <c r="AH477" s="1"/>
      <c r="AI477" s="1"/>
      <c r="AJ477" s="1"/>
      <c r="AK477" s="1"/>
    </row>
    <row r="478" spans="2:37" x14ac:dyDescent="0.2">
      <c r="B478" s="1"/>
      <c r="C478" s="1"/>
      <c r="D478" s="1"/>
      <c r="E478" s="1"/>
      <c r="F478" s="1"/>
      <c r="G478" s="1"/>
      <c r="H478" s="1"/>
      <c r="I478" s="1"/>
      <c r="J478" s="1"/>
      <c r="K478" s="1"/>
      <c r="L478" s="1"/>
      <c r="M478" s="1"/>
      <c r="N478" s="1"/>
      <c r="O478" s="1"/>
      <c r="P478" s="1"/>
      <c r="Q478" s="1"/>
      <c r="R478" s="1"/>
      <c r="S478" s="1"/>
      <c r="T478" s="1"/>
      <c r="U478" s="1"/>
      <c r="V478" s="1"/>
      <c r="W478" s="1"/>
      <c r="X478" s="1"/>
      <c r="Y478" s="1"/>
      <c r="Z478" s="1"/>
      <c r="AA478" s="1"/>
      <c r="AB478" s="1"/>
      <c r="AC478" s="1"/>
      <c r="AD478" s="1"/>
      <c r="AE478" s="1"/>
      <c r="AF478" s="1"/>
      <c r="AG478" s="1"/>
      <c r="AH478" s="1"/>
      <c r="AI478" s="1"/>
      <c r="AJ478" s="1"/>
      <c r="AK478" s="1"/>
    </row>
    <row r="479" spans="2:37" x14ac:dyDescent="0.2">
      <c r="B479" s="1"/>
      <c r="C479" s="1"/>
      <c r="D479" s="1"/>
      <c r="E479" s="1"/>
      <c r="F479" s="1"/>
      <c r="G479" s="1"/>
      <c r="H479" s="1"/>
      <c r="I479" s="1"/>
      <c r="J479" s="1"/>
      <c r="K479" s="1"/>
      <c r="L479" s="1"/>
      <c r="M479" s="1"/>
      <c r="N479" s="1"/>
      <c r="O479" s="1"/>
      <c r="P479" s="1"/>
      <c r="Q479" s="1"/>
      <c r="R479" s="1"/>
      <c r="S479" s="1"/>
      <c r="T479" s="1"/>
      <c r="U479" s="1"/>
      <c r="V479" s="1"/>
      <c r="W479" s="1"/>
      <c r="X479" s="1"/>
      <c r="Y479" s="1"/>
      <c r="Z479" s="1"/>
      <c r="AA479" s="1"/>
      <c r="AB479" s="1"/>
      <c r="AC479" s="1"/>
      <c r="AD479" s="1"/>
      <c r="AE479" s="1"/>
      <c r="AF479" s="1"/>
      <c r="AG479" s="1"/>
      <c r="AH479" s="1"/>
      <c r="AI479" s="1"/>
      <c r="AJ479" s="1"/>
      <c r="AK479" s="1"/>
    </row>
    <row r="480" spans="2:37" x14ac:dyDescent="0.2">
      <c r="B480" s="1"/>
      <c r="C480" s="1"/>
      <c r="D480" s="1"/>
      <c r="E480" s="1"/>
      <c r="F480" s="1"/>
      <c r="G480" s="1"/>
      <c r="H480" s="1"/>
      <c r="I480" s="1"/>
      <c r="J480" s="1"/>
      <c r="K480" s="1"/>
      <c r="L480" s="1"/>
      <c r="M480" s="1"/>
      <c r="N480" s="1"/>
      <c r="O480" s="1"/>
      <c r="P480" s="1"/>
      <c r="Q480" s="1"/>
      <c r="R480" s="1"/>
      <c r="S480" s="1"/>
      <c r="T480" s="1"/>
      <c r="U480" s="1"/>
      <c r="V480" s="1"/>
      <c r="W480" s="1"/>
      <c r="X480" s="1"/>
      <c r="Y480" s="1"/>
      <c r="Z480" s="1"/>
      <c r="AA480" s="1"/>
      <c r="AB480" s="1"/>
      <c r="AC480" s="1"/>
      <c r="AD480" s="1"/>
      <c r="AE480" s="1"/>
      <c r="AF480" s="1"/>
      <c r="AG480" s="1"/>
      <c r="AH480" s="1"/>
      <c r="AI480" s="1"/>
      <c r="AJ480" s="1"/>
      <c r="AK480" s="1"/>
    </row>
    <row r="481" spans="2:37" x14ac:dyDescent="0.2">
      <c r="B481" s="1"/>
      <c r="C481" s="1"/>
      <c r="D481" s="1"/>
      <c r="E481" s="1"/>
      <c r="F481" s="1"/>
      <c r="G481" s="1"/>
      <c r="H481" s="1"/>
      <c r="I481" s="1"/>
      <c r="J481" s="1"/>
      <c r="K481" s="1"/>
      <c r="L481" s="1"/>
      <c r="M481" s="1"/>
      <c r="N481" s="1"/>
      <c r="O481" s="1"/>
      <c r="P481" s="1"/>
      <c r="Q481" s="1"/>
      <c r="R481" s="1"/>
      <c r="S481" s="1"/>
      <c r="T481" s="1"/>
      <c r="U481" s="1"/>
      <c r="V481" s="1"/>
      <c r="W481" s="1"/>
      <c r="X481" s="1"/>
      <c r="Y481" s="1"/>
      <c r="Z481" s="1"/>
      <c r="AA481" s="1"/>
      <c r="AB481" s="1"/>
      <c r="AC481" s="1"/>
      <c r="AD481" s="1"/>
      <c r="AE481" s="1"/>
      <c r="AF481" s="1"/>
      <c r="AG481" s="1"/>
      <c r="AH481" s="1"/>
      <c r="AI481" s="1"/>
      <c r="AJ481" s="1"/>
      <c r="AK481" s="1"/>
    </row>
    <row r="482" spans="2:37" x14ac:dyDescent="0.2">
      <c r="B482" s="1"/>
      <c r="C482" s="1"/>
      <c r="D482" s="1"/>
      <c r="E482" s="1"/>
      <c r="F482" s="1"/>
      <c r="G482" s="1"/>
      <c r="H482" s="1"/>
      <c r="I482" s="1"/>
      <c r="J482" s="1"/>
      <c r="K482" s="1"/>
      <c r="L482" s="1"/>
      <c r="M482" s="1"/>
      <c r="N482" s="1"/>
      <c r="O482" s="1"/>
      <c r="P482" s="1"/>
      <c r="Q482" s="1"/>
      <c r="R482" s="1"/>
      <c r="S482" s="1"/>
      <c r="T482" s="1"/>
      <c r="U482" s="1"/>
      <c r="V482" s="1"/>
      <c r="W482" s="1"/>
      <c r="X482" s="1"/>
      <c r="Y482" s="1"/>
      <c r="Z482" s="1"/>
      <c r="AA482" s="1"/>
      <c r="AB482" s="1"/>
      <c r="AC482" s="1"/>
      <c r="AD482" s="1"/>
      <c r="AE482" s="1"/>
      <c r="AF482" s="1"/>
      <c r="AG482" s="1"/>
      <c r="AH482" s="1"/>
      <c r="AI482" s="1"/>
      <c r="AJ482" s="1"/>
      <c r="AK482" s="1"/>
    </row>
    <row r="483" spans="2:37" x14ac:dyDescent="0.2">
      <c r="B483" s="1"/>
      <c r="C483" s="1"/>
      <c r="D483" s="1"/>
      <c r="E483" s="1"/>
      <c r="F483" s="1"/>
      <c r="G483" s="1"/>
      <c r="H483" s="1"/>
      <c r="I483" s="1"/>
      <c r="J483" s="1"/>
      <c r="K483" s="1"/>
      <c r="L483" s="1"/>
      <c r="M483" s="1"/>
      <c r="N483" s="1"/>
      <c r="O483" s="1"/>
      <c r="P483" s="1"/>
      <c r="Q483" s="1"/>
      <c r="R483" s="1"/>
      <c r="S483" s="1"/>
      <c r="T483" s="1"/>
      <c r="U483" s="1"/>
      <c r="V483" s="1"/>
      <c r="W483" s="1"/>
      <c r="X483" s="1"/>
      <c r="Y483" s="1"/>
      <c r="Z483" s="1"/>
      <c r="AA483" s="1"/>
      <c r="AB483" s="1"/>
      <c r="AC483" s="1"/>
      <c r="AD483" s="1"/>
      <c r="AE483" s="1"/>
      <c r="AF483" s="1"/>
      <c r="AG483" s="1"/>
      <c r="AH483" s="1"/>
      <c r="AI483" s="1"/>
      <c r="AJ483" s="1"/>
      <c r="AK483" s="1"/>
    </row>
    <row r="484" spans="2:37" x14ac:dyDescent="0.2">
      <c r="B484" s="1"/>
      <c r="C484" s="1"/>
      <c r="D484" s="1"/>
      <c r="E484" s="1"/>
      <c r="F484" s="1"/>
      <c r="G484" s="1"/>
      <c r="H484" s="1"/>
      <c r="I484" s="1"/>
      <c r="J484" s="1"/>
      <c r="K484" s="1"/>
      <c r="L484" s="1"/>
      <c r="M484" s="1"/>
      <c r="N484" s="1"/>
      <c r="O484" s="1"/>
      <c r="P484" s="1"/>
      <c r="Q484" s="1"/>
      <c r="R484" s="1"/>
      <c r="S484" s="1"/>
      <c r="T484" s="1"/>
      <c r="U484" s="1"/>
      <c r="V484" s="1"/>
      <c r="W484" s="1"/>
      <c r="X484" s="1"/>
      <c r="Y484" s="1"/>
      <c r="Z484" s="1"/>
      <c r="AA484" s="1"/>
      <c r="AB484" s="1"/>
      <c r="AC484" s="1"/>
      <c r="AD484" s="1"/>
      <c r="AE484" s="1"/>
      <c r="AF484" s="1"/>
      <c r="AG484" s="1"/>
      <c r="AH484" s="1"/>
      <c r="AI484" s="1"/>
      <c r="AJ484" s="1"/>
      <c r="AK484" s="1"/>
    </row>
    <row r="485" spans="2:37" x14ac:dyDescent="0.2">
      <c r="B485" s="1"/>
      <c r="C485" s="1"/>
      <c r="D485" s="1"/>
      <c r="E485" s="1"/>
      <c r="F485" s="1"/>
      <c r="G485" s="1"/>
      <c r="H485" s="1"/>
      <c r="I485" s="1"/>
      <c r="J485" s="1"/>
      <c r="K485" s="1"/>
      <c r="L485" s="1"/>
      <c r="M485" s="1"/>
      <c r="N485" s="1"/>
      <c r="O485" s="1"/>
      <c r="P485" s="1"/>
      <c r="Q485" s="1"/>
      <c r="R485" s="1"/>
      <c r="S485" s="1"/>
      <c r="T485" s="1"/>
      <c r="U485" s="1"/>
      <c r="V485" s="1"/>
      <c r="W485" s="1"/>
      <c r="X485" s="1"/>
      <c r="Y485" s="1"/>
      <c r="Z485" s="1"/>
      <c r="AA485" s="1"/>
      <c r="AB485" s="1"/>
      <c r="AC485" s="1"/>
      <c r="AD485" s="1"/>
      <c r="AE485" s="1"/>
      <c r="AF485" s="1"/>
      <c r="AG485" s="1"/>
      <c r="AH485" s="1"/>
      <c r="AI485" s="1"/>
      <c r="AJ485" s="1"/>
      <c r="AK485" s="1"/>
    </row>
    <row r="486" spans="2:37" x14ac:dyDescent="0.2">
      <c r="B486" s="1"/>
      <c r="C486" s="1"/>
      <c r="D486" s="1"/>
      <c r="E486" s="1"/>
      <c r="F486" s="1"/>
      <c r="G486" s="1"/>
      <c r="H486" s="1"/>
      <c r="I486" s="1"/>
      <c r="J486" s="1"/>
      <c r="K486" s="1"/>
      <c r="L486" s="1"/>
      <c r="M486" s="1"/>
      <c r="N486" s="1"/>
      <c r="O486" s="1"/>
      <c r="P486" s="1"/>
      <c r="Q486" s="1"/>
      <c r="R486" s="1"/>
      <c r="S486" s="1"/>
      <c r="T486" s="1"/>
      <c r="U486" s="1"/>
      <c r="V486" s="1"/>
      <c r="W486" s="1"/>
      <c r="X486" s="1"/>
      <c r="Y486" s="1"/>
      <c r="Z486" s="1"/>
      <c r="AA486" s="1"/>
      <c r="AB486" s="1"/>
      <c r="AC486" s="1"/>
      <c r="AD486" s="1"/>
      <c r="AE486" s="1"/>
      <c r="AF486" s="1"/>
      <c r="AG486" s="1"/>
      <c r="AH486" s="1"/>
      <c r="AI486" s="1"/>
      <c r="AJ486" s="1"/>
      <c r="AK486" s="1"/>
    </row>
    <row r="487" spans="2:37" x14ac:dyDescent="0.2">
      <c r="B487" s="1"/>
      <c r="C487" s="1"/>
      <c r="D487" s="1"/>
      <c r="E487" s="1"/>
      <c r="F487" s="1"/>
      <c r="G487" s="1"/>
      <c r="H487" s="1"/>
      <c r="I487" s="1"/>
      <c r="J487" s="1"/>
      <c r="K487" s="1"/>
      <c r="L487" s="1"/>
      <c r="M487" s="1"/>
      <c r="N487" s="1"/>
      <c r="O487" s="1"/>
      <c r="P487" s="1"/>
      <c r="Q487" s="1"/>
      <c r="R487" s="1"/>
      <c r="S487" s="1"/>
      <c r="T487" s="1"/>
      <c r="U487" s="1"/>
      <c r="V487" s="1"/>
      <c r="W487" s="1"/>
      <c r="X487" s="1"/>
      <c r="Y487" s="1"/>
      <c r="Z487" s="1"/>
      <c r="AA487" s="1"/>
      <c r="AB487" s="1"/>
      <c r="AC487" s="1"/>
      <c r="AD487" s="1"/>
      <c r="AE487" s="1"/>
      <c r="AF487" s="1"/>
      <c r="AG487" s="1"/>
      <c r="AH487" s="1"/>
      <c r="AI487" s="1"/>
      <c r="AJ487" s="1"/>
      <c r="AK487" s="1"/>
    </row>
    <row r="488" spans="2:37" x14ac:dyDescent="0.2">
      <c r="B488" s="1"/>
      <c r="C488" s="1"/>
      <c r="D488" s="1"/>
      <c r="E488" s="1"/>
      <c r="F488" s="1"/>
      <c r="G488" s="1"/>
      <c r="H488" s="1"/>
      <c r="I488" s="1"/>
      <c r="J488" s="1"/>
      <c r="K488" s="1"/>
      <c r="L488" s="1"/>
      <c r="M488" s="1"/>
      <c r="N488" s="1"/>
      <c r="O488" s="1"/>
      <c r="P488" s="1"/>
      <c r="Q488" s="1"/>
      <c r="R488" s="1"/>
      <c r="S488" s="1"/>
      <c r="T488" s="1"/>
      <c r="U488" s="1"/>
      <c r="V488" s="1"/>
      <c r="W488" s="1"/>
      <c r="X488" s="1"/>
      <c r="Y488" s="1"/>
      <c r="Z488" s="1"/>
      <c r="AA488" s="1"/>
      <c r="AB488" s="1"/>
      <c r="AC488" s="1"/>
      <c r="AD488" s="1"/>
      <c r="AE488" s="1"/>
      <c r="AF488" s="1"/>
      <c r="AG488" s="1"/>
      <c r="AH488" s="1"/>
      <c r="AI488" s="1"/>
      <c r="AJ488" s="1"/>
      <c r="AK488" s="1"/>
    </row>
    <row r="489" spans="2:37" x14ac:dyDescent="0.2">
      <c r="B489" s="1"/>
      <c r="C489" s="1"/>
      <c r="D489" s="1"/>
      <c r="E489" s="1"/>
      <c r="F489" s="1"/>
      <c r="G489" s="1"/>
      <c r="H489" s="1"/>
      <c r="I489" s="1"/>
      <c r="J489" s="1"/>
      <c r="K489" s="1"/>
      <c r="L489" s="1"/>
      <c r="M489" s="1"/>
      <c r="N489" s="1"/>
      <c r="O489" s="1"/>
      <c r="P489" s="1"/>
      <c r="Q489" s="1"/>
      <c r="R489" s="1"/>
      <c r="S489" s="1"/>
      <c r="T489" s="1"/>
      <c r="U489" s="1"/>
      <c r="V489" s="1"/>
      <c r="W489" s="1"/>
      <c r="X489" s="1"/>
      <c r="Y489" s="1"/>
      <c r="Z489" s="1"/>
      <c r="AA489" s="1"/>
      <c r="AB489" s="1"/>
      <c r="AC489" s="1"/>
      <c r="AD489" s="1"/>
      <c r="AE489" s="1"/>
      <c r="AF489" s="1"/>
      <c r="AG489" s="1"/>
      <c r="AH489" s="1"/>
      <c r="AI489" s="1"/>
      <c r="AJ489" s="1"/>
      <c r="AK489" s="1"/>
    </row>
    <row r="490" spans="2:37" x14ac:dyDescent="0.2">
      <c r="B490" s="1"/>
      <c r="C490" s="1"/>
      <c r="D490" s="1"/>
      <c r="E490" s="1"/>
      <c r="F490" s="1"/>
      <c r="G490" s="1"/>
      <c r="H490" s="1"/>
      <c r="I490" s="1"/>
      <c r="J490" s="1"/>
      <c r="K490" s="1"/>
      <c r="L490" s="1"/>
      <c r="M490" s="1"/>
      <c r="N490" s="1"/>
      <c r="O490" s="1"/>
      <c r="P490" s="1"/>
      <c r="Q490" s="1"/>
      <c r="R490" s="1"/>
      <c r="S490" s="1"/>
      <c r="T490" s="1"/>
      <c r="U490" s="1"/>
      <c r="V490" s="1"/>
      <c r="W490" s="1"/>
      <c r="X490" s="1"/>
      <c r="Y490" s="1"/>
      <c r="Z490" s="1"/>
      <c r="AA490" s="1"/>
      <c r="AB490" s="1"/>
      <c r="AC490" s="1"/>
      <c r="AD490" s="1"/>
      <c r="AE490" s="1"/>
      <c r="AF490" s="1"/>
      <c r="AG490" s="1"/>
      <c r="AH490" s="1"/>
      <c r="AI490" s="1"/>
      <c r="AJ490" s="1"/>
      <c r="AK490" s="1"/>
    </row>
    <row r="491" spans="2:37" x14ac:dyDescent="0.2">
      <c r="B491" s="1"/>
      <c r="C491" s="1"/>
      <c r="D491" s="1"/>
      <c r="E491" s="1"/>
      <c r="F491" s="1"/>
      <c r="G491" s="1"/>
      <c r="H491" s="1"/>
      <c r="I491" s="1"/>
      <c r="J491" s="1"/>
      <c r="K491" s="1"/>
      <c r="L491" s="1"/>
      <c r="M491" s="1"/>
      <c r="N491" s="1"/>
      <c r="O491" s="1"/>
      <c r="P491" s="1"/>
      <c r="Q491" s="1"/>
      <c r="R491" s="1"/>
      <c r="S491" s="1"/>
      <c r="T491" s="1"/>
      <c r="U491" s="1"/>
      <c r="V491" s="1"/>
      <c r="W491" s="1"/>
      <c r="X491" s="1"/>
      <c r="Y491" s="1"/>
      <c r="Z491" s="1"/>
      <c r="AA491" s="1"/>
      <c r="AB491" s="1"/>
      <c r="AC491" s="1"/>
      <c r="AD491" s="1"/>
      <c r="AE491" s="1"/>
      <c r="AF491" s="1"/>
      <c r="AG491" s="1"/>
      <c r="AH491" s="1"/>
      <c r="AI491" s="1"/>
      <c r="AJ491" s="1"/>
      <c r="AK491" s="1"/>
    </row>
    <row r="492" spans="2:37" x14ac:dyDescent="0.2">
      <c r="B492" s="1"/>
      <c r="C492" s="1"/>
      <c r="D492" s="1"/>
      <c r="E492" s="1"/>
      <c r="F492" s="1"/>
      <c r="G492" s="1"/>
      <c r="H492" s="1"/>
      <c r="I492" s="1"/>
      <c r="J492" s="1"/>
      <c r="K492" s="1"/>
      <c r="L492" s="1"/>
      <c r="M492" s="1"/>
      <c r="N492" s="1"/>
      <c r="O492" s="1"/>
      <c r="P492" s="1"/>
      <c r="Q492" s="1"/>
      <c r="R492" s="1"/>
      <c r="S492" s="1"/>
      <c r="T492" s="1"/>
      <c r="U492" s="1"/>
      <c r="V492" s="1"/>
      <c r="W492" s="1"/>
      <c r="X492" s="1"/>
      <c r="Y492" s="1"/>
      <c r="Z492" s="1"/>
      <c r="AA492" s="1"/>
      <c r="AB492" s="1"/>
      <c r="AC492" s="1"/>
      <c r="AD492" s="1"/>
      <c r="AE492" s="1"/>
      <c r="AF492" s="1"/>
      <c r="AG492" s="1"/>
      <c r="AH492" s="1"/>
      <c r="AI492" s="1"/>
      <c r="AJ492" s="1"/>
      <c r="AK492" s="1"/>
    </row>
    <row r="493" spans="2:37" x14ac:dyDescent="0.2">
      <c r="B493" s="1"/>
      <c r="C493" s="1"/>
      <c r="D493" s="1"/>
      <c r="E493" s="1"/>
      <c r="F493" s="1"/>
      <c r="G493" s="1"/>
      <c r="H493" s="1"/>
      <c r="I493" s="1"/>
      <c r="J493" s="1"/>
      <c r="K493" s="1"/>
      <c r="L493" s="1"/>
      <c r="M493" s="1"/>
      <c r="N493" s="1"/>
      <c r="O493" s="1"/>
      <c r="P493" s="1"/>
      <c r="Q493" s="1"/>
      <c r="R493" s="1"/>
      <c r="S493" s="1"/>
      <c r="T493" s="1"/>
      <c r="U493" s="1"/>
      <c r="V493" s="1"/>
      <c r="W493" s="1"/>
      <c r="X493" s="1"/>
      <c r="Y493" s="1"/>
      <c r="Z493" s="1"/>
      <c r="AA493" s="1"/>
      <c r="AB493" s="1"/>
      <c r="AC493" s="1"/>
      <c r="AD493" s="1"/>
      <c r="AE493" s="1"/>
      <c r="AF493" s="1"/>
      <c r="AG493" s="1"/>
      <c r="AH493" s="1"/>
      <c r="AI493" s="1"/>
      <c r="AJ493" s="1"/>
      <c r="AK493" s="1"/>
    </row>
    <row r="494" spans="2:37" x14ac:dyDescent="0.2">
      <c r="B494" s="1"/>
      <c r="C494" s="1"/>
      <c r="D494" s="1"/>
      <c r="E494" s="1"/>
      <c r="F494" s="1"/>
      <c r="G494" s="1"/>
      <c r="H494" s="1"/>
      <c r="I494" s="1"/>
      <c r="J494" s="1"/>
      <c r="K494" s="1"/>
      <c r="L494" s="1"/>
      <c r="M494" s="1"/>
      <c r="N494" s="1"/>
      <c r="O494" s="1"/>
      <c r="P494" s="1"/>
      <c r="Q494" s="1"/>
      <c r="R494" s="1"/>
      <c r="S494" s="1"/>
      <c r="T494" s="1"/>
      <c r="U494" s="1"/>
      <c r="V494" s="1"/>
      <c r="W494" s="1"/>
      <c r="X494" s="1"/>
      <c r="Y494" s="1"/>
      <c r="Z494" s="1"/>
      <c r="AA494" s="1"/>
      <c r="AB494" s="1"/>
      <c r="AC494" s="1"/>
      <c r="AD494" s="1"/>
      <c r="AE494" s="1"/>
      <c r="AF494" s="1"/>
      <c r="AG494" s="1"/>
      <c r="AH494" s="1"/>
      <c r="AI494" s="1"/>
      <c r="AJ494" s="1"/>
      <c r="AK494" s="1"/>
    </row>
    <row r="495" spans="2:37" x14ac:dyDescent="0.2">
      <c r="B495" s="1"/>
      <c r="C495" s="1"/>
      <c r="D495" s="1"/>
      <c r="E495" s="1"/>
      <c r="F495" s="1"/>
      <c r="G495" s="1"/>
      <c r="H495" s="1"/>
      <c r="I495" s="1"/>
      <c r="J495" s="1"/>
      <c r="K495" s="1"/>
      <c r="L495" s="1"/>
      <c r="M495" s="1"/>
      <c r="N495" s="1"/>
      <c r="O495" s="1"/>
      <c r="P495" s="1"/>
      <c r="Q495" s="1"/>
      <c r="R495" s="1"/>
      <c r="S495" s="1"/>
      <c r="T495" s="1"/>
      <c r="U495" s="1"/>
      <c r="V495" s="1"/>
      <c r="W495" s="1"/>
      <c r="X495" s="1"/>
      <c r="Y495" s="1"/>
      <c r="Z495" s="1"/>
      <c r="AA495" s="1"/>
      <c r="AB495" s="1"/>
      <c r="AC495" s="1"/>
      <c r="AD495" s="1"/>
      <c r="AE495" s="1"/>
      <c r="AF495" s="1"/>
      <c r="AG495" s="1"/>
      <c r="AH495" s="1"/>
      <c r="AI495" s="1"/>
      <c r="AJ495" s="1"/>
      <c r="AK495" s="1"/>
    </row>
    <row r="496" spans="2:37" x14ac:dyDescent="0.2">
      <c r="B496" s="1"/>
      <c r="C496" s="1"/>
      <c r="D496" s="1"/>
      <c r="E496" s="1"/>
      <c r="F496" s="1"/>
      <c r="G496" s="1"/>
      <c r="H496" s="1"/>
      <c r="I496" s="1"/>
      <c r="J496" s="1"/>
      <c r="K496" s="1"/>
      <c r="L496" s="1"/>
      <c r="M496" s="1"/>
      <c r="N496" s="1"/>
      <c r="O496" s="1"/>
      <c r="P496" s="1"/>
      <c r="Q496" s="1"/>
      <c r="R496" s="1"/>
      <c r="S496" s="1"/>
      <c r="T496" s="1"/>
      <c r="U496" s="1"/>
      <c r="V496" s="1"/>
      <c r="W496" s="1"/>
      <c r="X496" s="1"/>
      <c r="Y496" s="1"/>
      <c r="Z496" s="1"/>
      <c r="AA496" s="1"/>
      <c r="AB496" s="1"/>
      <c r="AC496" s="1"/>
      <c r="AD496" s="1"/>
      <c r="AE496" s="1"/>
      <c r="AF496" s="1"/>
      <c r="AG496" s="1"/>
      <c r="AH496" s="1"/>
      <c r="AI496" s="1"/>
      <c r="AJ496" s="1"/>
      <c r="AK496" s="1"/>
    </row>
    <row r="497" spans="2:37" x14ac:dyDescent="0.2">
      <c r="B497" s="1"/>
      <c r="C497" s="1"/>
      <c r="D497" s="1"/>
      <c r="E497" s="1"/>
      <c r="F497" s="1"/>
      <c r="G497" s="1"/>
      <c r="H497" s="1"/>
      <c r="I497" s="1"/>
      <c r="J497" s="1"/>
      <c r="K497" s="1"/>
      <c r="L497" s="1"/>
      <c r="M497" s="1"/>
      <c r="N497" s="1"/>
      <c r="O497" s="1"/>
      <c r="P497" s="1"/>
      <c r="Q497" s="1"/>
      <c r="R497" s="1"/>
      <c r="S497" s="1"/>
      <c r="T497" s="1"/>
      <c r="U497" s="1"/>
      <c r="V497" s="1"/>
      <c r="W497" s="1"/>
      <c r="X497" s="1"/>
      <c r="Y497" s="1"/>
      <c r="Z497" s="1"/>
      <c r="AA497" s="1"/>
      <c r="AB497" s="1"/>
      <c r="AC497" s="1"/>
      <c r="AD497" s="1"/>
      <c r="AE497" s="1"/>
      <c r="AF497" s="1"/>
      <c r="AG497" s="1"/>
      <c r="AH497" s="1"/>
      <c r="AI497" s="1"/>
      <c r="AJ497" s="1"/>
      <c r="AK497" s="1"/>
    </row>
    <row r="498" spans="2:37" x14ac:dyDescent="0.2">
      <c r="B498" s="1"/>
      <c r="C498" s="1"/>
      <c r="D498" s="1"/>
      <c r="E498" s="1"/>
      <c r="F498" s="1"/>
      <c r="G498" s="1"/>
      <c r="H498" s="1"/>
      <c r="I498" s="1"/>
      <c r="J498" s="1"/>
      <c r="K498" s="1"/>
      <c r="L498" s="1"/>
      <c r="M498" s="1"/>
      <c r="N498" s="1"/>
      <c r="O498" s="1"/>
      <c r="P498" s="1"/>
      <c r="Q498" s="1"/>
      <c r="R498" s="1"/>
      <c r="S498" s="1"/>
      <c r="T498" s="1"/>
      <c r="U498" s="1"/>
      <c r="V498" s="1"/>
      <c r="W498" s="1"/>
      <c r="X498" s="1"/>
      <c r="Y498" s="1"/>
      <c r="Z498" s="1"/>
      <c r="AA498" s="1"/>
      <c r="AB498" s="1"/>
      <c r="AC498" s="1"/>
      <c r="AD498" s="1"/>
      <c r="AE498" s="1"/>
      <c r="AF498" s="1"/>
      <c r="AG498" s="1"/>
      <c r="AH498" s="1"/>
      <c r="AI498" s="1"/>
      <c r="AJ498" s="1"/>
      <c r="AK498" s="1"/>
    </row>
    <row r="499" spans="2:37" x14ac:dyDescent="0.2">
      <c r="B499" s="1"/>
      <c r="C499" s="1"/>
      <c r="D499" s="1"/>
      <c r="E499" s="1"/>
      <c r="F499" s="1"/>
      <c r="G499" s="1"/>
      <c r="H499" s="1"/>
      <c r="I499" s="1"/>
      <c r="J499" s="1"/>
      <c r="K499" s="1"/>
      <c r="L499" s="1"/>
      <c r="M499" s="1"/>
      <c r="N499" s="1"/>
      <c r="O499" s="1"/>
      <c r="P499" s="1"/>
      <c r="Q499" s="1"/>
      <c r="R499" s="1"/>
      <c r="S499" s="1"/>
      <c r="T499" s="1"/>
      <c r="U499" s="1"/>
      <c r="V499" s="1"/>
      <c r="W499" s="1"/>
      <c r="X499" s="1"/>
      <c r="Y499" s="1"/>
      <c r="Z499" s="1"/>
      <c r="AA499" s="1"/>
      <c r="AB499" s="1"/>
      <c r="AC499" s="1"/>
      <c r="AD499" s="1"/>
      <c r="AE499" s="1"/>
      <c r="AF499" s="1"/>
      <c r="AG499" s="1"/>
      <c r="AH499" s="1"/>
      <c r="AI499" s="1"/>
      <c r="AJ499" s="1"/>
      <c r="AK499" s="1"/>
    </row>
    <row r="500" spans="2:37" x14ac:dyDescent="0.2">
      <c r="B500" s="1"/>
      <c r="C500" s="1"/>
      <c r="D500" s="1"/>
      <c r="E500" s="1"/>
      <c r="F500" s="1"/>
      <c r="G500" s="1"/>
      <c r="H500" s="1"/>
      <c r="I500" s="1"/>
      <c r="J500" s="1"/>
      <c r="K500" s="1"/>
      <c r="L500" s="1"/>
      <c r="M500" s="1"/>
      <c r="N500" s="1"/>
      <c r="O500" s="1"/>
      <c r="P500" s="1"/>
      <c r="Q500" s="1"/>
      <c r="R500" s="1"/>
      <c r="S500" s="1"/>
      <c r="T500" s="1"/>
      <c r="U500" s="1"/>
      <c r="V500" s="1"/>
      <c r="W500" s="1"/>
      <c r="X500" s="1"/>
      <c r="Y500" s="1"/>
      <c r="Z500" s="1"/>
      <c r="AA500" s="1"/>
      <c r="AB500" s="1"/>
      <c r="AC500" s="1"/>
      <c r="AD500" s="1"/>
      <c r="AE500" s="1"/>
      <c r="AF500" s="1"/>
      <c r="AG500" s="1"/>
      <c r="AH500" s="1"/>
      <c r="AI500" s="1"/>
      <c r="AJ500" s="1"/>
      <c r="AK500" s="1"/>
    </row>
    <row r="501" spans="2:37" x14ac:dyDescent="0.2">
      <c r="B501" s="1"/>
      <c r="C501" s="1"/>
      <c r="D501" s="1"/>
      <c r="E501" s="1"/>
      <c r="F501" s="1"/>
      <c r="G501" s="1"/>
      <c r="H501" s="1"/>
      <c r="I501" s="1"/>
      <c r="J501" s="1"/>
      <c r="K501" s="1"/>
      <c r="L501" s="1"/>
      <c r="M501" s="1"/>
      <c r="N501" s="1"/>
      <c r="O501" s="1"/>
      <c r="P501" s="1"/>
      <c r="Q501" s="1"/>
      <c r="R501" s="1"/>
      <c r="S501" s="1"/>
      <c r="T501" s="1"/>
      <c r="U501" s="1"/>
      <c r="V501" s="1"/>
      <c r="W501" s="1"/>
      <c r="X501" s="1"/>
      <c r="Y501" s="1"/>
      <c r="Z501" s="1"/>
      <c r="AA501" s="1"/>
      <c r="AB501" s="1"/>
      <c r="AC501" s="1"/>
      <c r="AD501" s="1"/>
      <c r="AE501" s="1"/>
      <c r="AF501" s="1"/>
      <c r="AG501" s="1"/>
      <c r="AH501" s="1"/>
      <c r="AI501" s="1"/>
      <c r="AJ501" s="1"/>
      <c r="AK501" s="1"/>
    </row>
    <row r="502" spans="2:37" x14ac:dyDescent="0.2">
      <c r="B502" s="1"/>
      <c r="C502" s="1"/>
      <c r="D502" s="1"/>
      <c r="E502" s="1"/>
      <c r="F502" s="1"/>
      <c r="G502" s="1"/>
      <c r="H502" s="1"/>
      <c r="I502" s="1"/>
      <c r="J502" s="1"/>
      <c r="K502" s="1"/>
      <c r="L502" s="1"/>
      <c r="M502" s="1"/>
      <c r="N502" s="1"/>
      <c r="O502" s="1"/>
      <c r="P502" s="1"/>
      <c r="Q502" s="1"/>
      <c r="R502" s="1"/>
      <c r="S502" s="1"/>
      <c r="T502" s="1"/>
      <c r="U502" s="1"/>
      <c r="V502" s="1"/>
      <c r="W502" s="1"/>
      <c r="X502" s="1"/>
      <c r="Y502" s="1"/>
      <c r="Z502" s="1"/>
      <c r="AA502" s="1"/>
      <c r="AB502" s="1"/>
      <c r="AC502" s="1"/>
      <c r="AD502" s="1"/>
      <c r="AE502" s="1"/>
      <c r="AF502" s="1"/>
      <c r="AG502" s="1"/>
      <c r="AH502" s="1"/>
      <c r="AI502" s="1"/>
      <c r="AJ502" s="1"/>
      <c r="AK502" s="1"/>
    </row>
    <row r="503" spans="2:37" x14ac:dyDescent="0.2">
      <c r="B503" s="1"/>
      <c r="C503" s="1"/>
      <c r="D503" s="1"/>
      <c r="E503" s="1"/>
      <c r="F503" s="1"/>
      <c r="G503" s="1"/>
      <c r="H503" s="1"/>
      <c r="I503" s="1"/>
      <c r="J503" s="1"/>
      <c r="K503" s="1"/>
      <c r="L503" s="1"/>
      <c r="M503" s="1"/>
      <c r="N503" s="1"/>
      <c r="O503" s="1"/>
      <c r="P503" s="1"/>
      <c r="Q503" s="1"/>
      <c r="R503" s="1"/>
      <c r="S503" s="1"/>
      <c r="T503" s="1"/>
      <c r="U503" s="1"/>
      <c r="V503" s="1"/>
      <c r="W503" s="1"/>
      <c r="X503" s="1"/>
      <c r="Y503" s="1"/>
      <c r="Z503" s="1"/>
      <c r="AA503" s="1"/>
      <c r="AB503" s="1"/>
      <c r="AC503" s="1"/>
      <c r="AD503" s="1"/>
      <c r="AE503" s="1"/>
      <c r="AF503" s="1"/>
      <c r="AG503" s="1"/>
      <c r="AH503" s="1"/>
      <c r="AI503" s="1"/>
      <c r="AJ503" s="1"/>
      <c r="AK503" s="1"/>
    </row>
    <row r="504" spans="2:37" x14ac:dyDescent="0.2">
      <c r="B504" s="1"/>
      <c r="C504" s="1"/>
      <c r="D504" s="1"/>
      <c r="E504" s="1"/>
      <c r="F504" s="1"/>
      <c r="G504" s="1"/>
      <c r="H504" s="1"/>
      <c r="I504" s="1"/>
      <c r="J504" s="1"/>
      <c r="K504" s="1"/>
      <c r="L504" s="1"/>
      <c r="M504" s="1"/>
      <c r="N504" s="1"/>
      <c r="O504" s="1"/>
      <c r="P504" s="1"/>
      <c r="Q504" s="1"/>
      <c r="R504" s="1"/>
      <c r="S504" s="1"/>
      <c r="T504" s="1"/>
      <c r="U504" s="1"/>
      <c r="V504" s="1"/>
      <c r="W504" s="1"/>
      <c r="X504" s="1"/>
      <c r="Y504" s="1"/>
      <c r="Z504" s="1"/>
      <c r="AA504" s="1"/>
      <c r="AB504" s="1"/>
      <c r="AC504" s="1"/>
      <c r="AD504" s="1"/>
      <c r="AE504" s="1"/>
      <c r="AF504" s="1"/>
      <c r="AG504" s="1"/>
      <c r="AH504" s="1"/>
      <c r="AI504" s="1"/>
      <c r="AJ504" s="1"/>
      <c r="AK504" s="1"/>
    </row>
    <row r="505" spans="2:37" x14ac:dyDescent="0.2">
      <c r="B505" s="1"/>
      <c r="C505" s="1"/>
      <c r="D505" s="1"/>
      <c r="E505" s="1"/>
      <c r="F505" s="1"/>
      <c r="G505" s="1"/>
      <c r="H505" s="1"/>
      <c r="I505" s="1"/>
      <c r="J505" s="1"/>
      <c r="K505" s="1"/>
      <c r="L505" s="1"/>
      <c r="M505" s="1"/>
      <c r="N505" s="1"/>
      <c r="O505" s="1"/>
      <c r="P505" s="1"/>
      <c r="Q505" s="1"/>
      <c r="R505" s="1"/>
      <c r="S505" s="1"/>
      <c r="T505" s="1"/>
      <c r="U505" s="1"/>
      <c r="V505" s="1"/>
      <c r="W505" s="1"/>
      <c r="X505" s="1"/>
      <c r="Y505" s="1"/>
      <c r="Z505" s="1"/>
      <c r="AA505" s="1"/>
      <c r="AB505" s="1"/>
      <c r="AC505" s="1"/>
      <c r="AD505" s="1"/>
      <c r="AE505" s="1"/>
      <c r="AF505" s="1"/>
      <c r="AG505" s="1"/>
      <c r="AH505" s="1"/>
      <c r="AI505" s="1"/>
      <c r="AJ505" s="1"/>
      <c r="AK505" s="1"/>
    </row>
    <row r="506" spans="2:37" x14ac:dyDescent="0.2">
      <c r="B506" s="1"/>
      <c r="C506" s="1"/>
      <c r="D506" s="1"/>
      <c r="E506" s="1"/>
      <c r="F506" s="1"/>
      <c r="G506" s="1"/>
      <c r="H506" s="1"/>
      <c r="I506" s="1"/>
      <c r="J506" s="1"/>
      <c r="K506" s="1"/>
      <c r="L506" s="1"/>
      <c r="M506" s="1"/>
      <c r="N506" s="1"/>
      <c r="O506" s="1"/>
      <c r="P506" s="1"/>
      <c r="Q506" s="1"/>
      <c r="R506" s="1"/>
      <c r="S506" s="1"/>
      <c r="T506" s="1"/>
      <c r="U506" s="1"/>
      <c r="V506" s="1"/>
      <c r="W506" s="1"/>
      <c r="X506" s="1"/>
      <c r="Y506" s="1"/>
      <c r="Z506" s="1"/>
      <c r="AA506" s="1"/>
      <c r="AB506" s="1"/>
      <c r="AC506" s="1"/>
      <c r="AD506" s="1"/>
      <c r="AE506" s="1"/>
      <c r="AF506" s="1"/>
      <c r="AG506" s="1"/>
      <c r="AH506" s="1"/>
      <c r="AI506" s="1"/>
      <c r="AJ506" s="1"/>
      <c r="AK506" s="1"/>
    </row>
    <row r="507" spans="2:37" x14ac:dyDescent="0.2">
      <c r="B507" s="1"/>
      <c r="C507" s="1"/>
      <c r="D507" s="1"/>
      <c r="E507" s="1"/>
      <c r="F507" s="1"/>
      <c r="G507" s="1"/>
      <c r="H507" s="1"/>
      <c r="I507" s="1"/>
      <c r="J507" s="1"/>
      <c r="K507" s="1"/>
      <c r="L507" s="1"/>
      <c r="M507" s="1"/>
      <c r="N507" s="1"/>
      <c r="O507" s="1"/>
      <c r="P507" s="1"/>
      <c r="Q507" s="1"/>
      <c r="R507" s="1"/>
      <c r="S507" s="1"/>
      <c r="T507" s="1"/>
      <c r="U507" s="1"/>
      <c r="V507" s="1"/>
      <c r="W507" s="1"/>
      <c r="X507" s="1"/>
      <c r="Y507" s="1"/>
      <c r="Z507" s="1"/>
      <c r="AA507" s="1"/>
      <c r="AB507" s="1"/>
      <c r="AC507" s="1"/>
      <c r="AD507" s="1"/>
      <c r="AE507" s="1"/>
      <c r="AF507" s="1"/>
      <c r="AG507" s="1"/>
      <c r="AH507" s="1"/>
      <c r="AI507" s="1"/>
      <c r="AJ507" s="1"/>
      <c r="AK507" s="1"/>
    </row>
    <row r="508" spans="2:37" x14ac:dyDescent="0.2">
      <c r="B508" s="1"/>
      <c r="C508" s="1"/>
      <c r="D508" s="1"/>
      <c r="E508" s="1"/>
      <c r="F508" s="1"/>
      <c r="G508" s="1"/>
      <c r="H508" s="1"/>
      <c r="I508" s="1"/>
      <c r="J508" s="1"/>
      <c r="K508" s="1"/>
      <c r="L508" s="1"/>
      <c r="M508" s="1"/>
      <c r="N508" s="1"/>
      <c r="O508" s="1"/>
      <c r="P508" s="1"/>
      <c r="Q508" s="1"/>
      <c r="R508" s="1"/>
      <c r="S508" s="1"/>
      <c r="T508" s="1"/>
      <c r="U508" s="1"/>
      <c r="V508" s="1"/>
      <c r="W508" s="1"/>
      <c r="X508" s="1"/>
      <c r="Y508" s="1"/>
      <c r="Z508" s="1"/>
      <c r="AA508" s="1"/>
      <c r="AB508" s="1"/>
      <c r="AC508" s="1"/>
      <c r="AD508" s="1"/>
      <c r="AE508" s="1"/>
      <c r="AF508" s="1"/>
      <c r="AG508" s="1"/>
      <c r="AH508" s="1"/>
      <c r="AI508" s="1"/>
      <c r="AJ508" s="1"/>
      <c r="AK508" s="1"/>
    </row>
    <row r="509" spans="2:37" x14ac:dyDescent="0.2">
      <c r="B509" s="1"/>
      <c r="C509" s="1"/>
      <c r="D509" s="1"/>
      <c r="E509" s="1"/>
      <c r="F509" s="1"/>
      <c r="G509" s="1"/>
      <c r="H509" s="1"/>
      <c r="I509" s="1"/>
      <c r="J509" s="1"/>
      <c r="K509" s="1"/>
      <c r="L509" s="1"/>
      <c r="M509" s="1"/>
      <c r="N509" s="1"/>
      <c r="O509" s="1"/>
      <c r="P509" s="1"/>
      <c r="Q509" s="1"/>
      <c r="R509" s="1"/>
      <c r="S509" s="1"/>
      <c r="T509" s="1"/>
      <c r="U509" s="1"/>
      <c r="V509" s="1"/>
      <c r="W509" s="1"/>
      <c r="X509" s="1"/>
      <c r="Y509" s="1"/>
      <c r="Z509" s="1"/>
      <c r="AA509" s="1"/>
      <c r="AB509" s="1"/>
      <c r="AC509" s="1"/>
      <c r="AD509" s="1"/>
      <c r="AE509" s="1"/>
      <c r="AF509" s="1"/>
      <c r="AG509" s="1"/>
      <c r="AH509" s="1"/>
      <c r="AI509" s="1"/>
      <c r="AJ509" s="1"/>
      <c r="AK509" s="1"/>
    </row>
    <row r="510" spans="2:37" x14ac:dyDescent="0.2">
      <c r="B510" s="1"/>
      <c r="C510" s="1"/>
      <c r="D510" s="1"/>
      <c r="E510" s="1"/>
      <c r="F510" s="1"/>
      <c r="G510" s="1"/>
      <c r="H510" s="1"/>
      <c r="I510" s="1"/>
      <c r="J510" s="1"/>
      <c r="K510" s="1"/>
      <c r="L510" s="1"/>
      <c r="M510" s="1"/>
      <c r="N510" s="1"/>
      <c r="O510" s="1"/>
      <c r="P510" s="1"/>
      <c r="Q510" s="1"/>
      <c r="R510" s="1"/>
      <c r="S510" s="1"/>
      <c r="T510" s="1"/>
      <c r="U510" s="1"/>
      <c r="V510" s="1"/>
      <c r="W510" s="1"/>
      <c r="X510" s="1"/>
      <c r="Y510" s="1"/>
      <c r="Z510" s="1"/>
      <c r="AA510" s="1"/>
      <c r="AB510" s="1"/>
      <c r="AC510" s="1"/>
      <c r="AD510" s="1"/>
      <c r="AE510" s="1"/>
      <c r="AF510" s="1"/>
      <c r="AG510" s="1"/>
      <c r="AH510" s="1"/>
      <c r="AI510" s="1"/>
      <c r="AJ510" s="1"/>
      <c r="AK510" s="1"/>
    </row>
    <row r="511" spans="2:37" x14ac:dyDescent="0.2">
      <c r="B511" s="1"/>
      <c r="C511" s="1"/>
      <c r="D511" s="1"/>
      <c r="E511" s="1"/>
      <c r="F511" s="1"/>
      <c r="G511" s="1"/>
      <c r="H511" s="1"/>
      <c r="I511" s="1"/>
      <c r="J511" s="1"/>
      <c r="K511" s="1"/>
      <c r="L511" s="1"/>
      <c r="M511" s="1"/>
      <c r="N511" s="1"/>
      <c r="O511" s="1"/>
      <c r="P511" s="1"/>
      <c r="Q511" s="1"/>
      <c r="R511" s="1"/>
      <c r="S511" s="1"/>
      <c r="T511" s="1"/>
      <c r="U511" s="1"/>
      <c r="V511" s="1"/>
      <c r="W511" s="1"/>
      <c r="X511" s="1"/>
      <c r="Y511" s="1"/>
      <c r="Z511" s="1"/>
      <c r="AA511" s="1"/>
      <c r="AB511" s="1"/>
      <c r="AC511" s="1"/>
      <c r="AD511" s="1"/>
      <c r="AE511" s="1"/>
      <c r="AF511" s="1"/>
      <c r="AG511" s="1"/>
      <c r="AH511" s="1"/>
      <c r="AI511" s="1"/>
      <c r="AJ511" s="1"/>
      <c r="AK511" s="1"/>
    </row>
    <row r="512" spans="2:37" x14ac:dyDescent="0.2">
      <c r="B512" s="1"/>
      <c r="C512" s="1"/>
      <c r="D512" s="1"/>
      <c r="E512" s="1"/>
      <c r="F512" s="1"/>
      <c r="G512" s="1"/>
      <c r="H512" s="1"/>
      <c r="I512" s="1"/>
      <c r="J512" s="1"/>
      <c r="K512" s="1"/>
      <c r="L512" s="1"/>
      <c r="M512" s="1"/>
      <c r="N512" s="1"/>
      <c r="O512" s="1"/>
      <c r="P512" s="1"/>
      <c r="Q512" s="1"/>
      <c r="R512" s="1"/>
      <c r="S512" s="1"/>
      <c r="T512" s="1"/>
      <c r="U512" s="1"/>
      <c r="V512" s="1"/>
      <c r="W512" s="1"/>
      <c r="X512" s="1"/>
      <c r="Y512" s="1"/>
      <c r="Z512" s="1"/>
      <c r="AA512" s="1"/>
      <c r="AB512" s="1"/>
      <c r="AC512" s="1"/>
      <c r="AD512" s="1"/>
      <c r="AE512" s="1"/>
      <c r="AF512" s="1"/>
      <c r="AG512" s="1"/>
      <c r="AH512" s="1"/>
      <c r="AI512" s="1"/>
      <c r="AJ512" s="1"/>
      <c r="AK512" s="1"/>
    </row>
    <row r="513" spans="2:37" x14ac:dyDescent="0.2">
      <c r="B513" s="1"/>
      <c r="C513" s="1"/>
      <c r="D513" s="1"/>
      <c r="E513" s="1"/>
      <c r="F513" s="1"/>
      <c r="G513" s="1"/>
      <c r="H513" s="1"/>
      <c r="I513" s="1"/>
      <c r="J513" s="1"/>
      <c r="K513" s="1"/>
      <c r="L513" s="1"/>
      <c r="M513" s="1"/>
      <c r="N513" s="1"/>
      <c r="O513" s="1"/>
      <c r="P513" s="1"/>
      <c r="Q513" s="1"/>
      <c r="R513" s="1"/>
      <c r="S513" s="1"/>
      <c r="T513" s="1"/>
      <c r="U513" s="1"/>
      <c r="V513" s="1"/>
      <c r="W513" s="1"/>
      <c r="X513" s="1"/>
      <c r="Y513" s="1"/>
      <c r="Z513" s="1"/>
      <c r="AA513" s="1"/>
      <c r="AB513" s="1"/>
      <c r="AC513" s="1"/>
      <c r="AD513" s="1"/>
      <c r="AE513" s="1"/>
      <c r="AF513" s="1"/>
      <c r="AG513" s="1"/>
      <c r="AH513" s="1"/>
      <c r="AI513" s="1"/>
      <c r="AJ513" s="1"/>
      <c r="AK513" s="1"/>
    </row>
    <row r="514" spans="2:37" x14ac:dyDescent="0.2">
      <c r="B514" s="1"/>
      <c r="C514" s="1"/>
      <c r="D514" s="1"/>
      <c r="E514" s="1"/>
      <c r="F514" s="1"/>
      <c r="G514" s="1"/>
      <c r="H514" s="1"/>
      <c r="I514" s="1"/>
      <c r="J514" s="1"/>
      <c r="K514" s="1"/>
      <c r="L514" s="1"/>
      <c r="M514" s="1"/>
      <c r="N514" s="1"/>
      <c r="O514" s="1"/>
      <c r="P514" s="1"/>
      <c r="Q514" s="1"/>
      <c r="R514" s="1"/>
      <c r="S514" s="1"/>
      <c r="T514" s="1"/>
      <c r="U514" s="1"/>
      <c r="V514" s="1"/>
      <c r="W514" s="1"/>
      <c r="X514" s="1"/>
      <c r="Y514" s="1"/>
      <c r="Z514" s="1"/>
      <c r="AA514" s="1"/>
      <c r="AB514" s="1"/>
      <c r="AC514" s="1"/>
      <c r="AD514" s="1"/>
      <c r="AE514" s="1"/>
      <c r="AF514" s="1"/>
      <c r="AG514" s="1"/>
      <c r="AH514" s="1"/>
      <c r="AI514" s="1"/>
      <c r="AJ514" s="1"/>
      <c r="AK514" s="1"/>
    </row>
    <row r="515" spans="2:37" x14ac:dyDescent="0.2">
      <c r="B515" s="1"/>
      <c r="C515" s="1"/>
      <c r="D515" s="1"/>
      <c r="E515" s="1"/>
      <c r="F515" s="1"/>
      <c r="G515" s="1"/>
      <c r="H515" s="1"/>
      <c r="I515" s="1"/>
      <c r="J515" s="1"/>
      <c r="K515" s="1"/>
      <c r="L515" s="1"/>
      <c r="M515" s="1"/>
      <c r="N515" s="1"/>
      <c r="O515" s="1"/>
      <c r="P515" s="1"/>
      <c r="Q515" s="1"/>
      <c r="R515" s="1"/>
      <c r="S515" s="1"/>
      <c r="T515" s="1"/>
      <c r="U515" s="1"/>
      <c r="V515" s="1"/>
      <c r="W515" s="1"/>
      <c r="X515" s="1"/>
      <c r="Y515" s="1"/>
      <c r="Z515" s="1"/>
      <c r="AA515" s="1"/>
      <c r="AB515" s="1"/>
      <c r="AC515" s="1"/>
      <c r="AD515" s="1"/>
      <c r="AE515" s="1"/>
      <c r="AF515" s="1"/>
      <c r="AG515" s="1"/>
      <c r="AH515" s="1"/>
      <c r="AI515" s="1"/>
      <c r="AJ515" s="1"/>
      <c r="AK515" s="1"/>
    </row>
    <row r="516" spans="2:37" x14ac:dyDescent="0.2">
      <c r="B516" s="1"/>
      <c r="C516" s="1"/>
      <c r="D516" s="1"/>
      <c r="E516" s="1"/>
      <c r="F516" s="1"/>
      <c r="G516" s="1"/>
      <c r="H516" s="1"/>
      <c r="I516" s="1"/>
      <c r="J516" s="1"/>
      <c r="K516" s="1"/>
      <c r="L516" s="1"/>
      <c r="M516" s="1"/>
      <c r="N516" s="1"/>
      <c r="O516" s="1"/>
      <c r="P516" s="1"/>
      <c r="Q516" s="1"/>
      <c r="R516" s="1"/>
      <c r="S516" s="1"/>
      <c r="T516" s="1"/>
      <c r="U516" s="1"/>
      <c r="V516" s="1"/>
      <c r="W516" s="1"/>
      <c r="X516" s="1"/>
      <c r="Y516" s="1"/>
      <c r="Z516" s="1"/>
      <c r="AA516" s="1"/>
      <c r="AB516" s="1"/>
      <c r="AC516" s="1"/>
      <c r="AD516" s="1"/>
      <c r="AE516" s="1"/>
      <c r="AF516" s="1"/>
      <c r="AG516" s="1"/>
      <c r="AH516" s="1"/>
      <c r="AI516" s="1"/>
      <c r="AJ516" s="1"/>
      <c r="AK516" s="1"/>
    </row>
    <row r="517" spans="2:37" x14ac:dyDescent="0.2">
      <c r="B517" s="1"/>
      <c r="C517" s="1"/>
      <c r="D517" s="1"/>
      <c r="E517" s="1"/>
      <c r="F517" s="1"/>
      <c r="G517" s="1"/>
      <c r="H517" s="1"/>
      <c r="I517" s="1"/>
      <c r="J517" s="1"/>
      <c r="K517" s="1"/>
      <c r="L517" s="1"/>
      <c r="M517" s="1"/>
      <c r="N517" s="1"/>
      <c r="O517" s="1"/>
      <c r="P517" s="1"/>
      <c r="Q517" s="1"/>
      <c r="R517" s="1"/>
      <c r="S517" s="1"/>
      <c r="T517" s="1"/>
      <c r="U517" s="1"/>
      <c r="V517" s="1"/>
      <c r="W517" s="1"/>
      <c r="X517" s="1"/>
      <c r="Y517" s="1"/>
      <c r="Z517" s="1"/>
      <c r="AA517" s="1"/>
      <c r="AB517" s="1"/>
      <c r="AC517" s="1"/>
      <c r="AD517" s="1"/>
      <c r="AE517" s="1"/>
      <c r="AF517" s="1"/>
      <c r="AG517" s="1"/>
      <c r="AH517" s="1"/>
      <c r="AI517" s="1"/>
      <c r="AJ517" s="1"/>
      <c r="AK517" s="1"/>
    </row>
    <row r="518" spans="2:37" x14ac:dyDescent="0.2">
      <c r="B518" s="1"/>
      <c r="C518" s="1"/>
      <c r="D518" s="1"/>
      <c r="E518" s="1"/>
      <c r="F518" s="1"/>
      <c r="G518" s="1"/>
      <c r="H518" s="1"/>
      <c r="I518" s="1"/>
      <c r="J518" s="1"/>
      <c r="K518" s="1"/>
      <c r="L518" s="1"/>
      <c r="M518" s="1"/>
      <c r="N518" s="1"/>
      <c r="O518" s="1"/>
      <c r="P518" s="1"/>
      <c r="Q518" s="1"/>
      <c r="R518" s="1"/>
      <c r="S518" s="1"/>
      <c r="T518" s="1"/>
      <c r="U518" s="1"/>
      <c r="V518" s="1"/>
      <c r="W518" s="1"/>
      <c r="X518" s="1"/>
      <c r="Y518" s="1"/>
      <c r="Z518" s="1"/>
      <c r="AA518" s="1"/>
      <c r="AB518" s="1"/>
      <c r="AC518" s="1"/>
      <c r="AD518" s="1"/>
      <c r="AE518" s="1"/>
      <c r="AF518" s="1"/>
      <c r="AG518" s="1"/>
      <c r="AH518" s="1"/>
      <c r="AI518" s="1"/>
      <c r="AJ518" s="1"/>
      <c r="AK518" s="1"/>
    </row>
    <row r="519" spans="2:37" x14ac:dyDescent="0.2">
      <c r="B519" s="1"/>
      <c r="C519" s="1"/>
      <c r="D519" s="1"/>
      <c r="E519" s="1"/>
      <c r="F519" s="1"/>
      <c r="G519" s="1"/>
      <c r="H519" s="1"/>
      <c r="I519" s="1"/>
      <c r="J519" s="1"/>
      <c r="K519" s="1"/>
      <c r="L519" s="1"/>
      <c r="M519" s="1"/>
      <c r="N519" s="1"/>
      <c r="O519" s="1"/>
      <c r="P519" s="1"/>
      <c r="Q519" s="1"/>
      <c r="R519" s="1"/>
      <c r="S519" s="1"/>
      <c r="T519" s="1"/>
      <c r="U519" s="1"/>
      <c r="V519" s="1"/>
      <c r="W519" s="1"/>
      <c r="X519" s="1"/>
      <c r="Y519" s="1"/>
      <c r="Z519" s="1"/>
      <c r="AA519" s="1"/>
      <c r="AB519" s="1"/>
      <c r="AC519" s="1"/>
      <c r="AD519" s="1"/>
      <c r="AE519" s="1"/>
      <c r="AF519" s="1"/>
      <c r="AG519" s="1"/>
      <c r="AH519" s="1"/>
      <c r="AI519" s="1"/>
      <c r="AJ519" s="1"/>
      <c r="AK519" s="1"/>
    </row>
    <row r="520" spans="2:37" x14ac:dyDescent="0.2">
      <c r="B520" s="1"/>
      <c r="C520" s="1"/>
      <c r="D520" s="1"/>
      <c r="E520" s="1"/>
      <c r="F520" s="1"/>
      <c r="G520" s="1"/>
      <c r="H520" s="1"/>
      <c r="I520" s="1"/>
      <c r="J520" s="1"/>
      <c r="K520" s="1"/>
      <c r="L520" s="1"/>
      <c r="M520" s="1"/>
      <c r="N520" s="1"/>
      <c r="O520" s="1"/>
      <c r="P520" s="1"/>
      <c r="Q520" s="1"/>
      <c r="R520" s="1"/>
      <c r="S520" s="1"/>
      <c r="T520" s="1"/>
      <c r="U520" s="1"/>
      <c r="V520" s="1"/>
      <c r="W520" s="1"/>
      <c r="X520" s="1"/>
      <c r="Y520" s="1"/>
      <c r="Z520" s="1"/>
      <c r="AA520" s="1"/>
      <c r="AB520" s="1"/>
      <c r="AC520" s="1"/>
      <c r="AD520" s="1"/>
      <c r="AE520" s="1"/>
      <c r="AF520" s="1"/>
      <c r="AG520" s="1"/>
      <c r="AH520" s="1"/>
      <c r="AI520" s="1"/>
      <c r="AJ520" s="1"/>
      <c r="AK520" s="1"/>
    </row>
    <row r="521" spans="2:37" x14ac:dyDescent="0.2">
      <c r="B521" s="1"/>
      <c r="C521" s="1"/>
      <c r="D521" s="1"/>
      <c r="E521" s="1"/>
      <c r="F521" s="1"/>
      <c r="G521" s="1"/>
      <c r="H521" s="1"/>
      <c r="I521" s="1"/>
      <c r="J521" s="1"/>
      <c r="K521" s="1"/>
      <c r="L521" s="1"/>
      <c r="M521" s="1"/>
      <c r="N521" s="1"/>
      <c r="O521" s="1"/>
      <c r="P521" s="1"/>
      <c r="Q521" s="1"/>
      <c r="R521" s="1"/>
      <c r="S521" s="1"/>
      <c r="T521" s="1"/>
      <c r="U521" s="1"/>
      <c r="V521" s="1"/>
      <c r="W521" s="1"/>
      <c r="X521" s="1"/>
      <c r="Y521" s="1"/>
      <c r="Z521" s="1"/>
      <c r="AA521" s="1"/>
      <c r="AB521" s="1"/>
      <c r="AC521" s="1"/>
      <c r="AD521" s="1"/>
      <c r="AE521" s="1"/>
      <c r="AF521" s="1"/>
      <c r="AG521" s="1"/>
      <c r="AH521" s="1"/>
      <c r="AI521" s="1"/>
      <c r="AJ521" s="1"/>
      <c r="AK521" s="1"/>
    </row>
    <row r="522" spans="2:37" x14ac:dyDescent="0.2">
      <c r="B522" s="1"/>
      <c r="C522" s="1"/>
      <c r="D522" s="1"/>
      <c r="E522" s="1"/>
      <c r="F522" s="1"/>
      <c r="G522" s="1"/>
      <c r="H522" s="1"/>
      <c r="I522" s="1"/>
      <c r="J522" s="1"/>
      <c r="K522" s="1"/>
      <c r="L522" s="1"/>
      <c r="M522" s="1"/>
      <c r="N522" s="1"/>
      <c r="O522" s="1"/>
      <c r="P522" s="1"/>
      <c r="Q522" s="1"/>
      <c r="R522" s="1"/>
      <c r="S522" s="1"/>
      <c r="T522" s="1"/>
      <c r="U522" s="1"/>
      <c r="V522" s="1"/>
      <c r="W522" s="1"/>
      <c r="X522" s="1"/>
      <c r="Y522" s="1"/>
      <c r="Z522" s="1"/>
      <c r="AA522" s="1"/>
      <c r="AB522" s="1"/>
      <c r="AC522" s="1"/>
      <c r="AD522" s="1"/>
      <c r="AE522" s="1"/>
      <c r="AF522" s="1"/>
      <c r="AG522" s="1"/>
      <c r="AH522" s="1"/>
      <c r="AI522" s="1"/>
      <c r="AJ522" s="1"/>
      <c r="AK522" s="1"/>
    </row>
    <row r="523" spans="2:37" x14ac:dyDescent="0.2">
      <c r="B523" s="1"/>
      <c r="C523" s="1"/>
      <c r="D523" s="1"/>
      <c r="E523" s="1"/>
      <c r="F523" s="1"/>
      <c r="G523" s="1"/>
      <c r="H523" s="1"/>
      <c r="I523" s="1"/>
      <c r="J523" s="1"/>
      <c r="K523" s="1"/>
      <c r="L523" s="1"/>
      <c r="M523" s="1"/>
      <c r="N523" s="1"/>
      <c r="O523" s="1"/>
      <c r="P523" s="1"/>
      <c r="Q523" s="1"/>
      <c r="R523" s="1"/>
      <c r="S523" s="1"/>
      <c r="T523" s="1"/>
      <c r="U523" s="1"/>
      <c r="V523" s="1"/>
      <c r="W523" s="1"/>
      <c r="X523" s="1"/>
      <c r="Y523" s="1"/>
      <c r="Z523" s="1"/>
      <c r="AA523" s="1"/>
      <c r="AB523" s="1"/>
      <c r="AC523" s="1"/>
      <c r="AD523" s="1"/>
      <c r="AE523" s="1"/>
      <c r="AF523" s="1"/>
      <c r="AG523" s="1"/>
      <c r="AH523" s="1"/>
      <c r="AI523" s="1"/>
      <c r="AJ523" s="1"/>
      <c r="AK523" s="1"/>
    </row>
    <row r="524" spans="2:37" x14ac:dyDescent="0.2">
      <c r="B524" s="1"/>
      <c r="C524" s="1"/>
      <c r="D524" s="1"/>
      <c r="E524" s="1"/>
      <c r="F524" s="1"/>
      <c r="G524" s="1"/>
      <c r="H524" s="1"/>
      <c r="I524" s="1"/>
      <c r="J524" s="1"/>
      <c r="K524" s="1"/>
      <c r="L524" s="1"/>
      <c r="M524" s="1"/>
      <c r="N524" s="1"/>
      <c r="O524" s="1"/>
      <c r="P524" s="1"/>
      <c r="Q524" s="1"/>
      <c r="R524" s="1"/>
      <c r="S524" s="1"/>
      <c r="T524" s="1"/>
      <c r="U524" s="1"/>
      <c r="V524" s="1"/>
      <c r="W524" s="1"/>
      <c r="X524" s="1"/>
      <c r="Y524" s="1"/>
      <c r="Z524" s="1"/>
      <c r="AA524" s="1"/>
      <c r="AB524" s="1"/>
      <c r="AC524" s="1"/>
      <c r="AD524" s="1"/>
      <c r="AE524" s="1"/>
      <c r="AF524" s="1"/>
      <c r="AG524" s="1"/>
      <c r="AH524" s="1"/>
      <c r="AI524" s="1"/>
      <c r="AJ524" s="1"/>
      <c r="AK524" s="1"/>
    </row>
    <row r="525" spans="2:37" x14ac:dyDescent="0.2">
      <c r="B525" s="1"/>
      <c r="C525" s="1"/>
      <c r="D525" s="1"/>
      <c r="E525" s="1"/>
      <c r="F525" s="1"/>
      <c r="G525" s="1"/>
      <c r="H525" s="1"/>
      <c r="I525" s="1"/>
      <c r="J525" s="1"/>
      <c r="K525" s="1"/>
      <c r="L525" s="1"/>
      <c r="M525" s="1"/>
      <c r="N525" s="1"/>
      <c r="O525" s="1"/>
      <c r="P525" s="1"/>
      <c r="Q525" s="1"/>
      <c r="R525" s="1"/>
      <c r="S525" s="1"/>
      <c r="T525" s="1"/>
      <c r="U525" s="1"/>
      <c r="V525" s="1"/>
      <c r="W525" s="1"/>
      <c r="X525" s="1"/>
      <c r="Y525" s="1"/>
      <c r="Z525" s="1"/>
      <c r="AA525" s="1"/>
      <c r="AB525" s="1"/>
      <c r="AC525" s="1"/>
      <c r="AD525" s="1"/>
      <c r="AE525" s="1"/>
      <c r="AF525" s="1"/>
      <c r="AG525" s="1"/>
      <c r="AH525" s="1"/>
      <c r="AI525" s="1"/>
      <c r="AJ525" s="1"/>
      <c r="AK525" s="1"/>
    </row>
    <row r="526" spans="2:37" x14ac:dyDescent="0.2">
      <c r="B526" s="1"/>
      <c r="C526" s="1"/>
      <c r="D526" s="1"/>
      <c r="E526" s="1"/>
      <c r="F526" s="1"/>
      <c r="G526" s="1"/>
      <c r="H526" s="1"/>
      <c r="I526" s="1"/>
      <c r="J526" s="1"/>
      <c r="K526" s="1"/>
      <c r="L526" s="1"/>
      <c r="M526" s="1"/>
      <c r="N526" s="1"/>
      <c r="O526" s="1"/>
      <c r="P526" s="1"/>
      <c r="Q526" s="1"/>
      <c r="R526" s="1"/>
      <c r="S526" s="1"/>
      <c r="T526" s="1"/>
      <c r="U526" s="1"/>
      <c r="V526" s="1"/>
      <c r="W526" s="1"/>
      <c r="X526" s="1"/>
      <c r="Y526" s="1"/>
      <c r="Z526" s="1"/>
      <c r="AA526" s="1"/>
      <c r="AB526" s="1"/>
      <c r="AC526" s="1"/>
      <c r="AD526" s="1"/>
      <c r="AE526" s="1"/>
      <c r="AF526" s="1"/>
      <c r="AG526" s="1"/>
      <c r="AH526" s="1"/>
      <c r="AI526" s="1"/>
      <c r="AJ526" s="1"/>
      <c r="AK526" s="1"/>
    </row>
    <row r="527" spans="2:37" x14ac:dyDescent="0.2">
      <c r="B527" s="1"/>
      <c r="C527" s="1"/>
      <c r="D527" s="1"/>
      <c r="E527" s="1"/>
      <c r="F527" s="1"/>
      <c r="G527" s="1"/>
      <c r="H527" s="1"/>
      <c r="I527" s="1"/>
      <c r="J527" s="1"/>
      <c r="K527" s="1"/>
      <c r="L527" s="1"/>
      <c r="M527" s="1"/>
      <c r="N527" s="1"/>
      <c r="O527" s="1"/>
      <c r="P527" s="1"/>
      <c r="Q527" s="1"/>
      <c r="R527" s="1"/>
      <c r="S527" s="1"/>
      <c r="T527" s="1"/>
      <c r="U527" s="1"/>
      <c r="V527" s="1"/>
      <c r="W527" s="1"/>
      <c r="X527" s="1"/>
      <c r="Y527" s="1"/>
      <c r="Z527" s="1"/>
      <c r="AA527" s="1"/>
      <c r="AB527" s="1"/>
      <c r="AC527" s="1"/>
      <c r="AD527" s="1"/>
      <c r="AE527" s="1"/>
      <c r="AF527" s="1"/>
      <c r="AG527" s="1"/>
      <c r="AH527" s="1"/>
      <c r="AI527" s="1"/>
      <c r="AJ527" s="1"/>
      <c r="AK527" s="1"/>
    </row>
    <row r="528" spans="2:37" x14ac:dyDescent="0.2">
      <c r="B528" s="1"/>
      <c r="C528" s="1"/>
      <c r="D528" s="1"/>
      <c r="E528" s="1"/>
      <c r="F528" s="1"/>
      <c r="G528" s="1"/>
      <c r="H528" s="1"/>
      <c r="I528" s="1"/>
      <c r="J528" s="1"/>
      <c r="K528" s="1"/>
      <c r="L528" s="1"/>
      <c r="M528" s="1"/>
      <c r="N528" s="1"/>
      <c r="O528" s="1"/>
      <c r="P528" s="1"/>
      <c r="Q528" s="1"/>
      <c r="R528" s="1"/>
      <c r="S528" s="1"/>
      <c r="T528" s="1"/>
      <c r="U528" s="1"/>
      <c r="V528" s="1"/>
      <c r="W528" s="1"/>
      <c r="X528" s="1"/>
      <c r="Y528" s="1"/>
      <c r="Z528" s="1"/>
      <c r="AA528" s="1"/>
      <c r="AB528" s="1"/>
      <c r="AC528" s="1"/>
      <c r="AD528" s="1"/>
      <c r="AE528" s="1"/>
      <c r="AF528" s="1"/>
      <c r="AG528" s="1"/>
      <c r="AH528" s="1"/>
      <c r="AI528" s="1"/>
      <c r="AJ528" s="1"/>
      <c r="AK528" s="1"/>
    </row>
    <row r="529" spans="2:37" x14ac:dyDescent="0.2">
      <c r="B529" s="1"/>
      <c r="C529" s="1"/>
      <c r="D529" s="1"/>
      <c r="E529" s="1"/>
      <c r="F529" s="1"/>
      <c r="G529" s="1"/>
      <c r="H529" s="1"/>
      <c r="I529" s="1"/>
      <c r="J529" s="1"/>
      <c r="K529" s="1"/>
      <c r="L529" s="1"/>
      <c r="M529" s="1"/>
      <c r="N529" s="1"/>
      <c r="O529" s="1"/>
      <c r="P529" s="1"/>
      <c r="Q529" s="1"/>
      <c r="R529" s="1"/>
      <c r="S529" s="1"/>
      <c r="T529" s="1"/>
      <c r="U529" s="1"/>
      <c r="V529" s="1"/>
      <c r="W529" s="1"/>
      <c r="X529" s="1"/>
      <c r="Y529" s="1"/>
      <c r="Z529" s="1"/>
      <c r="AA529" s="1"/>
      <c r="AB529" s="1"/>
      <c r="AC529" s="1"/>
      <c r="AD529" s="1"/>
      <c r="AE529" s="1"/>
      <c r="AF529" s="1"/>
      <c r="AG529" s="1"/>
      <c r="AH529" s="1"/>
      <c r="AI529" s="1"/>
      <c r="AJ529" s="1"/>
      <c r="AK529" s="1"/>
    </row>
    <row r="530" spans="2:37" x14ac:dyDescent="0.2">
      <c r="B530" s="1"/>
      <c r="C530" s="1"/>
      <c r="D530" s="1"/>
      <c r="E530" s="1"/>
      <c r="F530" s="1"/>
      <c r="G530" s="1"/>
      <c r="H530" s="1"/>
      <c r="I530" s="1"/>
      <c r="J530" s="1"/>
      <c r="K530" s="1"/>
      <c r="L530" s="1"/>
      <c r="M530" s="1"/>
      <c r="N530" s="1"/>
      <c r="O530" s="1"/>
      <c r="P530" s="1"/>
      <c r="Q530" s="1"/>
      <c r="R530" s="1"/>
      <c r="S530" s="1"/>
      <c r="T530" s="1"/>
      <c r="U530" s="1"/>
      <c r="V530" s="1"/>
      <c r="W530" s="1"/>
      <c r="X530" s="1"/>
      <c r="Y530" s="1"/>
      <c r="Z530" s="1"/>
      <c r="AA530" s="1"/>
      <c r="AB530" s="1"/>
      <c r="AC530" s="1"/>
      <c r="AD530" s="1"/>
      <c r="AE530" s="1"/>
      <c r="AF530" s="1"/>
      <c r="AG530" s="1"/>
      <c r="AH530" s="1"/>
      <c r="AI530" s="1"/>
      <c r="AJ530" s="1"/>
      <c r="AK530" s="1"/>
    </row>
    <row r="531" spans="2:37" x14ac:dyDescent="0.2">
      <c r="B531" s="1"/>
      <c r="C531" s="1"/>
      <c r="D531" s="1"/>
      <c r="E531" s="1"/>
      <c r="F531" s="1"/>
      <c r="G531" s="1"/>
      <c r="H531" s="1"/>
      <c r="I531" s="1"/>
      <c r="J531" s="1"/>
      <c r="K531" s="1"/>
      <c r="L531" s="1"/>
      <c r="M531" s="1"/>
      <c r="N531" s="1"/>
      <c r="O531" s="1"/>
      <c r="P531" s="1"/>
      <c r="Q531" s="1"/>
      <c r="R531" s="1"/>
      <c r="S531" s="1"/>
      <c r="T531" s="1"/>
      <c r="U531" s="1"/>
      <c r="V531" s="1"/>
      <c r="W531" s="1"/>
      <c r="X531" s="1"/>
      <c r="Y531" s="1"/>
      <c r="Z531" s="1"/>
      <c r="AA531" s="1"/>
      <c r="AB531" s="1"/>
      <c r="AC531" s="1"/>
      <c r="AD531" s="1"/>
      <c r="AE531" s="1"/>
      <c r="AF531" s="1"/>
      <c r="AG531" s="1"/>
      <c r="AH531" s="1"/>
      <c r="AI531" s="1"/>
      <c r="AJ531" s="1"/>
      <c r="AK531" s="1"/>
    </row>
    <row r="532" spans="2:37" x14ac:dyDescent="0.2">
      <c r="B532" s="1"/>
      <c r="C532" s="1"/>
      <c r="D532" s="1"/>
      <c r="E532" s="1"/>
      <c r="F532" s="1"/>
      <c r="G532" s="1"/>
      <c r="H532" s="1"/>
      <c r="I532" s="1"/>
      <c r="J532" s="1"/>
      <c r="K532" s="1"/>
      <c r="L532" s="1"/>
      <c r="M532" s="1"/>
      <c r="N532" s="1"/>
      <c r="O532" s="1"/>
      <c r="P532" s="1"/>
      <c r="Q532" s="1"/>
      <c r="R532" s="1"/>
      <c r="S532" s="1"/>
      <c r="T532" s="1"/>
      <c r="U532" s="1"/>
      <c r="V532" s="1"/>
      <c r="W532" s="1"/>
      <c r="X532" s="1"/>
      <c r="Y532" s="1"/>
      <c r="Z532" s="1"/>
      <c r="AA532" s="1"/>
      <c r="AB532" s="1"/>
      <c r="AC532" s="1"/>
      <c r="AD532" s="1"/>
      <c r="AE532" s="1"/>
      <c r="AF532" s="1"/>
      <c r="AG532" s="1"/>
      <c r="AH532" s="1"/>
      <c r="AI532" s="1"/>
      <c r="AJ532" s="1"/>
      <c r="AK532" s="1"/>
    </row>
    <row r="533" spans="2:37" x14ac:dyDescent="0.2">
      <c r="B533" s="1"/>
      <c r="C533" s="1"/>
      <c r="D533" s="1"/>
      <c r="E533" s="1"/>
      <c r="F533" s="1"/>
      <c r="G533" s="1"/>
      <c r="H533" s="1"/>
      <c r="I533" s="1"/>
      <c r="J533" s="1"/>
      <c r="K533" s="1"/>
      <c r="L533" s="1"/>
      <c r="M533" s="1"/>
      <c r="N533" s="1"/>
      <c r="O533" s="1"/>
      <c r="P533" s="1"/>
      <c r="Q533" s="1"/>
      <c r="R533" s="1"/>
      <c r="S533" s="1"/>
      <c r="T533" s="1"/>
      <c r="U533" s="1"/>
      <c r="V533" s="1"/>
      <c r="W533" s="1"/>
      <c r="X533" s="1"/>
      <c r="Y533" s="1"/>
      <c r="Z533" s="1"/>
      <c r="AA533" s="1"/>
      <c r="AB533" s="1"/>
      <c r="AC533" s="1"/>
      <c r="AD533" s="1"/>
      <c r="AE533" s="1"/>
      <c r="AF533" s="1"/>
      <c r="AG533" s="1"/>
      <c r="AH533" s="1"/>
      <c r="AI533" s="1"/>
      <c r="AJ533" s="1"/>
      <c r="AK533" s="1"/>
    </row>
    <row r="534" spans="2:37" x14ac:dyDescent="0.2">
      <c r="B534" s="1"/>
      <c r="C534" s="1"/>
      <c r="D534" s="1"/>
      <c r="E534" s="1"/>
      <c r="F534" s="1"/>
      <c r="G534" s="1"/>
      <c r="H534" s="1"/>
      <c r="I534" s="1"/>
      <c r="J534" s="1"/>
      <c r="K534" s="1"/>
      <c r="L534" s="1"/>
      <c r="M534" s="1"/>
      <c r="N534" s="1"/>
      <c r="O534" s="1"/>
      <c r="P534" s="1"/>
      <c r="Q534" s="1"/>
      <c r="R534" s="1"/>
      <c r="S534" s="1"/>
      <c r="T534" s="1"/>
      <c r="U534" s="1"/>
      <c r="V534" s="1"/>
      <c r="W534" s="1"/>
      <c r="X534" s="1"/>
      <c r="Y534" s="1"/>
      <c r="Z534" s="1"/>
      <c r="AA534" s="1"/>
      <c r="AB534" s="1"/>
      <c r="AC534" s="1"/>
      <c r="AD534" s="1"/>
      <c r="AE534" s="1"/>
      <c r="AF534" s="1"/>
      <c r="AG534" s="1"/>
      <c r="AH534" s="1"/>
      <c r="AI534" s="1"/>
      <c r="AJ534" s="1"/>
      <c r="AK534" s="1"/>
    </row>
    <row r="535" spans="2:37" x14ac:dyDescent="0.2">
      <c r="B535" s="1"/>
      <c r="C535" s="1"/>
      <c r="D535" s="1"/>
      <c r="E535" s="1"/>
      <c r="F535" s="1"/>
      <c r="G535" s="1"/>
      <c r="H535" s="1"/>
      <c r="I535" s="1"/>
      <c r="J535" s="1"/>
      <c r="K535" s="1"/>
      <c r="L535" s="1"/>
      <c r="M535" s="1"/>
      <c r="N535" s="1"/>
      <c r="O535" s="1"/>
      <c r="P535" s="1"/>
      <c r="Q535" s="1"/>
      <c r="R535" s="1"/>
      <c r="S535" s="1"/>
      <c r="T535" s="1"/>
      <c r="U535" s="1"/>
      <c r="V535" s="1"/>
      <c r="W535" s="1"/>
      <c r="X535" s="1"/>
      <c r="Y535" s="1"/>
      <c r="Z535" s="1"/>
      <c r="AA535" s="1"/>
      <c r="AB535" s="1"/>
      <c r="AC535" s="1"/>
      <c r="AD535" s="1"/>
      <c r="AE535" s="1"/>
      <c r="AF535" s="1"/>
      <c r="AG535" s="1"/>
      <c r="AH535" s="1"/>
      <c r="AI535" s="1"/>
      <c r="AJ535" s="1"/>
      <c r="AK535" s="1"/>
    </row>
    <row r="536" spans="2:37" x14ac:dyDescent="0.2">
      <c r="B536" s="1"/>
      <c r="C536" s="1"/>
      <c r="D536" s="1"/>
      <c r="E536" s="1"/>
      <c r="F536" s="1"/>
      <c r="G536" s="1"/>
      <c r="H536" s="1"/>
      <c r="I536" s="1"/>
      <c r="J536" s="1"/>
      <c r="K536" s="1"/>
      <c r="L536" s="1"/>
      <c r="M536" s="1"/>
      <c r="N536" s="1"/>
      <c r="O536" s="1"/>
      <c r="P536" s="1"/>
      <c r="Q536" s="1"/>
      <c r="R536" s="1"/>
      <c r="S536" s="1"/>
      <c r="T536" s="1"/>
      <c r="U536" s="1"/>
      <c r="V536" s="1"/>
      <c r="W536" s="1"/>
      <c r="X536" s="1"/>
      <c r="Y536" s="1"/>
      <c r="Z536" s="1"/>
      <c r="AA536" s="1"/>
      <c r="AB536" s="1"/>
      <c r="AC536" s="1"/>
      <c r="AD536" s="1"/>
      <c r="AE536" s="1"/>
      <c r="AF536" s="1"/>
      <c r="AG536" s="1"/>
      <c r="AH536" s="1"/>
      <c r="AI536" s="1"/>
      <c r="AJ536" s="1"/>
      <c r="AK536" s="1"/>
    </row>
    <row r="537" spans="2:37" x14ac:dyDescent="0.2">
      <c r="B537" s="1"/>
      <c r="C537" s="1"/>
      <c r="D537" s="1"/>
      <c r="E537" s="1"/>
      <c r="F537" s="1"/>
      <c r="G537" s="1"/>
      <c r="H537" s="1"/>
      <c r="I537" s="1"/>
      <c r="J537" s="1"/>
      <c r="K537" s="1"/>
      <c r="L537" s="1"/>
      <c r="M537" s="1"/>
      <c r="N537" s="1"/>
      <c r="O537" s="1"/>
      <c r="P537" s="1"/>
      <c r="Q537" s="1"/>
      <c r="R537" s="1"/>
      <c r="S537" s="1"/>
      <c r="T537" s="1"/>
      <c r="U537" s="1"/>
      <c r="V537" s="1"/>
      <c r="W537" s="1"/>
      <c r="X537" s="1"/>
      <c r="Y537" s="1"/>
      <c r="Z537" s="1"/>
      <c r="AA537" s="1"/>
      <c r="AB537" s="1"/>
      <c r="AC537" s="1"/>
      <c r="AD537" s="1"/>
      <c r="AE537" s="1"/>
      <c r="AF537" s="1"/>
      <c r="AG537" s="1"/>
      <c r="AH537" s="1"/>
      <c r="AI537" s="1"/>
      <c r="AJ537" s="1"/>
      <c r="AK537" s="1"/>
    </row>
    <row r="538" spans="2:37" x14ac:dyDescent="0.2">
      <c r="B538" s="1"/>
      <c r="C538" s="1"/>
      <c r="D538" s="1"/>
      <c r="E538" s="1"/>
      <c r="F538" s="1"/>
      <c r="G538" s="1"/>
      <c r="H538" s="1"/>
      <c r="I538" s="1"/>
      <c r="J538" s="1"/>
      <c r="K538" s="1"/>
      <c r="L538" s="1"/>
      <c r="M538" s="1"/>
      <c r="N538" s="1"/>
      <c r="O538" s="1"/>
      <c r="P538" s="1"/>
      <c r="Q538" s="1"/>
      <c r="R538" s="1"/>
      <c r="S538" s="1"/>
      <c r="T538" s="1"/>
      <c r="U538" s="1"/>
      <c r="V538" s="1"/>
      <c r="W538" s="1"/>
      <c r="X538" s="1"/>
      <c r="Y538" s="1"/>
      <c r="Z538" s="1"/>
      <c r="AA538" s="1"/>
      <c r="AB538" s="1"/>
      <c r="AC538" s="1"/>
      <c r="AD538" s="1"/>
      <c r="AE538" s="1"/>
      <c r="AF538" s="1"/>
      <c r="AG538" s="1"/>
      <c r="AH538" s="1"/>
      <c r="AI538" s="1"/>
      <c r="AJ538" s="1"/>
      <c r="AK538" s="1"/>
    </row>
    <row r="539" spans="2:37" x14ac:dyDescent="0.2">
      <c r="B539" s="1"/>
      <c r="C539" s="1"/>
      <c r="D539" s="1"/>
      <c r="E539" s="1"/>
      <c r="F539" s="1"/>
      <c r="G539" s="1"/>
      <c r="H539" s="1"/>
      <c r="I539" s="1"/>
      <c r="J539" s="1"/>
      <c r="K539" s="1"/>
      <c r="L539" s="1"/>
      <c r="M539" s="1"/>
      <c r="N539" s="1"/>
      <c r="O539" s="1"/>
      <c r="P539" s="1"/>
      <c r="Q539" s="1"/>
      <c r="R539" s="1"/>
      <c r="S539" s="1"/>
      <c r="T539" s="1"/>
      <c r="U539" s="1"/>
      <c r="V539" s="1"/>
      <c r="W539" s="1"/>
      <c r="X539" s="1"/>
      <c r="Y539" s="1"/>
      <c r="Z539" s="1"/>
      <c r="AA539" s="1"/>
      <c r="AB539" s="1"/>
      <c r="AC539" s="1"/>
      <c r="AD539" s="1"/>
      <c r="AE539" s="1"/>
      <c r="AF539" s="1"/>
      <c r="AG539" s="1"/>
      <c r="AH539" s="1"/>
      <c r="AI539" s="1"/>
      <c r="AJ539" s="1"/>
      <c r="AK539" s="1"/>
    </row>
    <row r="540" spans="2:37" x14ac:dyDescent="0.2">
      <c r="B540" s="1"/>
      <c r="C540" s="1"/>
      <c r="D540" s="1"/>
      <c r="E540" s="1"/>
      <c r="F540" s="1"/>
      <c r="G540" s="1"/>
      <c r="H540" s="1"/>
      <c r="I540" s="1"/>
      <c r="J540" s="1"/>
      <c r="K540" s="1"/>
      <c r="L540" s="1"/>
      <c r="M540" s="1"/>
      <c r="N540" s="1"/>
      <c r="O540" s="1"/>
      <c r="P540" s="1"/>
      <c r="Q540" s="1"/>
      <c r="R540" s="1"/>
      <c r="S540" s="1"/>
      <c r="T540" s="1"/>
      <c r="U540" s="1"/>
      <c r="V540" s="1"/>
      <c r="W540" s="1"/>
      <c r="X540" s="1"/>
      <c r="Y540" s="1"/>
      <c r="Z540" s="1"/>
      <c r="AA540" s="1"/>
      <c r="AB540" s="1"/>
      <c r="AC540" s="1"/>
      <c r="AD540" s="1"/>
      <c r="AE540" s="1"/>
      <c r="AF540" s="1"/>
      <c r="AG540" s="1"/>
      <c r="AH540" s="1"/>
      <c r="AI540" s="1"/>
      <c r="AJ540" s="1"/>
      <c r="AK540" s="1"/>
    </row>
    <row r="541" spans="2:37" x14ac:dyDescent="0.2">
      <c r="B541" s="1"/>
      <c r="C541" s="1"/>
      <c r="D541" s="1"/>
      <c r="E541" s="1"/>
      <c r="F541" s="1"/>
      <c r="G541" s="1"/>
      <c r="H541" s="1"/>
      <c r="I541" s="1"/>
      <c r="J541" s="1"/>
      <c r="K541" s="1"/>
      <c r="L541" s="1"/>
      <c r="M541" s="1"/>
      <c r="N541" s="1"/>
      <c r="O541" s="1"/>
      <c r="P541" s="1"/>
      <c r="Q541" s="1"/>
      <c r="R541" s="1"/>
      <c r="S541" s="1"/>
      <c r="T541" s="1"/>
      <c r="U541" s="1"/>
      <c r="V541" s="1"/>
      <c r="W541" s="1"/>
      <c r="X541" s="1"/>
      <c r="Y541" s="1"/>
      <c r="Z541" s="1"/>
      <c r="AA541" s="1"/>
      <c r="AB541" s="1"/>
      <c r="AC541" s="1"/>
      <c r="AD541" s="1"/>
      <c r="AE541" s="1"/>
      <c r="AF541" s="1"/>
      <c r="AG541" s="1"/>
      <c r="AH541" s="1"/>
      <c r="AI541" s="1"/>
      <c r="AJ541" s="1"/>
      <c r="AK541" s="1"/>
    </row>
    <row r="542" spans="2:37" x14ac:dyDescent="0.2">
      <c r="B542" s="1"/>
      <c r="C542" s="1"/>
      <c r="D542" s="1"/>
      <c r="E542" s="1"/>
      <c r="F542" s="1"/>
      <c r="G542" s="1"/>
      <c r="H542" s="1"/>
      <c r="I542" s="1"/>
      <c r="J542" s="1"/>
      <c r="K542" s="1"/>
      <c r="L542" s="1"/>
      <c r="M542" s="1"/>
      <c r="N542" s="1"/>
      <c r="O542" s="1"/>
      <c r="P542" s="1"/>
      <c r="Q542" s="1"/>
      <c r="R542" s="1"/>
      <c r="S542" s="1"/>
      <c r="T542" s="1"/>
      <c r="U542" s="1"/>
      <c r="V542" s="1"/>
      <c r="W542" s="1"/>
      <c r="X542" s="1"/>
      <c r="Y542" s="1"/>
      <c r="Z542" s="1"/>
      <c r="AA542" s="1"/>
      <c r="AB542" s="1"/>
      <c r="AC542" s="1"/>
      <c r="AD542" s="1"/>
      <c r="AE542" s="1"/>
      <c r="AF542" s="1"/>
      <c r="AG542" s="1"/>
      <c r="AH542" s="1"/>
      <c r="AI542" s="1"/>
      <c r="AJ542" s="1"/>
      <c r="AK542" s="1"/>
    </row>
    <row r="543" spans="2:37" x14ac:dyDescent="0.2">
      <c r="B543" s="1"/>
      <c r="C543" s="1"/>
      <c r="D543" s="1"/>
      <c r="E543" s="1"/>
      <c r="F543" s="1"/>
      <c r="G543" s="1"/>
      <c r="H543" s="1"/>
      <c r="I543" s="1"/>
      <c r="J543" s="1"/>
      <c r="K543" s="1"/>
      <c r="L543" s="1"/>
      <c r="M543" s="1"/>
      <c r="N543" s="1"/>
      <c r="O543" s="1"/>
      <c r="P543" s="1"/>
      <c r="Q543" s="1"/>
      <c r="R543" s="1"/>
      <c r="S543" s="1"/>
      <c r="T543" s="1"/>
      <c r="U543" s="1"/>
      <c r="V543" s="1"/>
      <c r="W543" s="1"/>
      <c r="X543" s="1"/>
      <c r="Y543" s="1"/>
      <c r="Z543" s="1"/>
      <c r="AA543" s="1"/>
      <c r="AB543" s="1"/>
      <c r="AC543" s="1"/>
      <c r="AD543" s="1"/>
      <c r="AE543" s="1"/>
      <c r="AF543" s="1"/>
      <c r="AG543" s="1"/>
      <c r="AH543" s="1"/>
      <c r="AI543" s="1"/>
      <c r="AJ543" s="1"/>
      <c r="AK543" s="1"/>
    </row>
    <row r="544" spans="2:37" x14ac:dyDescent="0.2">
      <c r="B544" s="1"/>
      <c r="C544" s="1"/>
      <c r="D544" s="1"/>
      <c r="E544" s="1"/>
      <c r="F544" s="1"/>
      <c r="G544" s="1"/>
      <c r="H544" s="1"/>
      <c r="I544" s="1"/>
      <c r="J544" s="1"/>
      <c r="K544" s="1"/>
      <c r="L544" s="1"/>
      <c r="M544" s="1"/>
      <c r="N544" s="1"/>
      <c r="O544" s="1"/>
      <c r="P544" s="1"/>
      <c r="Q544" s="1"/>
      <c r="R544" s="1"/>
      <c r="S544" s="1"/>
      <c r="T544" s="1"/>
      <c r="U544" s="1"/>
      <c r="V544" s="1"/>
      <c r="W544" s="1"/>
      <c r="X544" s="1"/>
      <c r="Y544" s="1"/>
      <c r="Z544" s="1"/>
      <c r="AA544" s="1"/>
      <c r="AB544" s="1"/>
      <c r="AC544" s="1"/>
      <c r="AD544" s="1"/>
      <c r="AE544" s="1"/>
      <c r="AF544" s="1"/>
      <c r="AG544" s="1"/>
      <c r="AH544" s="1"/>
      <c r="AI544" s="1"/>
      <c r="AJ544" s="1"/>
      <c r="AK544" s="1"/>
    </row>
    <row r="545" spans="2:37" x14ac:dyDescent="0.2">
      <c r="B545" s="1"/>
      <c r="C545" s="1"/>
      <c r="D545" s="1"/>
      <c r="E545" s="1"/>
      <c r="F545" s="1"/>
      <c r="G545" s="1"/>
      <c r="H545" s="1"/>
      <c r="I545" s="1"/>
      <c r="J545" s="1"/>
      <c r="K545" s="1"/>
      <c r="L545" s="1"/>
      <c r="M545" s="1"/>
      <c r="N545" s="1"/>
      <c r="O545" s="1"/>
      <c r="P545" s="1"/>
      <c r="Q545" s="1"/>
      <c r="R545" s="1"/>
      <c r="S545" s="1"/>
      <c r="T545" s="1"/>
      <c r="U545" s="1"/>
      <c r="V545" s="1"/>
      <c r="W545" s="1"/>
      <c r="X545" s="1"/>
      <c r="Y545" s="1"/>
      <c r="Z545" s="1"/>
      <c r="AA545" s="1"/>
      <c r="AB545" s="1"/>
      <c r="AC545" s="1"/>
      <c r="AD545" s="1"/>
      <c r="AE545" s="1"/>
      <c r="AF545" s="1"/>
      <c r="AG545" s="1"/>
      <c r="AH545" s="1"/>
      <c r="AI545" s="1"/>
      <c r="AJ545" s="1"/>
      <c r="AK545" s="1"/>
    </row>
    <row r="546" spans="2:37" x14ac:dyDescent="0.2">
      <c r="B546" s="1"/>
      <c r="C546" s="1"/>
      <c r="D546" s="1"/>
      <c r="E546" s="1"/>
      <c r="F546" s="1"/>
      <c r="G546" s="1"/>
      <c r="H546" s="1"/>
      <c r="I546" s="1"/>
      <c r="J546" s="1"/>
      <c r="K546" s="1"/>
      <c r="L546" s="1"/>
      <c r="M546" s="1"/>
      <c r="N546" s="1"/>
      <c r="O546" s="1"/>
      <c r="P546" s="1"/>
      <c r="Q546" s="1"/>
      <c r="R546" s="1"/>
      <c r="S546" s="1"/>
      <c r="T546" s="1"/>
      <c r="U546" s="1"/>
      <c r="V546" s="1"/>
      <c r="W546" s="1"/>
      <c r="X546" s="1"/>
      <c r="Y546" s="1"/>
      <c r="Z546" s="1"/>
      <c r="AA546" s="1"/>
      <c r="AB546" s="1"/>
      <c r="AC546" s="1"/>
      <c r="AD546" s="1"/>
      <c r="AE546" s="1"/>
      <c r="AF546" s="1"/>
      <c r="AG546" s="1"/>
      <c r="AH546" s="1"/>
      <c r="AI546" s="1"/>
      <c r="AJ546" s="1"/>
      <c r="AK546" s="1"/>
    </row>
    <row r="547" spans="2:37" x14ac:dyDescent="0.2">
      <c r="B547" s="1"/>
      <c r="C547" s="1"/>
      <c r="D547" s="1"/>
      <c r="E547" s="1"/>
      <c r="F547" s="1"/>
      <c r="G547" s="1"/>
      <c r="H547" s="1"/>
      <c r="I547" s="1"/>
      <c r="J547" s="1"/>
      <c r="K547" s="1"/>
      <c r="L547" s="1"/>
      <c r="M547" s="1"/>
      <c r="N547" s="1"/>
      <c r="O547" s="1"/>
      <c r="P547" s="1"/>
      <c r="Q547" s="1"/>
      <c r="R547" s="1"/>
      <c r="S547" s="1"/>
      <c r="T547" s="1"/>
      <c r="U547" s="1"/>
      <c r="V547" s="1"/>
      <c r="W547" s="1"/>
      <c r="X547" s="1"/>
      <c r="Y547" s="1"/>
      <c r="Z547" s="1"/>
      <c r="AA547" s="1"/>
      <c r="AB547" s="1"/>
      <c r="AC547" s="1"/>
      <c r="AD547" s="1"/>
      <c r="AE547" s="1"/>
      <c r="AF547" s="1"/>
      <c r="AG547" s="1"/>
      <c r="AH547" s="1"/>
      <c r="AI547" s="1"/>
      <c r="AJ547" s="1"/>
      <c r="AK547" s="1"/>
    </row>
    <row r="548" spans="2:37" x14ac:dyDescent="0.2">
      <c r="B548" s="1"/>
      <c r="C548" s="1"/>
      <c r="D548" s="1"/>
      <c r="E548" s="1"/>
      <c r="F548" s="1"/>
      <c r="G548" s="1"/>
      <c r="H548" s="1"/>
      <c r="I548" s="1"/>
      <c r="J548" s="1"/>
      <c r="K548" s="1"/>
      <c r="L548" s="1"/>
      <c r="M548" s="1"/>
      <c r="N548" s="1"/>
      <c r="O548" s="1"/>
      <c r="P548" s="1"/>
      <c r="Q548" s="1"/>
      <c r="R548" s="1"/>
      <c r="S548" s="1"/>
      <c r="T548" s="1"/>
      <c r="U548" s="1"/>
      <c r="V548" s="1"/>
      <c r="W548" s="1"/>
      <c r="X548" s="1"/>
      <c r="Y548" s="1"/>
      <c r="Z548" s="1"/>
      <c r="AA548" s="1"/>
      <c r="AB548" s="1"/>
      <c r="AC548" s="1"/>
      <c r="AD548" s="1"/>
      <c r="AE548" s="1"/>
      <c r="AF548" s="1"/>
      <c r="AG548" s="1"/>
      <c r="AH548" s="1"/>
      <c r="AI548" s="1"/>
      <c r="AJ548" s="1"/>
      <c r="AK548" s="1"/>
    </row>
    <row r="549" spans="2:37" x14ac:dyDescent="0.2">
      <c r="B549" s="1"/>
      <c r="C549" s="1"/>
      <c r="D549" s="1"/>
      <c r="E549" s="1"/>
      <c r="F549" s="1"/>
      <c r="G549" s="1"/>
      <c r="H549" s="1"/>
      <c r="I549" s="1"/>
      <c r="J549" s="1"/>
      <c r="K549" s="1"/>
      <c r="L549" s="1"/>
      <c r="M549" s="1"/>
      <c r="N549" s="1"/>
      <c r="O549" s="1"/>
      <c r="P549" s="1"/>
      <c r="Q549" s="1"/>
      <c r="R549" s="1"/>
      <c r="S549" s="1"/>
      <c r="T549" s="1"/>
      <c r="U549" s="1"/>
      <c r="V549" s="1"/>
      <c r="W549" s="1"/>
      <c r="X549" s="1"/>
      <c r="Y549" s="1"/>
      <c r="Z549" s="1"/>
      <c r="AA549" s="1"/>
      <c r="AB549" s="1"/>
      <c r="AC549" s="1"/>
      <c r="AD549" s="1"/>
      <c r="AE549" s="1"/>
      <c r="AF549" s="1"/>
      <c r="AG549" s="1"/>
      <c r="AH549" s="1"/>
      <c r="AI549" s="1"/>
      <c r="AJ549" s="1"/>
      <c r="AK549" s="1"/>
    </row>
    <row r="550" spans="2:37" x14ac:dyDescent="0.2">
      <c r="B550" s="1"/>
      <c r="C550" s="1"/>
      <c r="D550" s="1"/>
      <c r="E550" s="1"/>
      <c r="F550" s="1"/>
      <c r="G550" s="1"/>
      <c r="H550" s="1"/>
      <c r="I550" s="1"/>
      <c r="J550" s="1"/>
      <c r="K550" s="1"/>
      <c r="L550" s="1"/>
      <c r="M550" s="1"/>
      <c r="N550" s="1"/>
      <c r="O550" s="1"/>
      <c r="P550" s="1"/>
      <c r="Q550" s="1"/>
      <c r="R550" s="1"/>
      <c r="S550" s="1"/>
      <c r="T550" s="1"/>
      <c r="U550" s="1"/>
      <c r="V550" s="1"/>
      <c r="W550" s="1"/>
      <c r="X550" s="1"/>
      <c r="Y550" s="1"/>
      <c r="Z550" s="1"/>
      <c r="AA550" s="1"/>
      <c r="AB550" s="1"/>
      <c r="AC550" s="1"/>
      <c r="AD550" s="1"/>
      <c r="AE550" s="1"/>
      <c r="AF550" s="1"/>
      <c r="AG550" s="1"/>
      <c r="AH550" s="1"/>
      <c r="AI550" s="1"/>
      <c r="AJ550" s="1"/>
      <c r="AK550" s="1"/>
    </row>
    <row r="551" spans="2:37" x14ac:dyDescent="0.2">
      <c r="B551" s="1"/>
      <c r="C551" s="1"/>
      <c r="D551" s="1"/>
      <c r="E551" s="1"/>
      <c r="F551" s="1"/>
      <c r="G551" s="1"/>
      <c r="H551" s="1"/>
      <c r="I551" s="1"/>
      <c r="J551" s="1"/>
      <c r="K551" s="1"/>
      <c r="L551" s="1"/>
      <c r="M551" s="1"/>
      <c r="N551" s="1"/>
      <c r="O551" s="1"/>
      <c r="P551" s="1"/>
      <c r="Q551" s="1"/>
      <c r="R551" s="1"/>
      <c r="S551" s="1"/>
      <c r="T551" s="1"/>
      <c r="U551" s="1"/>
      <c r="V551" s="1"/>
      <c r="W551" s="1"/>
      <c r="X551" s="1"/>
      <c r="Y551" s="1"/>
      <c r="Z551" s="1"/>
      <c r="AA551" s="1"/>
      <c r="AB551" s="1"/>
      <c r="AC551" s="1"/>
      <c r="AD551" s="1"/>
      <c r="AE551" s="1"/>
      <c r="AF551" s="1"/>
      <c r="AG551" s="1"/>
      <c r="AH551" s="1"/>
      <c r="AI551" s="1"/>
      <c r="AJ551" s="1"/>
      <c r="AK551" s="1"/>
    </row>
    <row r="552" spans="2:37" x14ac:dyDescent="0.2">
      <c r="B552" s="1"/>
      <c r="C552" s="1"/>
      <c r="D552" s="1"/>
      <c r="E552" s="1"/>
      <c r="F552" s="1"/>
      <c r="G552" s="1"/>
      <c r="H552" s="1"/>
      <c r="I552" s="1"/>
      <c r="J552" s="1"/>
      <c r="K552" s="1"/>
      <c r="L552" s="1"/>
      <c r="M552" s="1"/>
      <c r="N552" s="1"/>
      <c r="O552" s="1"/>
      <c r="P552" s="1"/>
      <c r="Q552" s="1"/>
      <c r="R552" s="1"/>
      <c r="S552" s="1"/>
      <c r="T552" s="1"/>
      <c r="U552" s="1"/>
      <c r="V552" s="1"/>
      <c r="W552" s="1"/>
      <c r="X552" s="1"/>
      <c r="Y552" s="1"/>
      <c r="Z552" s="1"/>
      <c r="AA552" s="1"/>
      <c r="AB552" s="1"/>
      <c r="AC552" s="1"/>
      <c r="AD552" s="1"/>
      <c r="AE552" s="1"/>
      <c r="AF552" s="1"/>
      <c r="AG552" s="1"/>
      <c r="AH552" s="1"/>
      <c r="AI552" s="1"/>
      <c r="AJ552" s="1"/>
      <c r="AK552" s="1"/>
    </row>
    <row r="553" spans="2:37" x14ac:dyDescent="0.2">
      <c r="B553" s="1"/>
      <c r="C553" s="1"/>
      <c r="D553" s="1"/>
      <c r="E553" s="1"/>
      <c r="F553" s="1"/>
      <c r="G553" s="1"/>
      <c r="H553" s="1"/>
      <c r="I553" s="1"/>
      <c r="J553" s="1"/>
      <c r="K553" s="1"/>
      <c r="L553" s="1"/>
      <c r="M553" s="1"/>
      <c r="N553" s="1"/>
      <c r="O553" s="1"/>
      <c r="P553" s="1"/>
      <c r="Q553" s="1"/>
      <c r="R553" s="1"/>
      <c r="S553" s="1"/>
      <c r="T553" s="1"/>
      <c r="U553" s="1"/>
      <c r="V553" s="1"/>
      <c r="W553" s="1"/>
      <c r="X553" s="1"/>
      <c r="Y553" s="1"/>
      <c r="Z553" s="1"/>
      <c r="AA553" s="1"/>
      <c r="AB553" s="1"/>
      <c r="AC553" s="1"/>
      <c r="AD553" s="1"/>
      <c r="AE553" s="1"/>
      <c r="AF553" s="1"/>
      <c r="AG553" s="1"/>
      <c r="AH553" s="1"/>
      <c r="AI553" s="1"/>
      <c r="AJ553" s="1"/>
      <c r="AK553" s="1"/>
    </row>
    <row r="554" spans="2:37" x14ac:dyDescent="0.2">
      <c r="B554" s="1"/>
      <c r="C554" s="1"/>
      <c r="D554" s="1"/>
      <c r="E554" s="1"/>
      <c r="F554" s="1"/>
      <c r="G554" s="1"/>
      <c r="H554" s="1"/>
      <c r="I554" s="1"/>
      <c r="J554" s="1"/>
      <c r="K554" s="1"/>
      <c r="L554" s="1"/>
      <c r="M554" s="1"/>
      <c r="N554" s="1"/>
      <c r="O554" s="1"/>
      <c r="P554" s="1"/>
      <c r="Q554" s="1"/>
      <c r="R554" s="1"/>
      <c r="S554" s="1"/>
      <c r="T554" s="1"/>
      <c r="U554" s="1"/>
      <c r="V554" s="1"/>
      <c r="W554" s="1"/>
      <c r="X554" s="1"/>
      <c r="Y554" s="1"/>
      <c r="Z554" s="1"/>
      <c r="AA554" s="1"/>
      <c r="AB554" s="1"/>
      <c r="AC554" s="1"/>
      <c r="AD554" s="1"/>
      <c r="AE554" s="1"/>
      <c r="AF554" s="1"/>
      <c r="AG554" s="1"/>
      <c r="AH554" s="1"/>
      <c r="AI554" s="1"/>
      <c r="AJ554" s="1"/>
      <c r="AK554" s="1"/>
    </row>
    <row r="555" spans="2:37" x14ac:dyDescent="0.2">
      <c r="B555" s="1"/>
      <c r="C555" s="1"/>
      <c r="D555" s="1"/>
      <c r="E555" s="1"/>
      <c r="F555" s="1"/>
      <c r="G555" s="1"/>
      <c r="H555" s="1"/>
      <c r="I555" s="1"/>
      <c r="J555" s="1"/>
      <c r="K555" s="1"/>
      <c r="L555" s="1"/>
      <c r="M555" s="1"/>
      <c r="N555" s="1"/>
      <c r="O555" s="1"/>
      <c r="P555" s="1"/>
      <c r="Q555" s="1"/>
      <c r="R555" s="1"/>
      <c r="S555" s="1"/>
      <c r="T555" s="1"/>
      <c r="U555" s="1"/>
      <c r="V555" s="1"/>
      <c r="W555" s="1"/>
      <c r="X555" s="1"/>
      <c r="Y555" s="1"/>
      <c r="Z555" s="1"/>
      <c r="AA555" s="1"/>
      <c r="AB555" s="1"/>
      <c r="AC555" s="1"/>
      <c r="AD555" s="1"/>
      <c r="AE555" s="1"/>
      <c r="AF555" s="1"/>
      <c r="AG555" s="1"/>
      <c r="AH555" s="1"/>
      <c r="AI555" s="1"/>
      <c r="AJ555" s="1"/>
      <c r="AK555" s="1"/>
    </row>
    <row r="556" spans="2:37" x14ac:dyDescent="0.2">
      <c r="B556" s="1"/>
      <c r="C556" s="1"/>
      <c r="D556" s="1"/>
      <c r="E556" s="1"/>
      <c r="F556" s="1"/>
      <c r="G556" s="1"/>
      <c r="H556" s="1"/>
      <c r="I556" s="1"/>
      <c r="J556" s="1"/>
      <c r="K556" s="1"/>
      <c r="L556" s="1"/>
      <c r="M556" s="1"/>
      <c r="N556" s="1"/>
      <c r="O556" s="1"/>
      <c r="P556" s="1"/>
      <c r="Q556" s="1"/>
      <c r="R556" s="1"/>
      <c r="S556" s="1"/>
      <c r="T556" s="1"/>
      <c r="U556" s="1"/>
      <c r="V556" s="1"/>
      <c r="W556" s="1"/>
      <c r="X556" s="1"/>
      <c r="Y556" s="1"/>
      <c r="Z556" s="1"/>
      <c r="AA556" s="1"/>
      <c r="AB556" s="1"/>
      <c r="AC556" s="1"/>
      <c r="AD556" s="1"/>
      <c r="AE556" s="1"/>
      <c r="AF556" s="1"/>
      <c r="AG556" s="1"/>
      <c r="AH556" s="1"/>
      <c r="AI556" s="1"/>
      <c r="AJ556" s="1"/>
      <c r="AK556" s="1"/>
    </row>
    <row r="557" spans="2:37" x14ac:dyDescent="0.2">
      <c r="B557" s="1"/>
      <c r="C557" s="1"/>
      <c r="D557" s="1"/>
      <c r="E557" s="1"/>
      <c r="F557" s="1"/>
      <c r="G557" s="1"/>
      <c r="H557" s="1"/>
      <c r="I557" s="1"/>
      <c r="J557" s="1"/>
      <c r="K557" s="1"/>
      <c r="L557" s="1"/>
      <c r="M557" s="1"/>
      <c r="N557" s="1"/>
      <c r="O557" s="1"/>
      <c r="P557" s="1"/>
      <c r="Q557" s="1"/>
      <c r="R557" s="1"/>
      <c r="S557" s="1"/>
      <c r="T557" s="1"/>
      <c r="U557" s="1"/>
      <c r="V557" s="1"/>
      <c r="W557" s="1"/>
      <c r="X557" s="1"/>
      <c r="Y557" s="1"/>
      <c r="Z557" s="1"/>
      <c r="AA557" s="1"/>
      <c r="AB557" s="1"/>
      <c r="AC557" s="1"/>
      <c r="AD557" s="1"/>
      <c r="AE557" s="1"/>
      <c r="AF557" s="1"/>
      <c r="AG557" s="1"/>
      <c r="AH557" s="1"/>
      <c r="AI557" s="1"/>
      <c r="AJ557" s="1"/>
      <c r="AK557" s="1"/>
    </row>
    <row r="558" spans="2:37" x14ac:dyDescent="0.2">
      <c r="B558" s="1"/>
      <c r="C558" s="1"/>
      <c r="D558" s="1"/>
      <c r="E558" s="1"/>
      <c r="F558" s="1"/>
      <c r="G558" s="1"/>
      <c r="H558" s="1"/>
      <c r="I558" s="1"/>
      <c r="J558" s="1"/>
      <c r="K558" s="1"/>
      <c r="L558" s="1"/>
      <c r="M558" s="1"/>
      <c r="N558" s="1"/>
      <c r="O558" s="1"/>
      <c r="P558" s="1"/>
      <c r="Q558" s="1"/>
      <c r="R558" s="1"/>
      <c r="S558" s="1"/>
      <c r="T558" s="1"/>
      <c r="U558" s="1"/>
      <c r="V558" s="1"/>
      <c r="W558" s="1"/>
      <c r="X558" s="1"/>
      <c r="Y558" s="1"/>
      <c r="Z558" s="1"/>
      <c r="AA558" s="1"/>
      <c r="AB558" s="1"/>
      <c r="AC558" s="1"/>
      <c r="AD558" s="1"/>
      <c r="AE558" s="1"/>
      <c r="AF558" s="1"/>
      <c r="AG558" s="1"/>
      <c r="AH558" s="1"/>
      <c r="AI558" s="1"/>
      <c r="AJ558" s="1"/>
      <c r="AK558" s="1"/>
    </row>
    <row r="559" spans="2:37" x14ac:dyDescent="0.2">
      <c r="B559" s="1"/>
      <c r="C559" s="1"/>
      <c r="D559" s="1"/>
      <c r="E559" s="1"/>
      <c r="F559" s="1"/>
      <c r="G559" s="1"/>
      <c r="H559" s="1"/>
      <c r="I559" s="1"/>
      <c r="J559" s="1"/>
      <c r="K559" s="1"/>
      <c r="L559" s="1"/>
      <c r="M559" s="1"/>
      <c r="N559" s="1"/>
      <c r="O559" s="1"/>
      <c r="P559" s="1"/>
      <c r="Q559" s="1"/>
      <c r="R559" s="1"/>
      <c r="S559" s="1"/>
      <c r="T559" s="1"/>
      <c r="U559" s="1"/>
      <c r="V559" s="1"/>
      <c r="W559" s="1"/>
      <c r="X559" s="1"/>
      <c r="Y559" s="1"/>
      <c r="Z559" s="1"/>
      <c r="AA559" s="1"/>
      <c r="AB559" s="1"/>
      <c r="AC559" s="1"/>
      <c r="AD559" s="1"/>
      <c r="AE559" s="1"/>
      <c r="AF559" s="1"/>
      <c r="AG559" s="1"/>
      <c r="AH559" s="1"/>
      <c r="AI559" s="1"/>
      <c r="AJ559" s="1"/>
      <c r="AK559" s="1"/>
    </row>
    <row r="560" spans="2:37" x14ac:dyDescent="0.2">
      <c r="B560" s="1"/>
      <c r="C560" s="1"/>
      <c r="D560" s="1"/>
      <c r="E560" s="1"/>
      <c r="F560" s="1"/>
      <c r="G560" s="1"/>
      <c r="H560" s="1"/>
      <c r="I560" s="1"/>
      <c r="J560" s="1"/>
      <c r="K560" s="1"/>
      <c r="L560" s="1"/>
      <c r="M560" s="1"/>
      <c r="N560" s="1"/>
      <c r="O560" s="1"/>
      <c r="P560" s="1"/>
      <c r="Q560" s="1"/>
      <c r="R560" s="1"/>
      <c r="S560" s="1"/>
      <c r="T560" s="1"/>
      <c r="U560" s="1"/>
      <c r="V560" s="1"/>
      <c r="W560" s="1"/>
      <c r="X560" s="1"/>
      <c r="Y560" s="1"/>
      <c r="Z560" s="1"/>
      <c r="AA560" s="1"/>
      <c r="AB560" s="1"/>
      <c r="AC560" s="1"/>
      <c r="AD560" s="1"/>
      <c r="AE560" s="1"/>
      <c r="AF560" s="1"/>
      <c r="AG560" s="1"/>
      <c r="AH560" s="1"/>
      <c r="AI560" s="1"/>
      <c r="AJ560" s="1"/>
      <c r="AK560" s="1"/>
    </row>
    <row r="561" spans="2:37" x14ac:dyDescent="0.2">
      <c r="B561" s="1"/>
      <c r="C561" s="1"/>
      <c r="D561" s="1"/>
      <c r="E561" s="1"/>
      <c r="F561" s="1"/>
      <c r="G561" s="1"/>
      <c r="H561" s="1"/>
      <c r="I561" s="1"/>
      <c r="J561" s="1"/>
      <c r="K561" s="1"/>
      <c r="L561" s="1"/>
      <c r="M561" s="1"/>
      <c r="N561" s="1"/>
      <c r="O561" s="1"/>
      <c r="P561" s="1"/>
      <c r="Q561" s="1"/>
      <c r="R561" s="1"/>
      <c r="S561" s="1"/>
      <c r="T561" s="1"/>
      <c r="U561" s="1"/>
      <c r="V561" s="1"/>
      <c r="W561" s="1"/>
      <c r="X561" s="1"/>
      <c r="Y561" s="1"/>
      <c r="Z561" s="1"/>
      <c r="AA561" s="1"/>
      <c r="AB561" s="1"/>
      <c r="AC561" s="1"/>
      <c r="AD561" s="1"/>
      <c r="AE561" s="1"/>
      <c r="AF561" s="1"/>
      <c r="AG561" s="1"/>
      <c r="AH561" s="1"/>
      <c r="AI561" s="1"/>
      <c r="AJ561" s="1"/>
      <c r="AK561" s="1"/>
    </row>
    <row r="562" spans="2:37" x14ac:dyDescent="0.2">
      <c r="B562" s="1"/>
      <c r="C562" s="1"/>
      <c r="D562" s="1"/>
      <c r="E562" s="1"/>
      <c r="F562" s="1"/>
      <c r="G562" s="1"/>
      <c r="H562" s="1"/>
      <c r="I562" s="1"/>
      <c r="J562" s="1"/>
      <c r="K562" s="1"/>
      <c r="L562" s="1"/>
      <c r="M562" s="1"/>
      <c r="N562" s="1"/>
      <c r="O562" s="1"/>
      <c r="P562" s="1"/>
      <c r="Q562" s="1"/>
      <c r="R562" s="1"/>
      <c r="S562" s="1"/>
      <c r="T562" s="1"/>
      <c r="U562" s="1"/>
      <c r="V562" s="1"/>
      <c r="W562" s="1"/>
      <c r="X562" s="1"/>
      <c r="Y562" s="1"/>
      <c r="Z562" s="1"/>
      <c r="AA562" s="1"/>
      <c r="AB562" s="1"/>
      <c r="AC562" s="1"/>
      <c r="AD562" s="1"/>
      <c r="AE562" s="1"/>
      <c r="AF562" s="1"/>
      <c r="AG562" s="1"/>
      <c r="AH562" s="1"/>
      <c r="AI562" s="1"/>
      <c r="AJ562" s="1"/>
      <c r="AK562" s="1"/>
    </row>
    <row r="563" spans="2:37" x14ac:dyDescent="0.2">
      <c r="B563" s="1"/>
      <c r="C563" s="1"/>
      <c r="D563" s="1"/>
      <c r="E563" s="1"/>
      <c r="F563" s="1"/>
      <c r="G563" s="1"/>
      <c r="H563" s="1"/>
      <c r="I563" s="1"/>
      <c r="J563" s="1"/>
      <c r="K563" s="1"/>
      <c r="L563" s="1"/>
      <c r="M563" s="1"/>
      <c r="N563" s="1"/>
      <c r="O563" s="1"/>
      <c r="P563" s="1"/>
      <c r="Q563" s="1"/>
      <c r="R563" s="1"/>
      <c r="S563" s="1"/>
      <c r="T563" s="1"/>
      <c r="U563" s="1"/>
      <c r="V563" s="1"/>
      <c r="W563" s="1"/>
      <c r="X563" s="1"/>
      <c r="Y563" s="1"/>
      <c r="Z563" s="1"/>
      <c r="AA563" s="1"/>
      <c r="AB563" s="1"/>
      <c r="AC563" s="1"/>
      <c r="AD563" s="1"/>
      <c r="AE563" s="1"/>
      <c r="AF563" s="1"/>
      <c r="AG563" s="1"/>
      <c r="AH563" s="1"/>
      <c r="AI563" s="1"/>
      <c r="AJ563" s="1"/>
      <c r="AK563" s="1"/>
    </row>
    <row r="564" spans="2:37" x14ac:dyDescent="0.2">
      <c r="B564" s="1"/>
      <c r="C564" s="1"/>
      <c r="D564" s="1"/>
      <c r="E564" s="1"/>
      <c r="F564" s="1"/>
      <c r="G564" s="1"/>
      <c r="H564" s="1"/>
      <c r="I564" s="1"/>
      <c r="J564" s="1"/>
      <c r="K564" s="1"/>
      <c r="L564" s="1"/>
      <c r="M564" s="1"/>
      <c r="N564" s="1"/>
      <c r="O564" s="1"/>
      <c r="P564" s="1"/>
      <c r="Q564" s="1"/>
      <c r="R564" s="1"/>
      <c r="S564" s="1"/>
      <c r="T564" s="1"/>
      <c r="U564" s="1"/>
      <c r="V564" s="1"/>
      <c r="W564" s="1"/>
      <c r="X564" s="1"/>
      <c r="Y564" s="1"/>
      <c r="Z564" s="1"/>
      <c r="AA564" s="1"/>
      <c r="AB564" s="1"/>
      <c r="AC564" s="1"/>
      <c r="AD564" s="1"/>
      <c r="AE564" s="1"/>
      <c r="AF564" s="1"/>
      <c r="AG564" s="1"/>
      <c r="AH564" s="1"/>
      <c r="AI564" s="1"/>
      <c r="AJ564" s="1"/>
      <c r="AK564" s="1"/>
    </row>
    <row r="565" spans="2:37" x14ac:dyDescent="0.2">
      <c r="B565" s="1"/>
      <c r="C565" s="1"/>
      <c r="D565" s="1"/>
      <c r="E565" s="1"/>
      <c r="F565" s="1"/>
      <c r="G565" s="1"/>
      <c r="H565" s="1"/>
      <c r="I565" s="1"/>
      <c r="J565" s="1"/>
      <c r="K565" s="1"/>
      <c r="L565" s="1"/>
      <c r="M565" s="1"/>
      <c r="N565" s="1"/>
      <c r="O565" s="1"/>
      <c r="P565" s="1"/>
      <c r="Q565" s="1"/>
      <c r="R565" s="1"/>
      <c r="S565" s="1"/>
      <c r="T565" s="1"/>
      <c r="U565" s="1"/>
      <c r="V565" s="1"/>
      <c r="W565" s="1"/>
      <c r="X565" s="1"/>
      <c r="Y565" s="1"/>
      <c r="Z565" s="1"/>
      <c r="AA565" s="1"/>
      <c r="AB565" s="1"/>
      <c r="AC565" s="1"/>
      <c r="AD565" s="1"/>
      <c r="AE565" s="1"/>
      <c r="AF565" s="1"/>
      <c r="AG565" s="1"/>
      <c r="AH565" s="1"/>
      <c r="AI565" s="1"/>
      <c r="AJ565" s="1"/>
      <c r="AK565" s="1"/>
    </row>
    <row r="566" spans="2:37" x14ac:dyDescent="0.2">
      <c r="B566" s="1"/>
      <c r="C566" s="1"/>
      <c r="D566" s="1"/>
      <c r="E566" s="1"/>
      <c r="F566" s="1"/>
      <c r="G566" s="1"/>
      <c r="H566" s="1"/>
      <c r="I566" s="1"/>
      <c r="J566" s="1"/>
      <c r="K566" s="1"/>
      <c r="L566" s="1"/>
      <c r="M566" s="1"/>
      <c r="N566" s="1"/>
      <c r="O566" s="1"/>
      <c r="P566" s="1"/>
      <c r="Q566" s="1"/>
      <c r="R566" s="1"/>
      <c r="S566" s="1"/>
      <c r="T566" s="1"/>
      <c r="U566" s="1"/>
      <c r="V566" s="1"/>
      <c r="W566" s="1"/>
      <c r="X566" s="1"/>
      <c r="Y566" s="1"/>
      <c r="Z566" s="1"/>
      <c r="AA566" s="1"/>
      <c r="AB566" s="1"/>
      <c r="AC566" s="1"/>
      <c r="AD566" s="1"/>
      <c r="AE566" s="1"/>
      <c r="AF566" s="1"/>
      <c r="AG566" s="1"/>
      <c r="AH566" s="1"/>
      <c r="AI566" s="1"/>
      <c r="AJ566" s="1"/>
      <c r="AK566" s="1"/>
    </row>
    <row r="567" spans="2:37" x14ac:dyDescent="0.2">
      <c r="B567" s="1"/>
      <c r="C567" s="1"/>
      <c r="D567" s="1"/>
      <c r="E567" s="1"/>
      <c r="F567" s="1"/>
      <c r="G567" s="1"/>
      <c r="H567" s="1"/>
      <c r="I567" s="1"/>
      <c r="J567" s="1"/>
      <c r="K567" s="1"/>
      <c r="L567" s="1"/>
      <c r="M567" s="1"/>
      <c r="N567" s="1"/>
      <c r="O567" s="1"/>
      <c r="P567" s="1"/>
      <c r="Q567" s="1"/>
      <c r="R567" s="1"/>
      <c r="S567" s="1"/>
      <c r="T567" s="1"/>
      <c r="U567" s="1"/>
      <c r="V567" s="1"/>
      <c r="W567" s="1"/>
      <c r="X567" s="1"/>
      <c r="Y567" s="1"/>
      <c r="Z567" s="1"/>
      <c r="AA567" s="1"/>
      <c r="AB567" s="1"/>
      <c r="AC567" s="1"/>
      <c r="AD567" s="1"/>
      <c r="AE567" s="1"/>
      <c r="AF567" s="1"/>
      <c r="AG567" s="1"/>
      <c r="AH567" s="1"/>
      <c r="AI567" s="1"/>
      <c r="AJ567" s="1"/>
      <c r="AK567" s="1"/>
    </row>
    <row r="568" spans="2:37" x14ac:dyDescent="0.2">
      <c r="B568" s="1"/>
      <c r="C568" s="1"/>
      <c r="D568" s="1"/>
      <c r="E568" s="1"/>
      <c r="F568" s="1"/>
      <c r="G568" s="1"/>
      <c r="H568" s="1"/>
      <c r="I568" s="1"/>
      <c r="J568" s="1"/>
      <c r="K568" s="1"/>
      <c r="L568" s="1"/>
      <c r="M568" s="1"/>
      <c r="N568" s="1"/>
      <c r="O568" s="1"/>
      <c r="P568" s="1"/>
      <c r="Q568" s="1"/>
      <c r="R568" s="1"/>
      <c r="S568" s="1"/>
      <c r="T568" s="1"/>
      <c r="U568" s="1"/>
      <c r="V568" s="1"/>
      <c r="W568" s="1"/>
      <c r="X568" s="1"/>
      <c r="Y568" s="1"/>
      <c r="Z568" s="1"/>
      <c r="AA568" s="1"/>
      <c r="AB568" s="1"/>
      <c r="AC568" s="1"/>
      <c r="AD568" s="1"/>
      <c r="AE568" s="1"/>
      <c r="AF568" s="1"/>
      <c r="AG568" s="1"/>
      <c r="AH568" s="1"/>
      <c r="AI568" s="1"/>
      <c r="AJ568" s="1"/>
      <c r="AK568" s="1"/>
    </row>
    <row r="569" spans="2:37" x14ac:dyDescent="0.2">
      <c r="B569" s="1"/>
      <c r="C569" s="1"/>
      <c r="D569" s="1"/>
      <c r="E569" s="1"/>
      <c r="F569" s="1"/>
      <c r="G569" s="1"/>
      <c r="H569" s="1"/>
      <c r="I569" s="1"/>
      <c r="J569" s="1"/>
      <c r="K569" s="1"/>
      <c r="L569" s="1"/>
      <c r="M569" s="1"/>
      <c r="N569" s="1"/>
      <c r="O569" s="1"/>
      <c r="P569" s="1"/>
      <c r="Q569" s="1"/>
      <c r="R569" s="1"/>
      <c r="S569" s="1"/>
      <c r="T569" s="1"/>
      <c r="U569" s="1"/>
      <c r="V569" s="1"/>
      <c r="W569" s="1"/>
      <c r="X569" s="1"/>
      <c r="Y569" s="1"/>
      <c r="Z569" s="1"/>
      <c r="AA569" s="1"/>
      <c r="AB569" s="1"/>
      <c r="AC569" s="1"/>
      <c r="AD569" s="1"/>
      <c r="AE569" s="1"/>
      <c r="AF569" s="1"/>
      <c r="AG569" s="1"/>
      <c r="AH569" s="1"/>
      <c r="AI569" s="1"/>
      <c r="AJ569" s="1"/>
      <c r="AK569" s="1"/>
    </row>
    <row r="570" spans="2:37" x14ac:dyDescent="0.2">
      <c r="B570" s="1"/>
      <c r="C570" s="1"/>
      <c r="D570" s="1"/>
      <c r="E570" s="1"/>
      <c r="F570" s="1"/>
      <c r="G570" s="1"/>
      <c r="H570" s="1"/>
      <c r="I570" s="1"/>
      <c r="J570" s="1"/>
      <c r="K570" s="1"/>
      <c r="L570" s="1"/>
      <c r="M570" s="1"/>
      <c r="N570" s="1"/>
      <c r="O570" s="1"/>
      <c r="P570" s="1"/>
      <c r="Q570" s="1"/>
      <c r="R570" s="1"/>
      <c r="S570" s="1"/>
      <c r="T570" s="1"/>
      <c r="U570" s="1"/>
      <c r="V570" s="1"/>
      <c r="W570" s="1"/>
      <c r="X570" s="1"/>
      <c r="Y570" s="1"/>
      <c r="Z570" s="1"/>
      <c r="AA570" s="1"/>
      <c r="AB570" s="1"/>
      <c r="AC570" s="1"/>
      <c r="AD570" s="1"/>
      <c r="AE570" s="1"/>
      <c r="AF570" s="1"/>
      <c r="AG570" s="1"/>
      <c r="AH570" s="1"/>
      <c r="AI570" s="1"/>
      <c r="AJ570" s="1"/>
      <c r="AK570" s="1"/>
    </row>
    <row r="571" spans="2:37" x14ac:dyDescent="0.2">
      <c r="B571" s="1"/>
      <c r="C571" s="1"/>
      <c r="D571" s="1"/>
      <c r="E571" s="1"/>
      <c r="F571" s="1"/>
      <c r="G571" s="1"/>
      <c r="H571" s="1"/>
      <c r="I571" s="1"/>
      <c r="J571" s="1"/>
      <c r="K571" s="1"/>
      <c r="L571" s="1"/>
      <c r="M571" s="1"/>
      <c r="N571" s="1"/>
      <c r="O571" s="1"/>
      <c r="P571" s="1"/>
      <c r="Q571" s="1"/>
      <c r="R571" s="1"/>
      <c r="S571" s="1"/>
      <c r="T571" s="1"/>
      <c r="U571" s="1"/>
      <c r="V571" s="1"/>
      <c r="W571" s="1"/>
      <c r="X571" s="1"/>
      <c r="Y571" s="1"/>
      <c r="Z571" s="1"/>
      <c r="AA571" s="1"/>
      <c r="AB571" s="1"/>
      <c r="AC571" s="1"/>
      <c r="AD571" s="1"/>
      <c r="AE571" s="1"/>
      <c r="AF571" s="1"/>
      <c r="AG571" s="1"/>
      <c r="AH571" s="1"/>
      <c r="AI571" s="1"/>
      <c r="AJ571" s="1"/>
      <c r="AK571" s="1"/>
    </row>
    <row r="572" spans="2:37" x14ac:dyDescent="0.2">
      <c r="B572" s="1"/>
      <c r="C572" s="1"/>
      <c r="D572" s="1"/>
      <c r="E572" s="1"/>
      <c r="F572" s="1"/>
      <c r="G572" s="1"/>
      <c r="H572" s="1"/>
      <c r="I572" s="1"/>
      <c r="J572" s="1"/>
      <c r="K572" s="1"/>
      <c r="L572" s="1"/>
      <c r="M572" s="1"/>
      <c r="N572" s="1"/>
      <c r="O572" s="1"/>
      <c r="P572" s="1"/>
      <c r="Q572" s="1"/>
      <c r="R572" s="1"/>
      <c r="S572" s="1"/>
      <c r="T572" s="1"/>
      <c r="U572" s="1"/>
      <c r="V572" s="1"/>
      <c r="W572" s="1"/>
      <c r="X572" s="1"/>
      <c r="Y572" s="1"/>
      <c r="Z572" s="1"/>
      <c r="AA572" s="1"/>
      <c r="AB572" s="1"/>
      <c r="AC572" s="1"/>
      <c r="AD572" s="1"/>
      <c r="AE572" s="1"/>
      <c r="AF572" s="1"/>
      <c r="AG572" s="1"/>
      <c r="AH572" s="1"/>
      <c r="AI572" s="1"/>
      <c r="AJ572" s="1"/>
      <c r="AK572" s="1"/>
    </row>
    <row r="573" spans="2:37" x14ac:dyDescent="0.2">
      <c r="B573" s="1"/>
      <c r="C573" s="1"/>
      <c r="D573" s="1"/>
      <c r="E573" s="1"/>
      <c r="F573" s="1"/>
      <c r="G573" s="1"/>
      <c r="H573" s="1"/>
      <c r="I573" s="1"/>
      <c r="J573" s="1"/>
      <c r="K573" s="1"/>
      <c r="L573" s="1"/>
      <c r="M573" s="1"/>
      <c r="N573" s="1"/>
      <c r="O573" s="1"/>
      <c r="P573" s="1"/>
      <c r="Q573" s="1"/>
      <c r="R573" s="1"/>
      <c r="S573" s="1"/>
      <c r="T573" s="1"/>
      <c r="U573" s="1"/>
      <c r="V573" s="1"/>
      <c r="W573" s="1"/>
      <c r="X573" s="1"/>
      <c r="Y573" s="1"/>
      <c r="Z573" s="1"/>
      <c r="AA573" s="1"/>
      <c r="AB573" s="1"/>
      <c r="AC573" s="1"/>
      <c r="AD573" s="1"/>
      <c r="AE573" s="1"/>
      <c r="AF573" s="1"/>
      <c r="AG573" s="1"/>
      <c r="AH573" s="1"/>
      <c r="AI573" s="1"/>
      <c r="AJ573" s="1"/>
      <c r="AK573" s="1"/>
    </row>
    <row r="574" spans="2:37" x14ac:dyDescent="0.2">
      <c r="B574" s="1"/>
      <c r="C574" s="1"/>
      <c r="D574" s="1"/>
      <c r="E574" s="1"/>
      <c r="F574" s="1"/>
      <c r="G574" s="1"/>
      <c r="H574" s="1"/>
      <c r="I574" s="1"/>
      <c r="J574" s="1"/>
      <c r="K574" s="1"/>
      <c r="L574" s="1"/>
      <c r="M574" s="1"/>
      <c r="N574" s="1"/>
      <c r="O574" s="1"/>
      <c r="P574" s="1"/>
      <c r="Q574" s="1"/>
      <c r="R574" s="1"/>
      <c r="S574" s="1"/>
      <c r="T574" s="1"/>
      <c r="U574" s="1"/>
      <c r="V574" s="1"/>
      <c r="W574" s="1"/>
      <c r="X574" s="1"/>
      <c r="Y574" s="1"/>
      <c r="Z574" s="1"/>
      <c r="AA574" s="1"/>
      <c r="AB574" s="1"/>
      <c r="AC574" s="1"/>
      <c r="AD574" s="1"/>
      <c r="AE574" s="1"/>
      <c r="AF574" s="1"/>
      <c r="AG574" s="1"/>
      <c r="AH574" s="1"/>
      <c r="AI574" s="1"/>
      <c r="AJ574" s="1"/>
      <c r="AK574" s="1"/>
    </row>
    <row r="575" spans="2:37" x14ac:dyDescent="0.2">
      <c r="B575" s="1"/>
      <c r="C575" s="1"/>
      <c r="D575" s="1"/>
      <c r="E575" s="1"/>
      <c r="F575" s="1"/>
      <c r="G575" s="1"/>
      <c r="H575" s="1"/>
      <c r="I575" s="1"/>
      <c r="J575" s="1"/>
      <c r="K575" s="1"/>
      <c r="L575" s="1"/>
      <c r="M575" s="1"/>
      <c r="N575" s="1"/>
      <c r="O575" s="1"/>
      <c r="P575" s="1"/>
      <c r="Q575" s="1"/>
      <c r="R575" s="1"/>
      <c r="S575" s="1"/>
      <c r="T575" s="1"/>
      <c r="U575" s="1"/>
      <c r="V575" s="1"/>
      <c r="W575" s="1"/>
      <c r="X575" s="1"/>
      <c r="Y575" s="1"/>
      <c r="Z575" s="1"/>
      <c r="AA575" s="1"/>
      <c r="AB575" s="1"/>
      <c r="AC575" s="1"/>
      <c r="AD575" s="1"/>
      <c r="AE575" s="1"/>
      <c r="AF575" s="1"/>
      <c r="AG575" s="1"/>
      <c r="AH575" s="1"/>
      <c r="AI575" s="1"/>
      <c r="AJ575" s="1"/>
      <c r="AK575" s="1"/>
    </row>
    <row r="576" spans="2:37" x14ac:dyDescent="0.2">
      <c r="B576" s="1"/>
      <c r="C576" s="1"/>
      <c r="D576" s="1"/>
      <c r="E576" s="1"/>
      <c r="F576" s="1"/>
      <c r="G576" s="1"/>
      <c r="H576" s="1"/>
      <c r="I576" s="1"/>
      <c r="J576" s="1"/>
      <c r="K576" s="1"/>
      <c r="L576" s="1"/>
      <c r="M576" s="1"/>
      <c r="N576" s="1"/>
      <c r="O576" s="1"/>
      <c r="P576" s="1"/>
      <c r="Q576" s="1"/>
      <c r="R576" s="1"/>
      <c r="S576" s="1"/>
      <c r="T576" s="1"/>
      <c r="U576" s="1"/>
      <c r="V576" s="1"/>
      <c r="W576" s="1"/>
      <c r="X576" s="1"/>
      <c r="Y576" s="1"/>
      <c r="Z576" s="1"/>
      <c r="AA576" s="1"/>
      <c r="AB576" s="1"/>
      <c r="AC576" s="1"/>
      <c r="AD576" s="1"/>
      <c r="AE576" s="1"/>
      <c r="AF576" s="1"/>
      <c r="AG576" s="1"/>
      <c r="AH576" s="1"/>
      <c r="AI576" s="1"/>
      <c r="AJ576" s="1"/>
      <c r="AK576" s="1"/>
    </row>
    <row r="577" spans="2:37" x14ac:dyDescent="0.2">
      <c r="B577" s="1"/>
      <c r="C577" s="1"/>
      <c r="D577" s="1"/>
      <c r="E577" s="1"/>
      <c r="F577" s="1"/>
      <c r="G577" s="1"/>
      <c r="H577" s="1"/>
      <c r="I577" s="1"/>
      <c r="J577" s="1"/>
      <c r="K577" s="1"/>
      <c r="L577" s="1"/>
      <c r="M577" s="1"/>
      <c r="N577" s="1"/>
      <c r="O577" s="1"/>
      <c r="P577" s="1"/>
      <c r="Q577" s="1"/>
      <c r="R577" s="1"/>
      <c r="S577" s="1"/>
      <c r="T577" s="1"/>
      <c r="U577" s="1"/>
      <c r="V577" s="1"/>
      <c r="W577" s="1"/>
      <c r="X577" s="1"/>
      <c r="Y577" s="1"/>
      <c r="Z577" s="1"/>
      <c r="AA577" s="1"/>
      <c r="AB577" s="1"/>
      <c r="AC577" s="1"/>
      <c r="AD577" s="1"/>
      <c r="AE577" s="1"/>
      <c r="AF577" s="1"/>
      <c r="AG577" s="1"/>
      <c r="AH577" s="1"/>
      <c r="AI577" s="1"/>
      <c r="AJ577" s="1"/>
      <c r="AK577" s="1"/>
    </row>
    <row r="578" spans="2:37" x14ac:dyDescent="0.2">
      <c r="B578" s="1"/>
      <c r="C578" s="1"/>
      <c r="D578" s="1"/>
      <c r="E578" s="1"/>
      <c r="F578" s="1"/>
      <c r="G578" s="1"/>
      <c r="H578" s="1"/>
      <c r="I578" s="1"/>
      <c r="J578" s="1"/>
      <c r="K578" s="1"/>
      <c r="L578" s="1"/>
      <c r="M578" s="1"/>
      <c r="N578" s="1"/>
      <c r="O578" s="1"/>
      <c r="P578" s="1"/>
      <c r="Q578" s="1"/>
      <c r="R578" s="1"/>
      <c r="S578" s="1"/>
      <c r="T578" s="1"/>
      <c r="U578" s="1"/>
      <c r="V578" s="1"/>
      <c r="W578" s="1"/>
      <c r="X578" s="1"/>
      <c r="Y578" s="1"/>
      <c r="Z578" s="1"/>
      <c r="AA578" s="1"/>
      <c r="AB578" s="1"/>
      <c r="AC578" s="1"/>
      <c r="AD578" s="1"/>
      <c r="AE578" s="1"/>
      <c r="AF578" s="1"/>
      <c r="AG578" s="1"/>
      <c r="AH578" s="1"/>
      <c r="AI578" s="1"/>
      <c r="AJ578" s="1"/>
      <c r="AK578" s="1"/>
    </row>
    <row r="579" spans="2:37" x14ac:dyDescent="0.2">
      <c r="B579" s="1"/>
      <c r="C579" s="1"/>
      <c r="D579" s="1"/>
      <c r="E579" s="1"/>
      <c r="F579" s="1"/>
      <c r="G579" s="1"/>
      <c r="H579" s="1"/>
      <c r="I579" s="1"/>
      <c r="J579" s="1"/>
      <c r="K579" s="1"/>
      <c r="L579" s="1"/>
      <c r="M579" s="1"/>
      <c r="N579" s="1"/>
      <c r="O579" s="1"/>
      <c r="P579" s="1"/>
      <c r="Q579" s="1"/>
      <c r="R579" s="1"/>
      <c r="S579" s="1"/>
      <c r="T579" s="1"/>
      <c r="U579" s="1"/>
      <c r="V579" s="1"/>
      <c r="W579" s="1"/>
      <c r="X579" s="1"/>
      <c r="Y579" s="1"/>
      <c r="Z579" s="1"/>
      <c r="AA579" s="1"/>
      <c r="AB579" s="1"/>
      <c r="AC579" s="1"/>
      <c r="AD579" s="1"/>
      <c r="AE579" s="1"/>
      <c r="AF579" s="1"/>
      <c r="AG579" s="1"/>
      <c r="AH579" s="1"/>
      <c r="AI579" s="1"/>
      <c r="AJ579" s="1"/>
      <c r="AK579" s="1"/>
    </row>
    <row r="580" spans="2:37" x14ac:dyDescent="0.2">
      <c r="B580" s="1"/>
      <c r="C580" s="1"/>
      <c r="D580" s="1"/>
      <c r="E580" s="1"/>
      <c r="F580" s="1"/>
      <c r="G580" s="1"/>
      <c r="H580" s="1"/>
      <c r="I580" s="1"/>
      <c r="J580" s="1"/>
      <c r="K580" s="1"/>
      <c r="L580" s="1"/>
      <c r="M580" s="1"/>
      <c r="N580" s="1"/>
      <c r="O580" s="1"/>
      <c r="P580" s="1"/>
      <c r="Q580" s="1"/>
      <c r="R580" s="1"/>
      <c r="S580" s="1"/>
      <c r="T580" s="1"/>
      <c r="U580" s="1"/>
      <c r="V580" s="1"/>
      <c r="W580" s="1"/>
      <c r="X580" s="1"/>
      <c r="Y580" s="1"/>
      <c r="Z580" s="1"/>
      <c r="AA580" s="1"/>
      <c r="AB580" s="1"/>
      <c r="AC580" s="1"/>
      <c r="AD580" s="1"/>
      <c r="AE580" s="1"/>
      <c r="AF580" s="1"/>
      <c r="AG580" s="1"/>
      <c r="AH580" s="1"/>
      <c r="AI580" s="1"/>
      <c r="AJ580" s="1"/>
      <c r="AK580" s="1"/>
    </row>
    <row r="581" spans="2:37" x14ac:dyDescent="0.2">
      <c r="B581" s="1"/>
      <c r="C581" s="1"/>
      <c r="D581" s="1"/>
      <c r="E581" s="1"/>
      <c r="F581" s="1"/>
      <c r="G581" s="1"/>
      <c r="H581" s="1"/>
      <c r="I581" s="1"/>
      <c r="J581" s="1"/>
      <c r="K581" s="1"/>
      <c r="L581" s="1"/>
      <c r="M581" s="1"/>
      <c r="N581" s="1"/>
      <c r="O581" s="1"/>
      <c r="P581" s="1"/>
      <c r="Q581" s="1"/>
      <c r="R581" s="1"/>
      <c r="S581" s="1"/>
      <c r="T581" s="1"/>
      <c r="U581" s="1"/>
      <c r="V581" s="1"/>
      <c r="W581" s="1"/>
      <c r="X581" s="1"/>
      <c r="Y581" s="1"/>
      <c r="Z581" s="1"/>
      <c r="AA581" s="1"/>
      <c r="AB581" s="1"/>
      <c r="AC581" s="1"/>
      <c r="AD581" s="1"/>
      <c r="AE581" s="1"/>
      <c r="AF581" s="1"/>
      <c r="AG581" s="1"/>
      <c r="AH581" s="1"/>
      <c r="AI581" s="1"/>
      <c r="AJ581" s="1"/>
      <c r="AK581" s="1"/>
    </row>
    <row r="582" spans="2:37" x14ac:dyDescent="0.2">
      <c r="B582" s="1"/>
      <c r="C582" s="1"/>
      <c r="D582" s="1"/>
      <c r="E582" s="1"/>
      <c r="F582" s="1"/>
      <c r="G582" s="1"/>
      <c r="H582" s="1"/>
      <c r="I582" s="1"/>
      <c r="J582" s="1"/>
      <c r="K582" s="1"/>
      <c r="L582" s="1"/>
      <c r="M582" s="1"/>
      <c r="N582" s="1"/>
      <c r="O582" s="1"/>
      <c r="P582" s="1"/>
      <c r="Q582" s="1"/>
      <c r="R582" s="1"/>
      <c r="S582" s="1"/>
      <c r="T582" s="1"/>
      <c r="U582" s="1"/>
      <c r="V582" s="1"/>
      <c r="W582" s="1"/>
      <c r="X582" s="1"/>
      <c r="Y582" s="1"/>
      <c r="Z582" s="1"/>
      <c r="AA582" s="1"/>
      <c r="AB582" s="1"/>
      <c r="AC582" s="1"/>
      <c r="AD582" s="1"/>
      <c r="AE582" s="1"/>
      <c r="AF582" s="1"/>
      <c r="AG582" s="1"/>
      <c r="AH582" s="1"/>
      <c r="AI582" s="1"/>
      <c r="AJ582" s="1"/>
      <c r="AK582" s="1"/>
    </row>
    <row r="583" spans="2:37" x14ac:dyDescent="0.2">
      <c r="B583" s="1"/>
      <c r="C583" s="1"/>
      <c r="D583" s="1"/>
      <c r="E583" s="1"/>
      <c r="F583" s="1"/>
      <c r="G583" s="1"/>
      <c r="H583" s="1"/>
      <c r="I583" s="1"/>
      <c r="J583" s="1"/>
      <c r="K583" s="1"/>
      <c r="L583" s="1"/>
      <c r="M583" s="1"/>
      <c r="N583" s="1"/>
      <c r="O583" s="1"/>
      <c r="P583" s="1"/>
      <c r="Q583" s="1"/>
      <c r="R583" s="1"/>
      <c r="S583" s="1"/>
      <c r="T583" s="1"/>
      <c r="U583" s="1"/>
      <c r="V583" s="1"/>
      <c r="W583" s="1"/>
      <c r="X583" s="1"/>
      <c r="Y583" s="1"/>
      <c r="Z583" s="1"/>
      <c r="AA583" s="1"/>
      <c r="AB583" s="1"/>
      <c r="AC583" s="1"/>
      <c r="AD583" s="1"/>
      <c r="AE583" s="1"/>
      <c r="AF583" s="1"/>
      <c r="AG583" s="1"/>
      <c r="AH583" s="1"/>
      <c r="AI583" s="1"/>
      <c r="AJ583" s="1"/>
      <c r="AK583" s="1"/>
    </row>
    <row r="584" spans="2:37" x14ac:dyDescent="0.2">
      <c r="B584" s="1"/>
      <c r="C584" s="1"/>
      <c r="D584" s="1"/>
      <c r="E584" s="1"/>
      <c r="F584" s="1"/>
      <c r="G584" s="1"/>
      <c r="H584" s="1"/>
      <c r="I584" s="1"/>
      <c r="J584" s="1"/>
      <c r="K584" s="1"/>
      <c r="L584" s="1"/>
      <c r="M584" s="1"/>
      <c r="N584" s="1"/>
      <c r="O584" s="1"/>
      <c r="P584" s="1"/>
      <c r="Q584" s="1"/>
      <c r="R584" s="1"/>
      <c r="S584" s="1"/>
      <c r="T584" s="1"/>
      <c r="U584" s="1"/>
      <c r="V584" s="1"/>
      <c r="W584" s="1"/>
      <c r="X584" s="1"/>
      <c r="Y584" s="1"/>
      <c r="Z584" s="1"/>
      <c r="AA584" s="1"/>
      <c r="AB584" s="1"/>
      <c r="AC584" s="1"/>
      <c r="AD584" s="1"/>
      <c r="AE584" s="1"/>
      <c r="AF584" s="1"/>
      <c r="AG584" s="1"/>
      <c r="AH584" s="1"/>
      <c r="AI584" s="1"/>
      <c r="AJ584" s="1"/>
      <c r="AK584" s="1"/>
    </row>
    <row r="585" spans="2:37" x14ac:dyDescent="0.2">
      <c r="B585" s="1"/>
      <c r="C585" s="1"/>
      <c r="D585" s="1"/>
      <c r="E585" s="1"/>
      <c r="F585" s="1"/>
      <c r="G585" s="1"/>
      <c r="H585" s="1"/>
      <c r="I585" s="1"/>
      <c r="J585" s="1"/>
      <c r="K585" s="1"/>
      <c r="L585" s="1"/>
      <c r="M585" s="1"/>
      <c r="N585" s="1"/>
      <c r="O585" s="1"/>
      <c r="P585" s="1"/>
      <c r="Q585" s="1"/>
      <c r="R585" s="1"/>
      <c r="S585" s="1"/>
      <c r="T585" s="1"/>
      <c r="U585" s="1"/>
      <c r="V585" s="1"/>
      <c r="W585" s="1"/>
      <c r="X585" s="1"/>
      <c r="Y585" s="1"/>
      <c r="Z585" s="1"/>
      <c r="AA585" s="1"/>
      <c r="AB585" s="1"/>
      <c r="AC585" s="1"/>
      <c r="AD585" s="1"/>
      <c r="AE585" s="1"/>
      <c r="AF585" s="1"/>
      <c r="AG585" s="1"/>
      <c r="AH585" s="1"/>
      <c r="AI585" s="1"/>
      <c r="AJ585" s="1"/>
      <c r="AK585" s="1"/>
    </row>
    <row r="586" spans="2:37" x14ac:dyDescent="0.2">
      <c r="B586" s="1"/>
      <c r="C586" s="1"/>
      <c r="D586" s="1"/>
      <c r="E586" s="1"/>
      <c r="F586" s="1"/>
      <c r="G586" s="1"/>
      <c r="H586" s="1"/>
      <c r="I586" s="1"/>
      <c r="J586" s="1"/>
      <c r="K586" s="1"/>
      <c r="L586" s="1"/>
      <c r="M586" s="1"/>
      <c r="N586" s="1"/>
      <c r="O586" s="1"/>
      <c r="P586" s="1"/>
      <c r="Q586" s="1"/>
      <c r="R586" s="1"/>
      <c r="S586" s="1"/>
      <c r="T586" s="1"/>
      <c r="U586" s="1"/>
      <c r="V586" s="1"/>
      <c r="W586" s="1"/>
      <c r="X586" s="1"/>
      <c r="Y586" s="1"/>
      <c r="Z586" s="1"/>
      <c r="AA586" s="1"/>
      <c r="AB586" s="1"/>
      <c r="AC586" s="1"/>
      <c r="AD586" s="1"/>
      <c r="AE586" s="1"/>
      <c r="AF586" s="1"/>
      <c r="AG586" s="1"/>
      <c r="AH586" s="1"/>
      <c r="AI586" s="1"/>
      <c r="AJ586" s="1"/>
      <c r="AK586" s="1"/>
    </row>
    <row r="587" spans="2:37" x14ac:dyDescent="0.2">
      <c r="B587" s="1"/>
      <c r="C587" s="1"/>
      <c r="D587" s="1"/>
      <c r="E587" s="1"/>
      <c r="F587" s="1"/>
      <c r="G587" s="1"/>
      <c r="H587" s="1"/>
      <c r="I587" s="1"/>
      <c r="J587" s="1"/>
      <c r="K587" s="1"/>
      <c r="L587" s="1"/>
      <c r="M587" s="1"/>
      <c r="N587" s="1"/>
      <c r="O587" s="1"/>
      <c r="P587" s="1"/>
      <c r="Q587" s="1"/>
      <c r="R587" s="1"/>
      <c r="S587" s="1"/>
      <c r="T587" s="1"/>
      <c r="U587" s="1"/>
      <c r="V587" s="1"/>
      <c r="W587" s="1"/>
      <c r="X587" s="1"/>
      <c r="Y587" s="1"/>
      <c r="Z587" s="1"/>
      <c r="AA587" s="1"/>
      <c r="AB587" s="1"/>
      <c r="AC587" s="1"/>
      <c r="AD587" s="1"/>
      <c r="AE587" s="1"/>
      <c r="AF587" s="1"/>
      <c r="AG587" s="1"/>
      <c r="AH587" s="1"/>
      <c r="AI587" s="1"/>
      <c r="AJ587" s="1"/>
      <c r="AK587" s="1"/>
    </row>
    <row r="588" spans="2:37" x14ac:dyDescent="0.2">
      <c r="B588" s="1"/>
      <c r="C588" s="1"/>
      <c r="D588" s="1"/>
      <c r="E588" s="1"/>
      <c r="F588" s="1"/>
      <c r="G588" s="1"/>
      <c r="H588" s="1"/>
      <c r="I588" s="1"/>
      <c r="J588" s="1"/>
      <c r="K588" s="1"/>
      <c r="L588" s="1"/>
      <c r="M588" s="1"/>
      <c r="N588" s="1"/>
      <c r="O588" s="1"/>
      <c r="P588" s="1"/>
      <c r="Q588" s="1"/>
      <c r="R588" s="1"/>
      <c r="S588" s="1"/>
      <c r="T588" s="1"/>
      <c r="U588" s="1"/>
      <c r="V588" s="1"/>
      <c r="W588" s="1"/>
      <c r="X588" s="1"/>
      <c r="Y588" s="1"/>
      <c r="Z588" s="1"/>
      <c r="AA588" s="1"/>
      <c r="AB588" s="1"/>
      <c r="AC588" s="1"/>
      <c r="AD588" s="1"/>
      <c r="AE588" s="1"/>
      <c r="AF588" s="1"/>
      <c r="AG588" s="1"/>
      <c r="AH588" s="1"/>
      <c r="AI588" s="1"/>
      <c r="AJ588" s="1"/>
      <c r="AK588" s="1"/>
    </row>
    <row r="589" spans="2:37" x14ac:dyDescent="0.2">
      <c r="B589" s="1"/>
      <c r="C589" s="1"/>
      <c r="D589" s="1"/>
      <c r="E589" s="1"/>
      <c r="F589" s="1"/>
      <c r="G589" s="1"/>
      <c r="H589" s="1"/>
      <c r="I589" s="1"/>
      <c r="J589" s="1"/>
      <c r="K589" s="1"/>
      <c r="L589" s="1"/>
      <c r="M589" s="1"/>
      <c r="N589" s="1"/>
      <c r="O589" s="1"/>
      <c r="P589" s="1"/>
      <c r="Q589" s="1"/>
      <c r="R589" s="1"/>
      <c r="S589" s="1"/>
      <c r="T589" s="1"/>
      <c r="U589" s="1"/>
      <c r="V589" s="1"/>
      <c r="W589" s="1"/>
      <c r="X589" s="1"/>
      <c r="Y589" s="1"/>
      <c r="Z589" s="1"/>
      <c r="AA589" s="1"/>
      <c r="AB589" s="1"/>
      <c r="AC589" s="1"/>
      <c r="AD589" s="1"/>
      <c r="AE589" s="1"/>
      <c r="AF589" s="1"/>
      <c r="AG589" s="1"/>
      <c r="AH589" s="1"/>
      <c r="AI589" s="1"/>
      <c r="AJ589" s="1"/>
      <c r="AK589" s="1"/>
    </row>
    <row r="590" spans="2:37" x14ac:dyDescent="0.2">
      <c r="B590" s="1"/>
      <c r="C590" s="1"/>
      <c r="D590" s="1"/>
      <c r="E590" s="1"/>
      <c r="F590" s="1"/>
      <c r="G590" s="1"/>
      <c r="H590" s="1"/>
      <c r="I590" s="1"/>
      <c r="J590" s="1"/>
      <c r="K590" s="1"/>
      <c r="L590" s="1"/>
      <c r="M590" s="1"/>
      <c r="N590" s="1"/>
      <c r="O590" s="1"/>
      <c r="P590" s="1"/>
      <c r="Q590" s="1"/>
      <c r="R590" s="1"/>
      <c r="S590" s="1"/>
      <c r="T590" s="1"/>
      <c r="U590" s="1"/>
      <c r="V590" s="1"/>
      <c r="W590" s="1"/>
      <c r="X590" s="1"/>
      <c r="Y590" s="1"/>
      <c r="Z590" s="1"/>
      <c r="AA590" s="1"/>
      <c r="AB590" s="1"/>
      <c r="AC590" s="1"/>
      <c r="AD590" s="1"/>
      <c r="AE590" s="1"/>
      <c r="AF590" s="1"/>
      <c r="AG590" s="1"/>
      <c r="AH590" s="1"/>
      <c r="AI590" s="1"/>
      <c r="AJ590" s="1"/>
      <c r="AK590" s="1"/>
    </row>
    <row r="591" spans="2:37" x14ac:dyDescent="0.2">
      <c r="B591" s="1"/>
      <c r="C591" s="1"/>
      <c r="D591" s="1"/>
      <c r="E591" s="1"/>
      <c r="F591" s="1"/>
      <c r="G591" s="1"/>
      <c r="H591" s="1"/>
      <c r="I591" s="1"/>
      <c r="J591" s="1"/>
      <c r="K591" s="1"/>
      <c r="L591" s="1"/>
      <c r="M591" s="1"/>
      <c r="N591" s="1"/>
      <c r="O591" s="1"/>
      <c r="P591" s="1"/>
      <c r="Q591" s="1"/>
      <c r="R591" s="1"/>
      <c r="S591" s="1"/>
      <c r="T591" s="1"/>
      <c r="U591" s="1"/>
      <c r="V591" s="1"/>
      <c r="W591" s="1"/>
      <c r="X591" s="1"/>
      <c r="Y591" s="1"/>
      <c r="Z591" s="1"/>
      <c r="AA591" s="1"/>
      <c r="AB591" s="1"/>
      <c r="AC591" s="1"/>
      <c r="AD591" s="1"/>
      <c r="AE591" s="1"/>
      <c r="AF591" s="1"/>
      <c r="AG591" s="1"/>
      <c r="AH591" s="1"/>
      <c r="AI591" s="1"/>
      <c r="AJ591" s="1"/>
      <c r="AK591" s="1"/>
    </row>
    <row r="592" spans="2:37" x14ac:dyDescent="0.2">
      <c r="B592" s="1"/>
      <c r="C592" s="1"/>
      <c r="D592" s="1"/>
      <c r="E592" s="1"/>
      <c r="F592" s="1"/>
      <c r="G592" s="1"/>
      <c r="H592" s="1"/>
      <c r="I592" s="1"/>
      <c r="J592" s="1"/>
      <c r="K592" s="1"/>
      <c r="L592" s="1"/>
      <c r="M592" s="1"/>
      <c r="N592" s="1"/>
      <c r="O592" s="1"/>
      <c r="P592" s="1"/>
      <c r="Q592" s="1"/>
      <c r="R592" s="1"/>
      <c r="S592" s="1"/>
      <c r="T592" s="1"/>
      <c r="U592" s="1"/>
      <c r="V592" s="1"/>
      <c r="W592" s="1"/>
      <c r="X592" s="1"/>
      <c r="Y592" s="1"/>
      <c r="Z592" s="1"/>
      <c r="AA592" s="1"/>
      <c r="AB592" s="1"/>
      <c r="AC592" s="1"/>
      <c r="AD592" s="1"/>
      <c r="AE592" s="1"/>
      <c r="AF592" s="1"/>
      <c r="AG592" s="1"/>
      <c r="AH592" s="1"/>
      <c r="AI592" s="1"/>
      <c r="AJ592" s="1"/>
      <c r="AK592" s="1"/>
    </row>
    <row r="593" spans="2:37" x14ac:dyDescent="0.2">
      <c r="B593" s="1"/>
      <c r="C593" s="1"/>
      <c r="D593" s="1"/>
      <c r="E593" s="1"/>
      <c r="F593" s="1"/>
      <c r="G593" s="1"/>
      <c r="H593" s="1"/>
      <c r="I593" s="1"/>
      <c r="J593" s="1"/>
      <c r="K593" s="1"/>
      <c r="L593" s="1"/>
      <c r="M593" s="1"/>
      <c r="N593" s="1"/>
      <c r="O593" s="1"/>
      <c r="P593" s="1"/>
      <c r="Q593" s="1"/>
      <c r="R593" s="1"/>
      <c r="S593" s="1"/>
      <c r="T593" s="1"/>
      <c r="U593" s="1"/>
      <c r="V593" s="1"/>
      <c r="W593" s="1"/>
      <c r="X593" s="1"/>
      <c r="Y593" s="1"/>
      <c r="Z593" s="1"/>
      <c r="AA593" s="1"/>
      <c r="AB593" s="1"/>
      <c r="AC593" s="1"/>
      <c r="AD593" s="1"/>
      <c r="AE593" s="1"/>
      <c r="AF593" s="1"/>
      <c r="AG593" s="1"/>
      <c r="AH593" s="1"/>
      <c r="AI593" s="1"/>
      <c r="AJ593" s="1"/>
      <c r="AK593" s="1"/>
    </row>
    <row r="594" spans="2:37" x14ac:dyDescent="0.2">
      <c r="B594" s="1"/>
      <c r="C594" s="1"/>
      <c r="D594" s="1"/>
      <c r="E594" s="1"/>
      <c r="F594" s="1"/>
      <c r="G594" s="1"/>
      <c r="H594" s="1"/>
      <c r="I594" s="1"/>
      <c r="J594" s="1"/>
      <c r="K594" s="1"/>
      <c r="L594" s="1"/>
      <c r="M594" s="1"/>
      <c r="N594" s="1"/>
      <c r="O594" s="1"/>
      <c r="P594" s="1"/>
      <c r="Q594" s="1"/>
      <c r="R594" s="1"/>
      <c r="S594" s="1"/>
      <c r="T594" s="1"/>
      <c r="U594" s="1"/>
      <c r="V594" s="1"/>
      <c r="W594" s="1"/>
      <c r="X594" s="1"/>
      <c r="Y594" s="1"/>
      <c r="Z594" s="1"/>
      <c r="AA594" s="1"/>
      <c r="AB594" s="1"/>
      <c r="AC594" s="1"/>
      <c r="AD594" s="1"/>
      <c r="AE594" s="1"/>
      <c r="AF594" s="1"/>
      <c r="AG594" s="1"/>
      <c r="AH594" s="1"/>
      <c r="AI594" s="1"/>
      <c r="AJ594" s="1"/>
      <c r="AK594" s="1"/>
    </row>
    <row r="595" spans="2:37" x14ac:dyDescent="0.2">
      <c r="B595" s="1"/>
      <c r="C595" s="1"/>
      <c r="D595" s="1"/>
      <c r="E595" s="1"/>
      <c r="F595" s="1"/>
      <c r="G595" s="1"/>
      <c r="H595" s="1"/>
      <c r="I595" s="1"/>
      <c r="J595" s="1"/>
      <c r="K595" s="1"/>
      <c r="L595" s="1"/>
      <c r="M595" s="1"/>
      <c r="N595" s="1"/>
      <c r="O595" s="1"/>
      <c r="P595" s="1"/>
      <c r="Q595" s="1"/>
      <c r="R595" s="1"/>
      <c r="S595" s="1"/>
      <c r="T595" s="1"/>
      <c r="U595" s="1"/>
      <c r="V595" s="1"/>
      <c r="W595" s="1"/>
      <c r="X595" s="1"/>
      <c r="Y595" s="1"/>
      <c r="Z595" s="1"/>
      <c r="AA595" s="1"/>
      <c r="AB595" s="1"/>
      <c r="AC595" s="1"/>
      <c r="AD595" s="1"/>
      <c r="AE595" s="1"/>
      <c r="AF595" s="1"/>
      <c r="AG595" s="1"/>
      <c r="AH595" s="1"/>
      <c r="AI595" s="1"/>
      <c r="AJ595" s="1"/>
      <c r="AK595" s="1"/>
    </row>
    <row r="596" spans="2:37" x14ac:dyDescent="0.2">
      <c r="B596" s="1"/>
      <c r="C596" s="1"/>
      <c r="D596" s="1"/>
      <c r="E596" s="1"/>
      <c r="F596" s="1"/>
      <c r="G596" s="1"/>
      <c r="H596" s="1"/>
      <c r="I596" s="1"/>
      <c r="J596" s="1"/>
      <c r="K596" s="1"/>
      <c r="L596" s="1"/>
      <c r="M596" s="1"/>
      <c r="N596" s="1"/>
      <c r="O596" s="1"/>
      <c r="P596" s="1"/>
      <c r="Q596" s="1"/>
      <c r="R596" s="1"/>
      <c r="S596" s="1"/>
      <c r="T596" s="1"/>
      <c r="U596" s="1"/>
      <c r="V596" s="1"/>
      <c r="W596" s="1"/>
      <c r="X596" s="1"/>
      <c r="Y596" s="1"/>
      <c r="Z596" s="1"/>
      <c r="AA596" s="1"/>
      <c r="AB596" s="1"/>
      <c r="AC596" s="1"/>
      <c r="AD596" s="1"/>
      <c r="AE596" s="1"/>
      <c r="AF596" s="1"/>
      <c r="AG596" s="1"/>
      <c r="AH596" s="1"/>
      <c r="AI596" s="1"/>
      <c r="AJ596" s="1"/>
      <c r="AK596" s="1"/>
    </row>
    <row r="597" spans="2:37" x14ac:dyDescent="0.2">
      <c r="B597" s="1"/>
      <c r="C597" s="1"/>
      <c r="D597" s="1"/>
      <c r="E597" s="1"/>
      <c r="F597" s="1"/>
      <c r="G597" s="1"/>
      <c r="H597" s="1"/>
      <c r="I597" s="1"/>
      <c r="J597" s="1"/>
      <c r="K597" s="1"/>
      <c r="L597" s="1"/>
      <c r="M597" s="1"/>
      <c r="N597" s="1"/>
      <c r="O597" s="1"/>
      <c r="P597" s="1"/>
      <c r="Q597" s="1"/>
      <c r="R597" s="1"/>
      <c r="S597" s="1"/>
      <c r="T597" s="1"/>
      <c r="U597" s="1"/>
      <c r="V597" s="1"/>
      <c r="W597" s="1"/>
      <c r="X597" s="1"/>
      <c r="Y597" s="1"/>
      <c r="Z597" s="1"/>
      <c r="AA597" s="1"/>
      <c r="AB597" s="1"/>
      <c r="AC597" s="1"/>
      <c r="AD597" s="1"/>
      <c r="AE597" s="1"/>
      <c r="AF597" s="1"/>
      <c r="AG597" s="1"/>
      <c r="AH597" s="1"/>
      <c r="AI597" s="1"/>
      <c r="AJ597" s="1"/>
      <c r="AK597" s="1"/>
    </row>
    <row r="598" spans="2:37" x14ac:dyDescent="0.2">
      <c r="B598" s="1"/>
      <c r="C598" s="1"/>
      <c r="D598" s="1"/>
      <c r="E598" s="1"/>
      <c r="F598" s="1"/>
      <c r="G598" s="1"/>
      <c r="H598" s="1"/>
      <c r="I598" s="1"/>
      <c r="J598" s="1"/>
      <c r="K598" s="1"/>
      <c r="L598" s="1"/>
      <c r="M598" s="1"/>
      <c r="N598" s="1"/>
      <c r="O598" s="1"/>
      <c r="P598" s="1"/>
      <c r="Q598" s="1"/>
      <c r="R598" s="1"/>
      <c r="S598" s="1"/>
      <c r="T598" s="1"/>
      <c r="U598" s="1"/>
      <c r="V598" s="1"/>
      <c r="W598" s="1"/>
      <c r="X598" s="1"/>
      <c r="Y598" s="1"/>
      <c r="Z598" s="1"/>
      <c r="AA598" s="1"/>
      <c r="AB598" s="1"/>
      <c r="AC598" s="1"/>
      <c r="AD598" s="1"/>
      <c r="AE598" s="1"/>
      <c r="AF598" s="1"/>
      <c r="AG598" s="1"/>
      <c r="AH598" s="1"/>
      <c r="AI598" s="1"/>
      <c r="AJ598" s="1"/>
      <c r="AK598" s="1"/>
    </row>
    <row r="599" spans="2:37" x14ac:dyDescent="0.2">
      <c r="B599" s="1"/>
      <c r="C599" s="1"/>
      <c r="D599" s="1"/>
      <c r="E599" s="1"/>
      <c r="F599" s="1"/>
      <c r="G599" s="1"/>
      <c r="H599" s="1"/>
      <c r="I599" s="1"/>
      <c r="J599" s="1"/>
      <c r="K599" s="1"/>
      <c r="L599" s="1"/>
      <c r="M599" s="1"/>
      <c r="N599" s="1"/>
      <c r="O599" s="1"/>
      <c r="P599" s="1"/>
      <c r="Q599" s="1"/>
      <c r="R599" s="1"/>
      <c r="S599" s="1"/>
      <c r="T599" s="1"/>
      <c r="U599" s="1"/>
      <c r="V599" s="1"/>
      <c r="W599" s="1"/>
      <c r="X599" s="1"/>
      <c r="Y599" s="1"/>
      <c r="Z599" s="1"/>
      <c r="AA599" s="1"/>
      <c r="AB599" s="1"/>
      <c r="AC599" s="1"/>
      <c r="AD599" s="1"/>
      <c r="AE599" s="1"/>
      <c r="AF599" s="1"/>
      <c r="AG599" s="1"/>
      <c r="AH599" s="1"/>
      <c r="AI599" s="1"/>
      <c r="AJ599" s="1"/>
      <c r="AK599" s="1"/>
    </row>
    <row r="600" spans="2:37" x14ac:dyDescent="0.2">
      <c r="B600" s="1"/>
      <c r="C600" s="1"/>
      <c r="D600" s="1"/>
      <c r="E600" s="1"/>
      <c r="F600" s="1"/>
      <c r="G600" s="1"/>
      <c r="H600" s="1"/>
      <c r="I600" s="1"/>
      <c r="J600" s="1"/>
      <c r="K600" s="1"/>
      <c r="L600" s="1"/>
      <c r="M600" s="1"/>
      <c r="N600" s="1"/>
      <c r="O600" s="1"/>
      <c r="P600" s="1"/>
      <c r="Q600" s="1"/>
      <c r="R600" s="1"/>
      <c r="S600" s="1"/>
      <c r="T600" s="1"/>
      <c r="U600" s="1"/>
      <c r="V600" s="1"/>
      <c r="W600" s="1"/>
      <c r="X600" s="1"/>
      <c r="Y600" s="1"/>
      <c r="Z600" s="1"/>
      <c r="AA600" s="1"/>
      <c r="AB600" s="1"/>
      <c r="AC600" s="1"/>
      <c r="AD600" s="1"/>
      <c r="AE600" s="1"/>
      <c r="AF600" s="1"/>
      <c r="AG600" s="1"/>
      <c r="AH600" s="1"/>
      <c r="AI600" s="1"/>
      <c r="AJ600" s="1"/>
      <c r="AK600" s="1"/>
    </row>
    <row r="601" spans="2:37" x14ac:dyDescent="0.2">
      <c r="B601" s="1"/>
      <c r="C601" s="1"/>
      <c r="D601" s="1"/>
      <c r="E601" s="1"/>
      <c r="F601" s="1"/>
      <c r="G601" s="1"/>
      <c r="H601" s="1"/>
      <c r="I601" s="1"/>
      <c r="J601" s="1"/>
      <c r="K601" s="1"/>
      <c r="L601" s="1"/>
      <c r="M601" s="1"/>
      <c r="N601" s="1"/>
      <c r="O601" s="1"/>
      <c r="P601" s="1"/>
      <c r="Q601" s="1"/>
      <c r="R601" s="1"/>
      <c r="S601" s="1"/>
      <c r="T601" s="1"/>
      <c r="U601" s="1"/>
      <c r="V601" s="1"/>
      <c r="W601" s="1"/>
      <c r="X601" s="1"/>
      <c r="Y601" s="1"/>
      <c r="Z601" s="1"/>
      <c r="AA601" s="1"/>
      <c r="AB601" s="1"/>
      <c r="AC601" s="1"/>
      <c r="AD601" s="1"/>
      <c r="AE601" s="1"/>
      <c r="AF601" s="1"/>
      <c r="AG601" s="1"/>
      <c r="AH601" s="1"/>
      <c r="AI601" s="1"/>
      <c r="AJ601" s="1"/>
      <c r="AK601" s="1"/>
    </row>
    <row r="602" spans="2:37" x14ac:dyDescent="0.2">
      <c r="B602" s="1"/>
      <c r="C602" s="1"/>
      <c r="D602" s="1"/>
      <c r="E602" s="1"/>
      <c r="F602" s="1"/>
      <c r="G602" s="1"/>
      <c r="H602" s="1"/>
      <c r="I602" s="1"/>
      <c r="J602" s="1"/>
      <c r="K602" s="1"/>
      <c r="L602" s="1"/>
      <c r="M602" s="1"/>
      <c r="N602" s="1"/>
      <c r="O602" s="1"/>
      <c r="P602" s="1"/>
      <c r="Q602" s="1"/>
      <c r="R602" s="1"/>
      <c r="S602" s="1"/>
      <c r="T602" s="1"/>
      <c r="U602" s="1"/>
      <c r="V602" s="1"/>
      <c r="W602" s="1"/>
      <c r="X602" s="1"/>
      <c r="Y602" s="1"/>
      <c r="Z602" s="1"/>
      <c r="AA602" s="1"/>
      <c r="AB602" s="1"/>
      <c r="AC602" s="1"/>
      <c r="AD602" s="1"/>
      <c r="AE602" s="1"/>
      <c r="AF602" s="1"/>
      <c r="AG602" s="1"/>
      <c r="AH602" s="1"/>
      <c r="AI602" s="1"/>
      <c r="AJ602" s="1"/>
      <c r="AK602" s="1"/>
    </row>
    <row r="603" spans="2:37" x14ac:dyDescent="0.2">
      <c r="B603" s="1"/>
      <c r="C603" s="1"/>
      <c r="D603" s="1"/>
      <c r="E603" s="1"/>
      <c r="F603" s="1"/>
      <c r="G603" s="1"/>
      <c r="H603" s="1"/>
      <c r="I603" s="1"/>
      <c r="J603" s="1"/>
      <c r="K603" s="1"/>
      <c r="L603" s="1"/>
      <c r="M603" s="1"/>
      <c r="N603" s="1"/>
      <c r="O603" s="1"/>
      <c r="P603" s="1"/>
      <c r="Q603" s="1"/>
      <c r="R603" s="1"/>
      <c r="S603" s="1"/>
      <c r="T603" s="1"/>
      <c r="U603" s="1"/>
      <c r="V603" s="1"/>
      <c r="W603" s="1"/>
      <c r="X603" s="1"/>
      <c r="Y603" s="1"/>
      <c r="Z603" s="1"/>
      <c r="AA603" s="1"/>
      <c r="AB603" s="1"/>
      <c r="AC603" s="1"/>
      <c r="AD603" s="1"/>
      <c r="AE603" s="1"/>
      <c r="AF603" s="1"/>
      <c r="AG603" s="1"/>
      <c r="AH603" s="1"/>
      <c r="AI603" s="1"/>
      <c r="AJ603" s="1"/>
      <c r="AK603" s="1"/>
    </row>
    <row r="604" spans="2:37" x14ac:dyDescent="0.2">
      <c r="B604" s="1"/>
      <c r="C604" s="1"/>
      <c r="D604" s="1"/>
      <c r="E604" s="1"/>
      <c r="F604" s="1"/>
      <c r="G604" s="1"/>
      <c r="H604" s="1"/>
      <c r="I604" s="1"/>
      <c r="J604" s="1"/>
      <c r="K604" s="1"/>
      <c r="L604" s="1"/>
      <c r="M604" s="1"/>
      <c r="N604" s="1"/>
      <c r="O604" s="1"/>
      <c r="P604" s="1"/>
      <c r="Q604" s="1"/>
      <c r="R604" s="1"/>
      <c r="S604" s="1"/>
      <c r="T604" s="1"/>
      <c r="U604" s="1"/>
      <c r="V604" s="1"/>
      <c r="W604" s="1"/>
      <c r="X604" s="1"/>
      <c r="Y604" s="1"/>
      <c r="Z604" s="1"/>
      <c r="AA604" s="1"/>
      <c r="AB604" s="1"/>
      <c r="AC604" s="1"/>
      <c r="AD604" s="1"/>
      <c r="AE604" s="1"/>
      <c r="AF604" s="1"/>
      <c r="AG604" s="1"/>
      <c r="AH604" s="1"/>
      <c r="AI604" s="1"/>
      <c r="AJ604" s="1"/>
      <c r="AK604" s="1"/>
    </row>
    <row r="605" spans="2:37" x14ac:dyDescent="0.2">
      <c r="B605" s="1"/>
      <c r="C605" s="1"/>
      <c r="D605" s="1"/>
      <c r="E605" s="1"/>
      <c r="F605" s="1"/>
      <c r="G605" s="1"/>
      <c r="H605" s="1"/>
      <c r="I605" s="1"/>
      <c r="J605" s="1"/>
      <c r="K605" s="1"/>
      <c r="L605" s="1"/>
      <c r="M605" s="1"/>
      <c r="N605" s="1"/>
      <c r="O605" s="1"/>
      <c r="P605" s="1"/>
      <c r="Q605" s="1"/>
      <c r="R605" s="1"/>
      <c r="S605" s="1"/>
      <c r="T605" s="1"/>
      <c r="U605" s="1"/>
      <c r="V605" s="1"/>
      <c r="W605" s="1"/>
      <c r="X605" s="1"/>
      <c r="Y605" s="1"/>
      <c r="Z605" s="1"/>
      <c r="AA605" s="1"/>
      <c r="AB605" s="1"/>
      <c r="AC605" s="1"/>
      <c r="AD605" s="1"/>
      <c r="AE605" s="1"/>
      <c r="AF605" s="1"/>
      <c r="AG605" s="1"/>
      <c r="AH605" s="1"/>
      <c r="AI605" s="1"/>
      <c r="AJ605" s="1"/>
      <c r="AK605" s="1"/>
    </row>
    <row r="606" spans="2:37" x14ac:dyDescent="0.2">
      <c r="B606" s="1"/>
      <c r="C606" s="1"/>
      <c r="D606" s="1"/>
      <c r="E606" s="1"/>
      <c r="F606" s="1"/>
      <c r="G606" s="1"/>
      <c r="H606" s="1"/>
      <c r="I606" s="1"/>
      <c r="J606" s="1"/>
      <c r="K606" s="1"/>
      <c r="L606" s="1"/>
      <c r="M606" s="1"/>
      <c r="N606" s="1"/>
      <c r="O606" s="1"/>
      <c r="P606" s="1"/>
      <c r="Q606" s="1"/>
      <c r="R606" s="1"/>
      <c r="S606" s="1"/>
      <c r="T606" s="1"/>
      <c r="U606" s="1"/>
      <c r="V606" s="1"/>
      <c r="W606" s="1"/>
      <c r="X606" s="1"/>
      <c r="Y606" s="1"/>
      <c r="Z606" s="1"/>
      <c r="AA606" s="1"/>
      <c r="AB606" s="1"/>
      <c r="AC606" s="1"/>
      <c r="AD606" s="1"/>
      <c r="AE606" s="1"/>
      <c r="AF606" s="1"/>
      <c r="AG606" s="1"/>
      <c r="AH606" s="1"/>
      <c r="AI606" s="1"/>
      <c r="AJ606" s="1"/>
      <c r="AK606" s="1"/>
    </row>
    <row r="607" spans="2:37" x14ac:dyDescent="0.2">
      <c r="B607" s="1"/>
      <c r="C607" s="1"/>
      <c r="D607" s="1"/>
      <c r="E607" s="1"/>
      <c r="F607" s="1"/>
      <c r="G607" s="1"/>
      <c r="H607" s="1"/>
      <c r="I607" s="1"/>
      <c r="J607" s="1"/>
      <c r="K607" s="1"/>
      <c r="L607" s="1"/>
      <c r="M607" s="1"/>
      <c r="N607" s="1"/>
      <c r="O607" s="1"/>
      <c r="P607" s="1"/>
      <c r="Q607" s="1"/>
      <c r="R607" s="1"/>
      <c r="S607" s="1"/>
      <c r="T607" s="1"/>
      <c r="U607" s="1"/>
      <c r="V607" s="1"/>
      <c r="W607" s="1"/>
      <c r="X607" s="1"/>
      <c r="Y607" s="1"/>
      <c r="Z607" s="1"/>
      <c r="AA607" s="1"/>
      <c r="AB607" s="1"/>
      <c r="AC607" s="1"/>
      <c r="AD607" s="1"/>
      <c r="AE607" s="1"/>
      <c r="AF607" s="1"/>
      <c r="AG607" s="1"/>
      <c r="AH607" s="1"/>
      <c r="AI607" s="1"/>
      <c r="AJ607" s="1"/>
      <c r="AK607" s="1"/>
    </row>
    <row r="608" spans="2:37" x14ac:dyDescent="0.2">
      <c r="B608" s="1"/>
      <c r="C608" s="1"/>
      <c r="D608" s="1"/>
      <c r="E608" s="1"/>
      <c r="F608" s="1"/>
      <c r="G608" s="1"/>
      <c r="H608" s="1"/>
      <c r="I608" s="1"/>
      <c r="J608" s="1"/>
      <c r="K608" s="1"/>
      <c r="L608" s="1"/>
      <c r="M608" s="1"/>
      <c r="N608" s="1"/>
      <c r="O608" s="1"/>
      <c r="P608" s="1"/>
      <c r="Q608" s="1"/>
      <c r="R608" s="1"/>
      <c r="S608" s="1"/>
      <c r="T608" s="1"/>
      <c r="U608" s="1"/>
      <c r="V608" s="1"/>
      <c r="W608" s="1"/>
      <c r="X608" s="1"/>
      <c r="Y608" s="1"/>
      <c r="Z608" s="1"/>
      <c r="AA608" s="1"/>
      <c r="AB608" s="1"/>
      <c r="AC608" s="1"/>
      <c r="AD608" s="1"/>
      <c r="AE608" s="1"/>
      <c r="AF608" s="1"/>
      <c r="AG608" s="1"/>
      <c r="AH608" s="1"/>
      <c r="AI608" s="1"/>
      <c r="AJ608" s="1"/>
      <c r="AK608" s="1"/>
    </row>
    <row r="609" spans="2:37" x14ac:dyDescent="0.2">
      <c r="B609" s="1"/>
      <c r="C609" s="1"/>
      <c r="D609" s="1"/>
      <c r="E609" s="1"/>
      <c r="F609" s="1"/>
      <c r="G609" s="1"/>
      <c r="H609" s="1"/>
      <c r="I609" s="1"/>
      <c r="J609" s="1"/>
      <c r="K609" s="1"/>
      <c r="L609" s="1"/>
      <c r="M609" s="1"/>
      <c r="N609" s="1"/>
      <c r="O609" s="1"/>
      <c r="P609" s="1"/>
      <c r="Q609" s="1"/>
      <c r="R609" s="1"/>
      <c r="S609" s="1"/>
      <c r="T609" s="1"/>
      <c r="U609" s="1"/>
      <c r="V609" s="1"/>
      <c r="W609" s="1"/>
      <c r="X609" s="1"/>
      <c r="Y609" s="1"/>
      <c r="Z609" s="1"/>
      <c r="AA609" s="1"/>
      <c r="AB609" s="1"/>
      <c r="AC609" s="1"/>
      <c r="AD609" s="1"/>
      <c r="AE609" s="1"/>
      <c r="AF609" s="1"/>
      <c r="AG609" s="1"/>
      <c r="AH609" s="1"/>
      <c r="AI609" s="1"/>
      <c r="AJ609" s="1"/>
      <c r="AK609" s="1"/>
    </row>
    <row r="610" spans="2:37" x14ac:dyDescent="0.2">
      <c r="B610" s="1"/>
      <c r="C610" s="1"/>
      <c r="D610" s="1"/>
      <c r="E610" s="1"/>
      <c r="F610" s="1"/>
      <c r="G610" s="1"/>
      <c r="H610" s="1"/>
      <c r="I610" s="1"/>
      <c r="J610" s="1"/>
      <c r="K610" s="1"/>
      <c r="L610" s="1"/>
      <c r="M610" s="1"/>
      <c r="N610" s="1"/>
      <c r="O610" s="1"/>
      <c r="P610" s="1"/>
      <c r="Q610" s="1"/>
      <c r="R610" s="1"/>
      <c r="S610" s="1"/>
      <c r="T610" s="1"/>
      <c r="U610" s="1"/>
      <c r="V610" s="1"/>
      <c r="W610" s="1"/>
      <c r="X610" s="1"/>
      <c r="Y610" s="1"/>
      <c r="Z610" s="1"/>
      <c r="AA610" s="1"/>
      <c r="AB610" s="1"/>
      <c r="AC610" s="1"/>
      <c r="AD610" s="1"/>
      <c r="AE610" s="1"/>
      <c r="AF610" s="1"/>
      <c r="AG610" s="1"/>
      <c r="AH610" s="1"/>
      <c r="AI610" s="1"/>
      <c r="AJ610" s="1"/>
      <c r="AK610" s="1"/>
    </row>
    <row r="611" spans="2:37" x14ac:dyDescent="0.2">
      <c r="B611" s="1"/>
      <c r="C611" s="1"/>
      <c r="D611" s="1"/>
      <c r="E611" s="1"/>
      <c r="F611" s="1"/>
      <c r="G611" s="1"/>
      <c r="H611" s="1"/>
      <c r="I611" s="1"/>
      <c r="J611" s="1"/>
      <c r="K611" s="1"/>
      <c r="L611" s="1"/>
      <c r="M611" s="1"/>
      <c r="N611" s="1"/>
      <c r="O611" s="1"/>
      <c r="P611" s="1"/>
      <c r="Q611" s="1"/>
      <c r="R611" s="1"/>
      <c r="S611" s="1"/>
      <c r="T611" s="1"/>
      <c r="U611" s="1"/>
      <c r="V611" s="1"/>
      <c r="W611" s="1"/>
      <c r="X611" s="1"/>
      <c r="Y611" s="1"/>
      <c r="Z611" s="1"/>
      <c r="AA611" s="1"/>
      <c r="AB611" s="1"/>
      <c r="AC611" s="1"/>
      <c r="AD611" s="1"/>
      <c r="AE611" s="1"/>
      <c r="AF611" s="1"/>
      <c r="AG611" s="1"/>
      <c r="AH611" s="1"/>
      <c r="AI611" s="1"/>
      <c r="AJ611" s="1"/>
      <c r="AK611" s="1"/>
    </row>
    <row r="612" spans="2:37" x14ac:dyDescent="0.2">
      <c r="B612" s="1"/>
      <c r="C612" s="1"/>
      <c r="D612" s="1"/>
      <c r="E612" s="1"/>
      <c r="F612" s="1"/>
      <c r="G612" s="1"/>
      <c r="H612" s="1"/>
      <c r="I612" s="1"/>
      <c r="J612" s="1"/>
      <c r="K612" s="1"/>
      <c r="L612" s="1"/>
      <c r="M612" s="1"/>
      <c r="N612" s="1"/>
      <c r="O612" s="1"/>
      <c r="P612" s="1"/>
      <c r="Q612" s="1"/>
      <c r="R612" s="1"/>
      <c r="S612" s="1"/>
      <c r="T612" s="1"/>
      <c r="U612" s="1"/>
      <c r="V612" s="1"/>
      <c r="W612" s="1"/>
      <c r="X612" s="1"/>
      <c r="Y612" s="1"/>
      <c r="Z612" s="1"/>
      <c r="AA612" s="1"/>
      <c r="AB612" s="1"/>
      <c r="AC612" s="1"/>
      <c r="AD612" s="1"/>
      <c r="AE612" s="1"/>
      <c r="AF612" s="1"/>
      <c r="AG612" s="1"/>
      <c r="AH612" s="1"/>
      <c r="AI612" s="1"/>
      <c r="AJ612" s="1"/>
      <c r="AK612" s="1"/>
    </row>
    <row r="613" spans="2:37" x14ac:dyDescent="0.2">
      <c r="B613" s="1"/>
      <c r="C613" s="1"/>
      <c r="D613" s="1"/>
      <c r="E613" s="1"/>
      <c r="F613" s="1"/>
      <c r="G613" s="1"/>
      <c r="H613" s="1"/>
      <c r="I613" s="1"/>
      <c r="J613" s="1"/>
      <c r="K613" s="1"/>
      <c r="L613" s="1"/>
      <c r="M613" s="1"/>
      <c r="N613" s="1"/>
      <c r="O613" s="1"/>
      <c r="P613" s="1"/>
      <c r="Q613" s="1"/>
      <c r="R613" s="1"/>
      <c r="S613" s="1"/>
      <c r="T613" s="1"/>
      <c r="U613" s="1"/>
      <c r="V613" s="1"/>
      <c r="W613" s="1"/>
      <c r="X613" s="1"/>
      <c r="Y613" s="1"/>
      <c r="Z613" s="1"/>
      <c r="AA613" s="1"/>
      <c r="AB613" s="1"/>
      <c r="AC613" s="1"/>
      <c r="AD613" s="1"/>
      <c r="AE613" s="1"/>
      <c r="AF613" s="1"/>
      <c r="AG613" s="1"/>
      <c r="AH613" s="1"/>
      <c r="AI613" s="1"/>
      <c r="AJ613" s="1"/>
      <c r="AK613" s="1"/>
    </row>
    <row r="614" spans="2:37" x14ac:dyDescent="0.2">
      <c r="B614" s="1"/>
      <c r="C614" s="1"/>
      <c r="D614" s="1"/>
      <c r="E614" s="1"/>
      <c r="F614" s="1"/>
      <c r="G614" s="1"/>
      <c r="H614" s="1"/>
      <c r="I614" s="1"/>
      <c r="J614" s="1"/>
      <c r="K614" s="1"/>
      <c r="L614" s="1"/>
      <c r="M614" s="1"/>
      <c r="N614" s="1"/>
      <c r="O614" s="1"/>
      <c r="P614" s="1"/>
      <c r="Q614" s="1"/>
      <c r="R614" s="1"/>
      <c r="S614" s="1"/>
      <c r="T614" s="1"/>
      <c r="U614" s="1"/>
      <c r="V614" s="1"/>
      <c r="W614" s="1"/>
      <c r="X614" s="1"/>
      <c r="Y614" s="1"/>
      <c r="Z614" s="1"/>
      <c r="AA614" s="1"/>
      <c r="AB614" s="1"/>
      <c r="AC614" s="1"/>
      <c r="AD614" s="1"/>
      <c r="AE614" s="1"/>
      <c r="AF614" s="1"/>
      <c r="AG614" s="1"/>
      <c r="AH614" s="1"/>
      <c r="AI614" s="1"/>
      <c r="AJ614" s="1"/>
      <c r="AK614" s="1"/>
    </row>
    <row r="615" spans="2:37" x14ac:dyDescent="0.2">
      <c r="B615" s="1"/>
      <c r="C615" s="1"/>
      <c r="D615" s="1"/>
      <c r="E615" s="1"/>
      <c r="F615" s="1"/>
      <c r="G615" s="1"/>
      <c r="H615" s="1"/>
      <c r="I615" s="1"/>
      <c r="J615" s="1"/>
      <c r="K615" s="1"/>
      <c r="L615" s="1"/>
      <c r="M615" s="1"/>
      <c r="N615" s="1"/>
      <c r="O615" s="1"/>
      <c r="P615" s="1"/>
      <c r="Q615" s="1"/>
      <c r="R615" s="1"/>
      <c r="S615" s="1"/>
      <c r="T615" s="1"/>
      <c r="U615" s="1"/>
      <c r="V615" s="1"/>
      <c r="W615" s="1"/>
      <c r="X615" s="1"/>
      <c r="Y615" s="1"/>
      <c r="Z615" s="1"/>
      <c r="AA615" s="1"/>
      <c r="AB615" s="1"/>
      <c r="AC615" s="1"/>
      <c r="AD615" s="1"/>
      <c r="AE615" s="1"/>
      <c r="AF615" s="1"/>
      <c r="AG615" s="1"/>
      <c r="AH615" s="1"/>
      <c r="AI615" s="1"/>
      <c r="AJ615" s="1"/>
      <c r="AK615" s="1"/>
    </row>
    <row r="616" spans="2:37" x14ac:dyDescent="0.2">
      <c r="B616" s="1"/>
      <c r="C616" s="1"/>
      <c r="D616" s="1"/>
      <c r="E616" s="1"/>
      <c r="F616" s="1"/>
      <c r="G616" s="1"/>
      <c r="H616" s="1"/>
      <c r="I616" s="1"/>
      <c r="J616" s="1"/>
      <c r="K616" s="1"/>
      <c r="L616" s="1"/>
      <c r="M616" s="1"/>
      <c r="N616" s="1"/>
      <c r="O616" s="1"/>
      <c r="P616" s="1"/>
      <c r="Q616" s="1"/>
      <c r="R616" s="1"/>
      <c r="S616" s="1"/>
      <c r="T616" s="1"/>
      <c r="U616" s="1"/>
      <c r="V616" s="1"/>
      <c r="W616" s="1"/>
      <c r="X616" s="1"/>
      <c r="Y616" s="1"/>
      <c r="Z616" s="1"/>
      <c r="AA616" s="1"/>
      <c r="AB616" s="1"/>
      <c r="AC616" s="1"/>
      <c r="AD616" s="1"/>
      <c r="AE616" s="1"/>
      <c r="AF616" s="1"/>
      <c r="AG616" s="1"/>
      <c r="AH616" s="1"/>
      <c r="AI616" s="1"/>
      <c r="AJ616" s="1"/>
      <c r="AK616" s="1"/>
    </row>
    <row r="617" spans="2:37" x14ac:dyDescent="0.2">
      <c r="B617" s="1"/>
      <c r="C617" s="1"/>
      <c r="D617" s="1"/>
      <c r="E617" s="1"/>
      <c r="F617" s="1"/>
      <c r="G617" s="1"/>
      <c r="H617" s="1"/>
      <c r="I617" s="1"/>
      <c r="J617" s="1"/>
      <c r="K617" s="1"/>
      <c r="L617" s="1"/>
      <c r="M617" s="1"/>
      <c r="N617" s="1"/>
      <c r="O617" s="1"/>
      <c r="P617" s="1"/>
      <c r="Q617" s="1"/>
      <c r="R617" s="1"/>
      <c r="S617" s="1"/>
      <c r="T617" s="1"/>
      <c r="U617" s="1"/>
      <c r="V617" s="1"/>
      <c r="W617" s="1"/>
      <c r="X617" s="1"/>
      <c r="Y617" s="1"/>
      <c r="Z617" s="1"/>
      <c r="AA617" s="1"/>
      <c r="AB617" s="1"/>
      <c r="AC617" s="1"/>
      <c r="AD617" s="1"/>
      <c r="AE617" s="1"/>
      <c r="AF617" s="1"/>
      <c r="AG617" s="1"/>
      <c r="AH617" s="1"/>
      <c r="AI617" s="1"/>
      <c r="AJ617" s="1"/>
      <c r="AK617" s="1"/>
    </row>
    <row r="618" spans="2:37" x14ac:dyDescent="0.2">
      <c r="B618" s="1"/>
      <c r="C618" s="1"/>
      <c r="D618" s="1"/>
      <c r="E618" s="1"/>
      <c r="F618" s="1"/>
      <c r="G618" s="1"/>
      <c r="H618" s="1"/>
      <c r="I618" s="1"/>
      <c r="J618" s="1"/>
      <c r="K618" s="1"/>
      <c r="L618" s="1"/>
      <c r="M618" s="1"/>
      <c r="N618" s="1"/>
      <c r="O618" s="1"/>
      <c r="P618" s="1"/>
      <c r="Q618" s="1"/>
      <c r="R618" s="1"/>
      <c r="S618" s="1"/>
      <c r="T618" s="1"/>
      <c r="U618" s="1"/>
      <c r="V618" s="1"/>
      <c r="W618" s="1"/>
      <c r="X618" s="1"/>
      <c r="Y618" s="1"/>
      <c r="Z618" s="1"/>
      <c r="AA618" s="1"/>
      <c r="AB618" s="1"/>
      <c r="AC618" s="1"/>
      <c r="AD618" s="1"/>
      <c r="AE618" s="1"/>
      <c r="AF618" s="1"/>
      <c r="AG618" s="1"/>
      <c r="AH618" s="1"/>
      <c r="AI618" s="1"/>
      <c r="AJ618" s="1"/>
      <c r="AK618" s="1"/>
    </row>
    <row r="619" spans="2:37" x14ac:dyDescent="0.2">
      <c r="B619" s="1"/>
      <c r="C619" s="1"/>
      <c r="D619" s="1"/>
      <c r="E619" s="1"/>
      <c r="F619" s="1"/>
      <c r="G619" s="1"/>
      <c r="H619" s="1"/>
      <c r="I619" s="1"/>
      <c r="J619" s="1"/>
      <c r="K619" s="1"/>
      <c r="L619" s="1"/>
      <c r="M619" s="1"/>
      <c r="N619" s="1"/>
      <c r="O619" s="1"/>
      <c r="P619" s="1"/>
      <c r="Q619" s="1"/>
      <c r="R619" s="1"/>
      <c r="S619" s="1"/>
      <c r="T619" s="1"/>
      <c r="U619" s="1"/>
      <c r="V619" s="1"/>
      <c r="W619" s="1"/>
      <c r="X619" s="1"/>
      <c r="Y619" s="1"/>
      <c r="Z619" s="1"/>
      <c r="AA619" s="1"/>
      <c r="AB619" s="1"/>
      <c r="AC619" s="1"/>
      <c r="AD619" s="1"/>
      <c r="AE619" s="1"/>
      <c r="AF619" s="1"/>
      <c r="AG619" s="1"/>
      <c r="AH619" s="1"/>
      <c r="AI619" s="1"/>
      <c r="AJ619" s="1"/>
      <c r="AK619" s="1"/>
    </row>
    <row r="620" spans="2:37" x14ac:dyDescent="0.2">
      <c r="B620" s="1"/>
      <c r="C620" s="1"/>
      <c r="D620" s="1"/>
      <c r="E620" s="1"/>
      <c r="F620" s="1"/>
      <c r="G620" s="1"/>
      <c r="H620" s="1"/>
      <c r="I620" s="1"/>
      <c r="J620" s="1"/>
      <c r="K620" s="1"/>
      <c r="L620" s="1"/>
      <c r="M620" s="1"/>
      <c r="N620" s="1"/>
      <c r="O620" s="1"/>
      <c r="P620" s="1"/>
      <c r="Q620" s="1"/>
      <c r="R620" s="1"/>
      <c r="S620" s="1"/>
      <c r="T620" s="1"/>
      <c r="U620" s="1"/>
      <c r="V620" s="1"/>
      <c r="W620" s="1"/>
      <c r="X620" s="1"/>
      <c r="Y620" s="1"/>
      <c r="Z620" s="1"/>
      <c r="AA620" s="1"/>
      <c r="AB620" s="1"/>
      <c r="AC620" s="1"/>
      <c r="AD620" s="1"/>
      <c r="AE620" s="1"/>
      <c r="AF620" s="1"/>
      <c r="AG620" s="1"/>
      <c r="AH620" s="1"/>
      <c r="AI620" s="1"/>
      <c r="AJ620" s="1"/>
      <c r="AK620" s="1"/>
    </row>
    <row r="621" spans="2:37" x14ac:dyDescent="0.2">
      <c r="B621" s="1"/>
      <c r="C621" s="1"/>
      <c r="D621" s="1"/>
      <c r="E621" s="1"/>
      <c r="F621" s="1"/>
      <c r="G621" s="1"/>
      <c r="H621" s="1"/>
      <c r="I621" s="1"/>
      <c r="J621" s="1"/>
      <c r="K621" s="1"/>
      <c r="L621" s="1"/>
      <c r="M621" s="1"/>
      <c r="N621" s="1"/>
      <c r="O621" s="1"/>
      <c r="P621" s="1"/>
      <c r="Q621" s="1"/>
      <c r="R621" s="1"/>
      <c r="S621" s="1"/>
      <c r="T621" s="1"/>
      <c r="U621" s="1"/>
      <c r="V621" s="1"/>
      <c r="W621" s="1"/>
      <c r="X621" s="1"/>
      <c r="Y621" s="1"/>
      <c r="Z621" s="1"/>
      <c r="AA621" s="1"/>
      <c r="AB621" s="1"/>
      <c r="AC621" s="1"/>
      <c r="AD621" s="1"/>
      <c r="AE621" s="1"/>
      <c r="AF621" s="1"/>
      <c r="AG621" s="1"/>
      <c r="AH621" s="1"/>
      <c r="AI621" s="1"/>
      <c r="AJ621" s="1"/>
      <c r="AK621" s="1"/>
    </row>
    <row r="622" spans="2:37" x14ac:dyDescent="0.2">
      <c r="B622" s="1"/>
      <c r="C622" s="1"/>
      <c r="D622" s="1"/>
      <c r="E622" s="1"/>
      <c r="F622" s="1"/>
      <c r="G622" s="1"/>
      <c r="H622" s="1"/>
      <c r="I622" s="1"/>
      <c r="J622" s="1"/>
      <c r="K622" s="1"/>
      <c r="L622" s="1"/>
      <c r="M622" s="1"/>
      <c r="N622" s="1"/>
      <c r="O622" s="1"/>
      <c r="P622" s="1"/>
      <c r="Q622" s="1"/>
      <c r="R622" s="1"/>
      <c r="S622" s="1"/>
      <c r="T622" s="1"/>
      <c r="U622" s="1"/>
      <c r="V622" s="1"/>
      <c r="W622" s="1"/>
      <c r="X622" s="1"/>
      <c r="Y622" s="1"/>
      <c r="Z622" s="1"/>
      <c r="AA622" s="1"/>
      <c r="AB622" s="1"/>
      <c r="AC622" s="1"/>
      <c r="AD622" s="1"/>
      <c r="AE622" s="1"/>
      <c r="AF622" s="1"/>
      <c r="AG622" s="1"/>
      <c r="AH622" s="1"/>
      <c r="AI622" s="1"/>
      <c r="AJ622" s="1"/>
      <c r="AK622" s="1"/>
    </row>
    <row r="623" spans="2:37" x14ac:dyDescent="0.2">
      <c r="B623" s="1"/>
      <c r="C623" s="1"/>
      <c r="D623" s="1"/>
      <c r="E623" s="1"/>
      <c r="F623" s="1"/>
      <c r="G623" s="1"/>
      <c r="H623" s="1"/>
      <c r="I623" s="1"/>
      <c r="J623" s="1"/>
      <c r="K623" s="1"/>
      <c r="L623" s="1"/>
      <c r="M623" s="1"/>
      <c r="N623" s="1"/>
      <c r="O623" s="1"/>
      <c r="P623" s="1"/>
      <c r="Q623" s="1"/>
      <c r="R623" s="1"/>
      <c r="S623" s="1"/>
      <c r="T623" s="1"/>
      <c r="U623" s="1"/>
      <c r="V623" s="1"/>
      <c r="W623" s="1"/>
      <c r="X623" s="1"/>
      <c r="Y623" s="1"/>
      <c r="Z623" s="1"/>
      <c r="AA623" s="1"/>
      <c r="AB623" s="1"/>
      <c r="AC623" s="1"/>
      <c r="AD623" s="1"/>
      <c r="AE623" s="1"/>
      <c r="AF623" s="1"/>
      <c r="AG623" s="1"/>
      <c r="AH623" s="1"/>
      <c r="AI623" s="1"/>
      <c r="AJ623" s="1"/>
      <c r="AK623" s="1"/>
    </row>
    <row r="624" spans="2:37" x14ac:dyDescent="0.2">
      <c r="B624" s="1"/>
      <c r="C624" s="1"/>
      <c r="D624" s="1"/>
      <c r="E624" s="1"/>
      <c r="F624" s="1"/>
      <c r="G624" s="1"/>
      <c r="H624" s="1"/>
      <c r="I624" s="1"/>
      <c r="J624" s="1"/>
      <c r="K624" s="1"/>
      <c r="L624" s="1"/>
      <c r="M624" s="1"/>
      <c r="N624" s="1"/>
      <c r="O624" s="1"/>
      <c r="P624" s="1"/>
      <c r="Q624" s="1"/>
      <c r="R624" s="1"/>
      <c r="S624" s="1"/>
      <c r="T624" s="1"/>
      <c r="U624" s="1"/>
      <c r="V624" s="1"/>
      <c r="W624" s="1"/>
      <c r="X624" s="1"/>
      <c r="Y624" s="1"/>
      <c r="Z624" s="1"/>
      <c r="AA624" s="1"/>
      <c r="AB624" s="1"/>
      <c r="AC624" s="1"/>
      <c r="AD624" s="1"/>
      <c r="AE624" s="1"/>
      <c r="AF624" s="1"/>
      <c r="AG624" s="1"/>
      <c r="AH624" s="1"/>
      <c r="AI624" s="1"/>
      <c r="AJ624" s="1"/>
      <c r="AK624" s="1"/>
    </row>
    <row r="625" spans="2:37" x14ac:dyDescent="0.2">
      <c r="B625" s="1"/>
      <c r="C625" s="1"/>
      <c r="D625" s="1"/>
      <c r="E625" s="1"/>
      <c r="F625" s="1"/>
      <c r="G625" s="1"/>
      <c r="H625" s="1"/>
      <c r="I625" s="1"/>
      <c r="J625" s="1"/>
      <c r="K625" s="1"/>
      <c r="L625" s="1"/>
      <c r="M625" s="1"/>
      <c r="N625" s="1"/>
      <c r="O625" s="1"/>
      <c r="P625" s="1"/>
      <c r="Q625" s="1"/>
      <c r="R625" s="1"/>
      <c r="S625" s="1"/>
      <c r="T625" s="1"/>
      <c r="U625" s="1"/>
      <c r="V625" s="1"/>
      <c r="W625" s="1"/>
      <c r="X625" s="1"/>
      <c r="Y625" s="1"/>
      <c r="Z625" s="1"/>
      <c r="AA625" s="1"/>
      <c r="AB625" s="1"/>
      <c r="AC625" s="1"/>
      <c r="AD625" s="1"/>
      <c r="AE625" s="1"/>
      <c r="AF625" s="1"/>
      <c r="AG625" s="1"/>
      <c r="AH625" s="1"/>
      <c r="AI625" s="1"/>
      <c r="AJ625" s="1"/>
      <c r="AK625" s="1"/>
    </row>
    <row r="626" spans="2:37" x14ac:dyDescent="0.2">
      <c r="B626" s="1"/>
      <c r="C626" s="1"/>
      <c r="D626" s="1"/>
      <c r="E626" s="1"/>
      <c r="F626" s="1"/>
      <c r="G626" s="1"/>
      <c r="H626" s="1"/>
      <c r="I626" s="1"/>
      <c r="J626" s="1"/>
      <c r="K626" s="1"/>
      <c r="L626" s="1"/>
      <c r="M626" s="1"/>
      <c r="N626" s="1"/>
      <c r="O626" s="1"/>
      <c r="P626" s="1"/>
      <c r="Q626" s="1"/>
      <c r="R626" s="1"/>
      <c r="S626" s="1"/>
      <c r="T626" s="1"/>
      <c r="U626" s="1"/>
      <c r="V626" s="1"/>
      <c r="W626" s="1"/>
      <c r="X626" s="1"/>
      <c r="Y626" s="1"/>
      <c r="Z626" s="1"/>
      <c r="AA626" s="1"/>
      <c r="AB626" s="1"/>
      <c r="AC626" s="1"/>
      <c r="AD626" s="1"/>
      <c r="AE626" s="1"/>
      <c r="AF626" s="1"/>
      <c r="AG626" s="1"/>
      <c r="AH626" s="1"/>
      <c r="AI626" s="1"/>
      <c r="AJ626" s="1"/>
      <c r="AK626" s="1"/>
    </row>
    <row r="627" spans="2:37" x14ac:dyDescent="0.2">
      <c r="B627" s="1"/>
      <c r="C627" s="1"/>
      <c r="D627" s="1"/>
      <c r="E627" s="1"/>
      <c r="F627" s="1"/>
      <c r="G627" s="1"/>
      <c r="H627" s="1"/>
      <c r="I627" s="1"/>
      <c r="J627" s="1"/>
      <c r="K627" s="1"/>
      <c r="L627" s="1"/>
      <c r="M627" s="1"/>
      <c r="N627" s="1"/>
      <c r="O627" s="1"/>
      <c r="P627" s="1"/>
      <c r="Q627" s="1"/>
      <c r="R627" s="1"/>
      <c r="S627" s="1"/>
      <c r="T627" s="1"/>
      <c r="U627" s="1"/>
      <c r="V627" s="1"/>
      <c r="W627" s="1"/>
      <c r="X627" s="1"/>
      <c r="Y627" s="1"/>
      <c r="Z627" s="1"/>
      <c r="AA627" s="1"/>
      <c r="AB627" s="1"/>
      <c r="AC627" s="1"/>
      <c r="AD627" s="1"/>
      <c r="AE627" s="1"/>
      <c r="AF627" s="1"/>
      <c r="AG627" s="1"/>
      <c r="AH627" s="1"/>
      <c r="AI627" s="1"/>
      <c r="AJ627" s="1"/>
      <c r="AK627" s="1"/>
    </row>
    <row r="628" spans="2:37" x14ac:dyDescent="0.2">
      <c r="B628" s="1"/>
      <c r="C628" s="1"/>
      <c r="D628" s="1"/>
      <c r="E628" s="1"/>
      <c r="F628" s="1"/>
      <c r="G628" s="1"/>
      <c r="H628" s="1"/>
      <c r="I628" s="1"/>
      <c r="J628" s="1"/>
      <c r="K628" s="1"/>
      <c r="L628" s="1"/>
      <c r="M628" s="1"/>
      <c r="N628" s="1"/>
      <c r="O628" s="1"/>
      <c r="P628" s="1"/>
      <c r="Q628" s="1"/>
      <c r="R628" s="1"/>
      <c r="S628" s="1"/>
      <c r="T628" s="1"/>
      <c r="U628" s="1"/>
      <c r="V628" s="1"/>
      <c r="W628" s="1"/>
      <c r="X628" s="1"/>
      <c r="Y628" s="1"/>
      <c r="Z628" s="1"/>
      <c r="AA628" s="1"/>
      <c r="AB628" s="1"/>
      <c r="AC628" s="1"/>
      <c r="AD628" s="1"/>
      <c r="AE628" s="1"/>
      <c r="AF628" s="1"/>
      <c r="AG628" s="1"/>
      <c r="AH628" s="1"/>
      <c r="AI628" s="1"/>
      <c r="AJ628" s="1"/>
      <c r="AK628" s="1"/>
    </row>
    <row r="629" spans="2:37" x14ac:dyDescent="0.2">
      <c r="B629" s="1"/>
      <c r="C629" s="1"/>
      <c r="D629" s="1"/>
      <c r="E629" s="1"/>
      <c r="F629" s="1"/>
      <c r="G629" s="1"/>
      <c r="H629" s="1"/>
      <c r="I629" s="1"/>
      <c r="J629" s="1"/>
      <c r="K629" s="1"/>
      <c r="L629" s="1"/>
      <c r="M629" s="1"/>
      <c r="N629" s="1"/>
      <c r="O629" s="1"/>
      <c r="P629" s="1"/>
      <c r="Q629" s="1"/>
      <c r="R629" s="1"/>
      <c r="S629" s="1"/>
      <c r="T629" s="1"/>
      <c r="U629" s="1"/>
      <c r="V629" s="1"/>
      <c r="W629" s="1"/>
      <c r="X629" s="1"/>
      <c r="Y629" s="1"/>
      <c r="Z629" s="1"/>
      <c r="AA629" s="1"/>
      <c r="AB629" s="1"/>
      <c r="AC629" s="1"/>
      <c r="AD629" s="1"/>
      <c r="AE629" s="1"/>
      <c r="AF629" s="1"/>
      <c r="AG629" s="1"/>
      <c r="AH629" s="1"/>
      <c r="AI629" s="1"/>
      <c r="AJ629" s="1"/>
      <c r="AK629" s="1"/>
    </row>
    <row r="630" spans="2:37" x14ac:dyDescent="0.2">
      <c r="B630" s="1"/>
      <c r="C630" s="1"/>
      <c r="D630" s="1"/>
      <c r="E630" s="1"/>
      <c r="F630" s="1"/>
      <c r="G630" s="1"/>
      <c r="H630" s="1"/>
      <c r="I630" s="1"/>
      <c r="J630" s="1"/>
      <c r="K630" s="1"/>
      <c r="L630" s="1"/>
      <c r="M630" s="1"/>
      <c r="N630" s="1"/>
      <c r="O630" s="1"/>
      <c r="P630" s="1"/>
      <c r="Q630" s="1"/>
      <c r="R630" s="1"/>
      <c r="S630" s="1"/>
      <c r="T630" s="1"/>
      <c r="U630" s="1"/>
      <c r="V630" s="1"/>
      <c r="W630" s="1"/>
      <c r="X630" s="1"/>
      <c r="Y630" s="1"/>
      <c r="Z630" s="1"/>
      <c r="AA630" s="1"/>
      <c r="AB630" s="1"/>
      <c r="AC630" s="1"/>
      <c r="AD630" s="1"/>
      <c r="AE630" s="1"/>
      <c r="AF630" s="1"/>
      <c r="AG630" s="1"/>
      <c r="AH630" s="1"/>
      <c r="AI630" s="1"/>
      <c r="AJ630" s="1"/>
      <c r="AK630" s="1"/>
    </row>
    <row r="631" spans="2:37" x14ac:dyDescent="0.2">
      <c r="B631" s="1"/>
      <c r="C631" s="1"/>
      <c r="D631" s="1"/>
      <c r="E631" s="1"/>
      <c r="F631" s="1"/>
      <c r="G631" s="1"/>
      <c r="H631" s="1"/>
      <c r="I631" s="1"/>
      <c r="J631" s="1"/>
      <c r="K631" s="1"/>
      <c r="L631" s="1"/>
      <c r="M631" s="1"/>
      <c r="N631" s="1"/>
      <c r="O631" s="1"/>
      <c r="P631" s="1"/>
      <c r="Q631" s="1"/>
      <c r="R631" s="1"/>
      <c r="S631" s="1"/>
      <c r="T631" s="1"/>
      <c r="U631" s="1"/>
      <c r="V631" s="1"/>
      <c r="W631" s="1"/>
      <c r="X631" s="1"/>
      <c r="Y631" s="1"/>
      <c r="Z631" s="1"/>
      <c r="AA631" s="1"/>
      <c r="AB631" s="1"/>
      <c r="AC631" s="1"/>
      <c r="AD631" s="1"/>
      <c r="AE631" s="1"/>
      <c r="AF631" s="1"/>
      <c r="AG631" s="1"/>
      <c r="AH631" s="1"/>
      <c r="AI631" s="1"/>
      <c r="AJ631" s="1"/>
      <c r="AK631" s="1"/>
    </row>
    <row r="632" spans="2:37" x14ac:dyDescent="0.2">
      <c r="B632" s="1"/>
      <c r="C632" s="1"/>
      <c r="D632" s="1"/>
      <c r="E632" s="1"/>
      <c r="F632" s="1"/>
      <c r="G632" s="1"/>
      <c r="H632" s="1"/>
      <c r="I632" s="1"/>
      <c r="J632" s="1"/>
      <c r="K632" s="1"/>
      <c r="L632" s="1"/>
      <c r="M632" s="1"/>
      <c r="N632" s="1"/>
      <c r="O632" s="1"/>
      <c r="P632" s="1"/>
      <c r="Q632" s="1"/>
      <c r="R632" s="1"/>
      <c r="S632" s="1"/>
      <c r="T632" s="1"/>
      <c r="U632" s="1"/>
      <c r="V632" s="1"/>
      <c r="W632" s="1"/>
      <c r="X632" s="1"/>
      <c r="Y632" s="1"/>
      <c r="Z632" s="1"/>
      <c r="AA632" s="1"/>
      <c r="AB632" s="1"/>
      <c r="AC632" s="1"/>
      <c r="AD632" s="1"/>
      <c r="AE632" s="1"/>
      <c r="AF632" s="1"/>
      <c r="AG632" s="1"/>
      <c r="AH632" s="1"/>
      <c r="AI632" s="1"/>
      <c r="AJ632" s="1"/>
      <c r="AK632" s="1"/>
    </row>
    <row r="633" spans="2:37" x14ac:dyDescent="0.2">
      <c r="B633" s="1"/>
      <c r="C633" s="1"/>
      <c r="D633" s="1"/>
      <c r="E633" s="1"/>
      <c r="F633" s="1"/>
      <c r="G633" s="1"/>
      <c r="H633" s="1"/>
      <c r="I633" s="1"/>
      <c r="J633" s="1"/>
      <c r="K633" s="1"/>
      <c r="L633" s="1"/>
      <c r="M633" s="1"/>
      <c r="N633" s="1"/>
      <c r="O633" s="1"/>
      <c r="P633" s="1"/>
      <c r="Q633" s="1"/>
      <c r="R633" s="1"/>
      <c r="S633" s="1"/>
      <c r="T633" s="1"/>
      <c r="U633" s="1"/>
      <c r="V633" s="1"/>
      <c r="W633" s="1"/>
      <c r="X633" s="1"/>
      <c r="Y633" s="1"/>
      <c r="Z633" s="1"/>
      <c r="AA633" s="1"/>
      <c r="AB633" s="1"/>
      <c r="AC633" s="1"/>
      <c r="AD633" s="1"/>
      <c r="AE633" s="1"/>
      <c r="AF633" s="1"/>
      <c r="AG633" s="1"/>
      <c r="AH633" s="1"/>
      <c r="AI633" s="1"/>
      <c r="AJ633" s="1"/>
      <c r="AK633" s="1"/>
    </row>
    <row r="634" spans="2:37" x14ac:dyDescent="0.2">
      <c r="B634" s="1"/>
      <c r="C634" s="1"/>
      <c r="D634" s="1"/>
      <c r="E634" s="1"/>
      <c r="F634" s="1"/>
      <c r="G634" s="1"/>
      <c r="H634" s="1"/>
      <c r="I634" s="1"/>
      <c r="J634" s="1"/>
      <c r="K634" s="1"/>
      <c r="L634" s="1"/>
      <c r="M634" s="1"/>
      <c r="N634" s="1"/>
      <c r="O634" s="1"/>
      <c r="P634" s="1"/>
      <c r="Q634" s="1"/>
      <c r="R634" s="1"/>
      <c r="S634" s="1"/>
      <c r="T634" s="1"/>
      <c r="U634" s="1"/>
      <c r="V634" s="1"/>
      <c r="W634" s="1"/>
      <c r="X634" s="1"/>
      <c r="Y634" s="1"/>
      <c r="Z634" s="1"/>
      <c r="AA634" s="1"/>
      <c r="AB634" s="1"/>
      <c r="AC634" s="1"/>
      <c r="AD634" s="1"/>
      <c r="AE634" s="1"/>
      <c r="AF634" s="1"/>
      <c r="AG634" s="1"/>
      <c r="AH634" s="1"/>
      <c r="AI634" s="1"/>
      <c r="AJ634" s="1"/>
      <c r="AK634" s="1"/>
    </row>
    <row r="635" spans="2:37" x14ac:dyDescent="0.2">
      <c r="B635" s="1"/>
      <c r="C635" s="1"/>
      <c r="D635" s="1"/>
      <c r="E635" s="1"/>
      <c r="F635" s="1"/>
      <c r="G635" s="1"/>
      <c r="H635" s="1"/>
      <c r="I635" s="1"/>
      <c r="J635" s="1"/>
      <c r="K635" s="1"/>
      <c r="L635" s="1"/>
      <c r="M635" s="1"/>
      <c r="N635" s="1"/>
      <c r="O635" s="1"/>
      <c r="P635" s="1"/>
      <c r="Q635" s="1"/>
      <c r="R635" s="1"/>
      <c r="S635" s="1"/>
      <c r="T635" s="1"/>
      <c r="U635" s="1"/>
      <c r="V635" s="1"/>
      <c r="W635" s="1"/>
      <c r="X635" s="1"/>
      <c r="Y635" s="1"/>
      <c r="Z635" s="1"/>
      <c r="AA635" s="1"/>
      <c r="AB635" s="1"/>
      <c r="AC635" s="1"/>
      <c r="AD635" s="1"/>
      <c r="AE635" s="1"/>
      <c r="AF635" s="1"/>
      <c r="AG635" s="1"/>
      <c r="AH635" s="1"/>
      <c r="AI635" s="1"/>
      <c r="AJ635" s="1"/>
      <c r="AK635" s="1"/>
    </row>
    <row r="636" spans="2:37" x14ac:dyDescent="0.2">
      <c r="B636" s="1"/>
      <c r="C636" s="1"/>
      <c r="D636" s="1"/>
      <c r="E636" s="1"/>
      <c r="F636" s="1"/>
      <c r="G636" s="1"/>
      <c r="H636" s="1"/>
      <c r="I636" s="1"/>
      <c r="J636" s="1"/>
      <c r="K636" s="1"/>
      <c r="L636" s="1"/>
      <c r="M636" s="1"/>
      <c r="N636" s="1"/>
      <c r="O636" s="1"/>
      <c r="P636" s="1"/>
      <c r="Q636" s="1"/>
      <c r="R636" s="1"/>
      <c r="S636" s="1"/>
      <c r="T636" s="1"/>
      <c r="U636" s="1"/>
      <c r="V636" s="1"/>
      <c r="W636" s="1"/>
      <c r="X636" s="1"/>
      <c r="Y636" s="1"/>
      <c r="Z636" s="1"/>
      <c r="AA636" s="1"/>
      <c r="AB636" s="1"/>
      <c r="AC636" s="1"/>
      <c r="AD636" s="1"/>
      <c r="AE636" s="1"/>
      <c r="AF636" s="1"/>
      <c r="AG636" s="1"/>
      <c r="AH636" s="1"/>
      <c r="AI636" s="1"/>
      <c r="AJ636" s="1"/>
      <c r="AK636" s="1"/>
    </row>
    <row r="637" spans="2:37" x14ac:dyDescent="0.2">
      <c r="B637" s="1"/>
      <c r="C637" s="1"/>
      <c r="D637" s="1"/>
      <c r="E637" s="1"/>
      <c r="F637" s="1"/>
      <c r="G637" s="1"/>
      <c r="H637" s="1"/>
      <c r="I637" s="1"/>
      <c r="J637" s="1"/>
      <c r="K637" s="1"/>
      <c r="L637" s="1"/>
      <c r="M637" s="1"/>
      <c r="N637" s="1"/>
      <c r="O637" s="1"/>
      <c r="P637" s="1"/>
      <c r="Q637" s="1"/>
      <c r="R637" s="1"/>
      <c r="S637" s="1"/>
      <c r="T637" s="1"/>
      <c r="U637" s="1"/>
      <c r="V637" s="1"/>
      <c r="W637" s="1"/>
      <c r="X637" s="1"/>
      <c r="Y637" s="1"/>
      <c r="Z637" s="1"/>
      <c r="AA637" s="1"/>
      <c r="AB637" s="1"/>
      <c r="AC637" s="1"/>
      <c r="AD637" s="1"/>
      <c r="AE637" s="1"/>
      <c r="AF637" s="1"/>
      <c r="AG637" s="1"/>
      <c r="AH637" s="1"/>
      <c r="AI637" s="1"/>
      <c r="AJ637" s="1"/>
      <c r="AK637" s="1"/>
    </row>
    <row r="638" spans="2:37" x14ac:dyDescent="0.2">
      <c r="B638" s="1"/>
      <c r="C638" s="1"/>
      <c r="D638" s="1"/>
      <c r="E638" s="1"/>
      <c r="F638" s="1"/>
      <c r="G638" s="1"/>
      <c r="H638" s="1"/>
      <c r="I638" s="1"/>
      <c r="J638" s="1"/>
      <c r="K638" s="1"/>
      <c r="L638" s="1"/>
      <c r="M638" s="1"/>
      <c r="N638" s="1"/>
      <c r="O638" s="1"/>
      <c r="P638" s="1"/>
      <c r="Q638" s="1"/>
      <c r="R638" s="1"/>
      <c r="S638" s="1"/>
      <c r="T638" s="1"/>
      <c r="U638" s="1"/>
      <c r="V638" s="1"/>
      <c r="W638" s="1"/>
      <c r="X638" s="1"/>
      <c r="Y638" s="1"/>
      <c r="Z638" s="1"/>
      <c r="AA638" s="1"/>
      <c r="AB638" s="1"/>
      <c r="AC638" s="1"/>
      <c r="AD638" s="1"/>
      <c r="AE638" s="1"/>
      <c r="AF638" s="1"/>
      <c r="AG638" s="1"/>
      <c r="AH638" s="1"/>
      <c r="AI638" s="1"/>
      <c r="AJ638" s="1"/>
      <c r="AK638" s="1"/>
    </row>
    <row r="639" spans="2:37" x14ac:dyDescent="0.2">
      <c r="B639" s="1"/>
      <c r="C639" s="1"/>
      <c r="D639" s="1"/>
      <c r="E639" s="1"/>
      <c r="F639" s="1"/>
      <c r="G639" s="1"/>
      <c r="H639" s="1"/>
      <c r="I639" s="1"/>
      <c r="J639" s="1"/>
      <c r="K639" s="1"/>
      <c r="L639" s="1"/>
      <c r="M639" s="1"/>
      <c r="N639" s="1"/>
      <c r="O639" s="1"/>
      <c r="P639" s="1"/>
      <c r="Q639" s="1"/>
      <c r="R639" s="1"/>
      <c r="S639" s="1"/>
      <c r="T639" s="1"/>
      <c r="U639" s="1"/>
      <c r="V639" s="1"/>
      <c r="W639" s="1"/>
      <c r="X639" s="1"/>
      <c r="Y639" s="1"/>
      <c r="Z639" s="1"/>
      <c r="AA639" s="1"/>
      <c r="AB639" s="1"/>
      <c r="AC639" s="1"/>
      <c r="AD639" s="1"/>
      <c r="AE639" s="1"/>
      <c r="AF639" s="1"/>
      <c r="AG639" s="1"/>
      <c r="AH639" s="1"/>
      <c r="AI639" s="1"/>
      <c r="AJ639" s="1"/>
      <c r="AK639" s="1"/>
    </row>
    <row r="640" spans="2:37" x14ac:dyDescent="0.2">
      <c r="B640" s="1"/>
      <c r="C640" s="1"/>
      <c r="D640" s="1"/>
      <c r="E640" s="1"/>
      <c r="F640" s="1"/>
      <c r="G640" s="1"/>
      <c r="H640" s="1"/>
      <c r="I640" s="1"/>
      <c r="J640" s="1"/>
      <c r="K640" s="1"/>
      <c r="L640" s="1"/>
      <c r="M640" s="1"/>
      <c r="N640" s="1"/>
      <c r="O640" s="1"/>
      <c r="P640" s="1"/>
      <c r="Q640" s="1"/>
      <c r="R640" s="1"/>
      <c r="S640" s="1"/>
      <c r="T640" s="1"/>
      <c r="U640" s="1"/>
      <c r="V640" s="1"/>
      <c r="W640" s="1"/>
      <c r="X640" s="1"/>
      <c r="Y640" s="1"/>
      <c r="Z640" s="1"/>
      <c r="AA640" s="1"/>
      <c r="AB640" s="1"/>
      <c r="AC640" s="1"/>
      <c r="AD640" s="1"/>
      <c r="AE640" s="1"/>
      <c r="AF640" s="1"/>
      <c r="AG640" s="1"/>
      <c r="AH640" s="1"/>
      <c r="AI640" s="1"/>
      <c r="AJ640" s="1"/>
      <c r="AK640" s="1"/>
    </row>
    <row r="641" spans="2:37" x14ac:dyDescent="0.2">
      <c r="B641" s="1"/>
      <c r="C641" s="1"/>
      <c r="D641" s="1"/>
      <c r="E641" s="1"/>
      <c r="F641" s="1"/>
      <c r="G641" s="1"/>
      <c r="H641" s="1"/>
      <c r="I641" s="1"/>
      <c r="J641" s="1"/>
      <c r="K641" s="1"/>
      <c r="L641" s="1"/>
      <c r="M641" s="1"/>
      <c r="N641" s="1"/>
      <c r="O641" s="1"/>
      <c r="P641" s="1"/>
      <c r="Q641" s="1"/>
      <c r="R641" s="1"/>
      <c r="S641" s="1"/>
      <c r="T641" s="1"/>
      <c r="U641" s="1"/>
      <c r="V641" s="1"/>
      <c r="W641" s="1"/>
      <c r="X641" s="1"/>
      <c r="Y641" s="1"/>
      <c r="Z641" s="1"/>
      <c r="AA641" s="1"/>
      <c r="AB641" s="1"/>
      <c r="AC641" s="1"/>
      <c r="AD641" s="1"/>
      <c r="AE641" s="1"/>
      <c r="AF641" s="1"/>
      <c r="AG641" s="1"/>
      <c r="AH641" s="1"/>
      <c r="AI641" s="1"/>
      <c r="AJ641" s="1"/>
      <c r="AK641" s="1"/>
    </row>
    <row r="642" spans="2:37" x14ac:dyDescent="0.2">
      <c r="B642" s="1"/>
      <c r="C642" s="1"/>
      <c r="D642" s="1"/>
      <c r="E642" s="1"/>
      <c r="F642" s="1"/>
      <c r="G642" s="1"/>
      <c r="H642" s="1"/>
      <c r="I642" s="1"/>
      <c r="J642" s="1"/>
      <c r="K642" s="1"/>
      <c r="L642" s="1"/>
      <c r="M642" s="1"/>
      <c r="N642" s="1"/>
      <c r="O642" s="1"/>
      <c r="P642" s="1"/>
      <c r="Q642" s="1"/>
      <c r="R642" s="1"/>
      <c r="S642" s="1"/>
      <c r="T642" s="1"/>
      <c r="U642" s="1"/>
      <c r="V642" s="1"/>
      <c r="W642" s="1"/>
      <c r="X642" s="1"/>
      <c r="Y642" s="1"/>
      <c r="Z642" s="1"/>
      <c r="AA642" s="1"/>
      <c r="AB642" s="1"/>
      <c r="AC642" s="1"/>
      <c r="AD642" s="1"/>
      <c r="AE642" s="1"/>
      <c r="AF642" s="1"/>
      <c r="AG642" s="1"/>
      <c r="AH642" s="1"/>
      <c r="AI642" s="1"/>
      <c r="AJ642" s="1"/>
      <c r="AK642" s="1"/>
    </row>
    <row r="643" spans="2:37" x14ac:dyDescent="0.2">
      <c r="B643" s="1"/>
      <c r="C643" s="1"/>
      <c r="D643" s="1"/>
      <c r="E643" s="1"/>
      <c r="F643" s="1"/>
      <c r="G643" s="1"/>
      <c r="H643" s="1"/>
      <c r="I643" s="1"/>
      <c r="J643" s="1"/>
      <c r="K643" s="1"/>
      <c r="L643" s="1"/>
      <c r="M643" s="1"/>
      <c r="N643" s="1"/>
      <c r="O643" s="1"/>
      <c r="P643" s="1"/>
      <c r="Q643" s="1"/>
      <c r="R643" s="1"/>
      <c r="S643" s="1"/>
      <c r="T643" s="1"/>
      <c r="U643" s="1"/>
      <c r="V643" s="1"/>
      <c r="W643" s="1"/>
      <c r="X643" s="1"/>
      <c r="Y643" s="1"/>
      <c r="Z643" s="1"/>
      <c r="AA643" s="1"/>
      <c r="AB643" s="1"/>
      <c r="AC643" s="1"/>
      <c r="AD643" s="1"/>
      <c r="AE643" s="1"/>
      <c r="AF643" s="1"/>
      <c r="AG643" s="1"/>
      <c r="AH643" s="1"/>
      <c r="AI643" s="1"/>
      <c r="AJ643" s="1"/>
      <c r="AK643" s="1"/>
    </row>
    <row r="644" spans="2:37" x14ac:dyDescent="0.2">
      <c r="B644" s="1"/>
      <c r="C644" s="1"/>
      <c r="D644" s="1"/>
      <c r="E644" s="1"/>
      <c r="F644" s="1"/>
      <c r="G644" s="1"/>
      <c r="H644" s="1"/>
      <c r="I644" s="1"/>
      <c r="J644" s="1"/>
      <c r="K644" s="1"/>
      <c r="L644" s="1"/>
      <c r="M644" s="1"/>
      <c r="N644" s="1"/>
      <c r="O644" s="1"/>
      <c r="P644" s="1"/>
      <c r="Q644" s="1"/>
      <c r="R644" s="1"/>
      <c r="S644" s="1"/>
      <c r="T644" s="1"/>
      <c r="U644" s="1"/>
      <c r="V644" s="1"/>
      <c r="W644" s="1"/>
      <c r="X644" s="1"/>
      <c r="Y644" s="1"/>
      <c r="Z644" s="1"/>
      <c r="AA644" s="1"/>
      <c r="AB644" s="1"/>
      <c r="AC644" s="1"/>
      <c r="AD644" s="1"/>
      <c r="AE644" s="1"/>
      <c r="AF644" s="1"/>
      <c r="AG644" s="1"/>
      <c r="AH644" s="1"/>
      <c r="AI644" s="1"/>
      <c r="AJ644" s="1"/>
      <c r="AK644" s="1"/>
    </row>
    <row r="645" spans="2:37" x14ac:dyDescent="0.2">
      <c r="B645" s="1"/>
      <c r="C645" s="1"/>
      <c r="D645" s="1"/>
      <c r="E645" s="1"/>
      <c r="F645" s="1"/>
      <c r="G645" s="1"/>
      <c r="H645" s="1"/>
      <c r="I645" s="1"/>
      <c r="J645" s="1"/>
      <c r="K645" s="1"/>
      <c r="L645" s="1"/>
      <c r="M645" s="1"/>
      <c r="N645" s="1"/>
      <c r="O645" s="1"/>
      <c r="P645" s="1"/>
      <c r="Q645" s="1"/>
      <c r="R645" s="1"/>
      <c r="S645" s="1"/>
      <c r="T645" s="1"/>
      <c r="U645" s="1"/>
      <c r="V645" s="1"/>
      <c r="W645" s="1"/>
      <c r="X645" s="1"/>
      <c r="Y645" s="1"/>
      <c r="Z645" s="1"/>
      <c r="AA645" s="1"/>
      <c r="AB645" s="1"/>
      <c r="AC645" s="1"/>
      <c r="AD645" s="1"/>
      <c r="AE645" s="1"/>
      <c r="AF645" s="1"/>
      <c r="AG645" s="1"/>
      <c r="AH645" s="1"/>
      <c r="AI645" s="1"/>
      <c r="AJ645" s="1"/>
      <c r="AK645" s="1"/>
    </row>
    <row r="646" spans="2:37" x14ac:dyDescent="0.2">
      <c r="B646" s="1"/>
      <c r="C646" s="1"/>
      <c r="D646" s="1"/>
      <c r="E646" s="1"/>
      <c r="F646" s="1"/>
      <c r="G646" s="1"/>
      <c r="H646" s="1"/>
      <c r="I646" s="1"/>
      <c r="J646" s="1"/>
      <c r="K646" s="1"/>
      <c r="L646" s="1"/>
      <c r="M646" s="1"/>
      <c r="N646" s="1"/>
      <c r="O646" s="1"/>
      <c r="P646" s="1"/>
      <c r="Q646" s="1"/>
      <c r="R646" s="1"/>
      <c r="S646" s="1"/>
      <c r="T646" s="1"/>
      <c r="U646" s="1"/>
      <c r="V646" s="1"/>
      <c r="W646" s="1"/>
      <c r="X646" s="1"/>
      <c r="Y646" s="1"/>
      <c r="Z646" s="1"/>
      <c r="AA646" s="1"/>
      <c r="AB646" s="1"/>
      <c r="AC646" s="1"/>
      <c r="AD646" s="1"/>
      <c r="AE646" s="1"/>
      <c r="AF646" s="1"/>
      <c r="AG646" s="1"/>
      <c r="AH646" s="1"/>
      <c r="AI646" s="1"/>
      <c r="AJ646" s="1"/>
      <c r="AK646" s="1"/>
    </row>
    <row r="647" spans="2:37" x14ac:dyDescent="0.2">
      <c r="B647" s="1"/>
      <c r="C647" s="1"/>
      <c r="D647" s="1"/>
      <c r="E647" s="1"/>
      <c r="F647" s="1"/>
      <c r="G647" s="1"/>
      <c r="H647" s="1"/>
      <c r="I647" s="1"/>
      <c r="J647" s="1"/>
      <c r="K647" s="1"/>
      <c r="L647" s="1"/>
      <c r="M647" s="1"/>
      <c r="N647" s="1"/>
      <c r="O647" s="1"/>
      <c r="P647" s="1"/>
      <c r="Q647" s="1"/>
      <c r="R647" s="1"/>
      <c r="S647" s="1"/>
      <c r="T647" s="1"/>
      <c r="U647" s="1"/>
      <c r="V647" s="1"/>
      <c r="W647" s="1"/>
      <c r="X647" s="1"/>
      <c r="Y647" s="1"/>
      <c r="Z647" s="1"/>
      <c r="AA647" s="1"/>
      <c r="AB647" s="1"/>
      <c r="AC647" s="1"/>
      <c r="AD647" s="1"/>
      <c r="AE647" s="1"/>
      <c r="AF647" s="1"/>
      <c r="AG647" s="1"/>
      <c r="AH647" s="1"/>
      <c r="AI647" s="1"/>
      <c r="AJ647" s="1"/>
      <c r="AK647" s="1"/>
    </row>
    <row r="648" spans="2:37" x14ac:dyDescent="0.2">
      <c r="B648" s="1"/>
      <c r="C648" s="1"/>
      <c r="D648" s="1"/>
      <c r="E648" s="1"/>
      <c r="F648" s="1"/>
      <c r="G648" s="1"/>
      <c r="H648" s="1"/>
      <c r="I648" s="1"/>
      <c r="J648" s="1"/>
      <c r="K648" s="1"/>
      <c r="L648" s="1"/>
      <c r="M648" s="1"/>
      <c r="N648" s="1"/>
      <c r="O648" s="1"/>
      <c r="P648" s="1"/>
      <c r="Q648" s="1"/>
      <c r="R648" s="1"/>
      <c r="S648" s="1"/>
      <c r="T648" s="1"/>
      <c r="U648" s="1"/>
      <c r="V648" s="1"/>
      <c r="W648" s="1"/>
      <c r="X648" s="1"/>
      <c r="Y648" s="1"/>
      <c r="Z648" s="1"/>
      <c r="AA648" s="1"/>
      <c r="AB648" s="1"/>
      <c r="AC648" s="1"/>
      <c r="AD648" s="1"/>
      <c r="AE648" s="1"/>
      <c r="AF648" s="1"/>
      <c r="AG648" s="1"/>
      <c r="AH648" s="1"/>
      <c r="AI648" s="1"/>
      <c r="AJ648" s="1"/>
      <c r="AK648" s="1"/>
    </row>
    <row r="649" spans="2:37" x14ac:dyDescent="0.2">
      <c r="B649" s="1"/>
      <c r="C649" s="1"/>
      <c r="D649" s="1"/>
      <c r="E649" s="1"/>
      <c r="F649" s="1"/>
      <c r="G649" s="1"/>
      <c r="H649" s="1"/>
      <c r="I649" s="1"/>
      <c r="J649" s="1"/>
      <c r="K649" s="1"/>
      <c r="L649" s="1"/>
      <c r="M649" s="1"/>
      <c r="N649" s="1"/>
      <c r="O649" s="1"/>
      <c r="P649" s="1"/>
      <c r="Q649" s="1"/>
      <c r="R649" s="1"/>
      <c r="S649" s="1"/>
      <c r="T649" s="1"/>
      <c r="U649" s="1"/>
      <c r="V649" s="1"/>
      <c r="W649" s="1"/>
      <c r="X649" s="1"/>
      <c r="Y649" s="1"/>
      <c r="Z649" s="1"/>
      <c r="AA649" s="1"/>
      <c r="AB649" s="1"/>
      <c r="AC649" s="1"/>
      <c r="AD649" s="1"/>
      <c r="AE649" s="1"/>
      <c r="AF649" s="1"/>
      <c r="AG649" s="1"/>
      <c r="AH649" s="1"/>
      <c r="AI649" s="1"/>
      <c r="AJ649" s="1"/>
      <c r="AK649" s="1"/>
    </row>
    <row r="650" spans="2:37" x14ac:dyDescent="0.2">
      <c r="B650" s="1"/>
      <c r="C650" s="1"/>
      <c r="D650" s="1"/>
      <c r="E650" s="1"/>
      <c r="F650" s="1"/>
      <c r="G650" s="1"/>
      <c r="H650" s="1"/>
      <c r="I650" s="1"/>
      <c r="J650" s="1"/>
      <c r="K650" s="1"/>
      <c r="L650" s="1"/>
      <c r="M650" s="1"/>
      <c r="N650" s="1"/>
      <c r="O650" s="1"/>
      <c r="P650" s="1"/>
      <c r="Q650" s="1"/>
      <c r="R650" s="1"/>
      <c r="S650" s="1"/>
      <c r="T650" s="1"/>
      <c r="U650" s="1"/>
      <c r="V650" s="1"/>
      <c r="W650" s="1"/>
      <c r="X650" s="1"/>
      <c r="Y650" s="1"/>
      <c r="Z650" s="1"/>
      <c r="AA650" s="1"/>
      <c r="AB650" s="1"/>
      <c r="AC650" s="1"/>
      <c r="AD650" s="1"/>
      <c r="AE650" s="1"/>
      <c r="AF650" s="1"/>
      <c r="AG650" s="1"/>
      <c r="AH650" s="1"/>
      <c r="AI650" s="1"/>
      <c r="AJ650" s="1"/>
      <c r="AK650" s="1"/>
    </row>
    <row r="651" spans="2:37" x14ac:dyDescent="0.2">
      <c r="B651" s="1"/>
      <c r="C651" s="1"/>
      <c r="D651" s="1"/>
      <c r="E651" s="1"/>
      <c r="F651" s="1"/>
      <c r="G651" s="1"/>
      <c r="H651" s="1"/>
      <c r="I651" s="1"/>
      <c r="J651" s="1"/>
      <c r="K651" s="1"/>
      <c r="L651" s="1"/>
      <c r="M651" s="1"/>
      <c r="N651" s="1"/>
      <c r="O651" s="1"/>
      <c r="P651" s="1"/>
      <c r="Q651" s="1"/>
      <c r="R651" s="1"/>
      <c r="S651" s="1"/>
      <c r="T651" s="1"/>
      <c r="U651" s="1"/>
      <c r="V651" s="1"/>
      <c r="W651" s="1"/>
      <c r="X651" s="1"/>
      <c r="Y651" s="1"/>
      <c r="Z651" s="1"/>
      <c r="AA651" s="1"/>
      <c r="AB651" s="1"/>
      <c r="AC651" s="1"/>
      <c r="AD651" s="1"/>
      <c r="AE651" s="1"/>
      <c r="AF651" s="1"/>
      <c r="AG651" s="1"/>
      <c r="AH651" s="1"/>
      <c r="AI651" s="1"/>
      <c r="AJ651" s="1"/>
      <c r="AK651" s="1"/>
    </row>
    <row r="652" spans="2:37" x14ac:dyDescent="0.2">
      <c r="B652" s="1"/>
      <c r="C652" s="1"/>
      <c r="D652" s="1"/>
      <c r="E652" s="1"/>
      <c r="F652" s="1"/>
      <c r="G652" s="1"/>
      <c r="H652" s="1"/>
      <c r="I652" s="1"/>
      <c r="J652" s="1"/>
      <c r="K652" s="1"/>
      <c r="L652" s="1"/>
      <c r="M652" s="1"/>
      <c r="N652" s="1"/>
      <c r="O652" s="1"/>
      <c r="P652" s="1"/>
      <c r="Q652" s="1"/>
      <c r="R652" s="1"/>
      <c r="S652" s="1"/>
      <c r="T652" s="1"/>
      <c r="U652" s="1"/>
      <c r="V652" s="1"/>
      <c r="W652" s="1"/>
      <c r="X652" s="1"/>
      <c r="Y652" s="1"/>
      <c r="Z652" s="1"/>
      <c r="AA652" s="1"/>
      <c r="AB652" s="1"/>
      <c r="AC652" s="1"/>
      <c r="AD652" s="1"/>
      <c r="AE652" s="1"/>
      <c r="AF652" s="1"/>
      <c r="AG652" s="1"/>
      <c r="AH652" s="1"/>
      <c r="AI652" s="1"/>
      <c r="AJ652" s="1"/>
      <c r="AK652" s="1"/>
    </row>
    <row r="653" spans="2:37" x14ac:dyDescent="0.2">
      <c r="B653" s="1"/>
      <c r="C653" s="1"/>
      <c r="D653" s="1"/>
      <c r="E653" s="1"/>
      <c r="F653" s="1"/>
      <c r="G653" s="1"/>
      <c r="H653" s="1"/>
      <c r="I653" s="1"/>
      <c r="J653" s="1"/>
      <c r="K653" s="1"/>
      <c r="L653" s="1"/>
      <c r="M653" s="1"/>
      <c r="N653" s="1"/>
      <c r="O653" s="1"/>
      <c r="P653" s="1"/>
      <c r="Q653" s="1"/>
      <c r="R653" s="1"/>
      <c r="S653" s="1"/>
      <c r="T653" s="1"/>
      <c r="U653" s="1"/>
      <c r="V653" s="1"/>
      <c r="W653" s="1"/>
      <c r="X653" s="1"/>
      <c r="Y653" s="1"/>
      <c r="Z653" s="1"/>
      <c r="AA653" s="1"/>
      <c r="AB653" s="1"/>
      <c r="AC653" s="1"/>
      <c r="AD653" s="1"/>
      <c r="AE653" s="1"/>
      <c r="AF653" s="1"/>
      <c r="AG653" s="1"/>
      <c r="AH653" s="1"/>
      <c r="AI653" s="1"/>
      <c r="AJ653" s="1"/>
      <c r="AK653" s="1"/>
    </row>
    <row r="654" spans="2:37" x14ac:dyDescent="0.2">
      <c r="B654" s="1"/>
      <c r="C654" s="1"/>
      <c r="D654" s="1"/>
      <c r="E654" s="1"/>
      <c r="F654" s="1"/>
      <c r="G654" s="1"/>
      <c r="H654" s="1"/>
      <c r="I654" s="1"/>
      <c r="J654" s="1"/>
      <c r="K654" s="1"/>
      <c r="L654" s="1"/>
      <c r="M654" s="1"/>
      <c r="N654" s="1"/>
      <c r="O654" s="1"/>
      <c r="P654" s="1"/>
      <c r="Q654" s="1"/>
      <c r="R654" s="1"/>
      <c r="S654" s="1"/>
      <c r="T654" s="1"/>
      <c r="U654" s="1"/>
      <c r="V654" s="1"/>
      <c r="W654" s="1"/>
      <c r="X654" s="1"/>
      <c r="Y654" s="1"/>
      <c r="Z654" s="1"/>
      <c r="AA654" s="1"/>
      <c r="AB654" s="1"/>
      <c r="AC654" s="1"/>
      <c r="AD654" s="1"/>
      <c r="AE654" s="1"/>
      <c r="AF654" s="1"/>
      <c r="AG654" s="1"/>
      <c r="AH654" s="1"/>
      <c r="AI654" s="1"/>
      <c r="AJ654" s="1"/>
      <c r="AK654" s="1"/>
    </row>
    <row r="655" spans="2:37" x14ac:dyDescent="0.2">
      <c r="B655" s="1"/>
      <c r="C655" s="1"/>
      <c r="D655" s="1"/>
      <c r="E655" s="1"/>
      <c r="F655" s="1"/>
      <c r="G655" s="1"/>
      <c r="H655" s="1"/>
      <c r="I655" s="1"/>
      <c r="J655" s="1"/>
      <c r="K655" s="1"/>
      <c r="L655" s="1"/>
      <c r="M655" s="1"/>
      <c r="N655" s="1"/>
      <c r="O655" s="1"/>
      <c r="P655" s="1"/>
      <c r="Q655" s="1"/>
      <c r="R655" s="1"/>
      <c r="S655" s="1"/>
      <c r="T655" s="1"/>
      <c r="U655" s="1"/>
      <c r="V655" s="1"/>
      <c r="W655" s="1"/>
      <c r="X655" s="1"/>
      <c r="Y655" s="1"/>
      <c r="Z655" s="1"/>
      <c r="AA655" s="1"/>
      <c r="AB655" s="1"/>
      <c r="AC655" s="1"/>
      <c r="AD655" s="1"/>
      <c r="AE655" s="1"/>
      <c r="AF655" s="1"/>
      <c r="AG655" s="1"/>
      <c r="AH655" s="1"/>
      <c r="AI655" s="1"/>
      <c r="AJ655" s="1"/>
      <c r="AK655" s="1"/>
    </row>
    <row r="656" spans="2:37" x14ac:dyDescent="0.2">
      <c r="B656" s="1"/>
      <c r="C656" s="1"/>
      <c r="D656" s="1"/>
      <c r="E656" s="1"/>
      <c r="F656" s="1"/>
      <c r="G656" s="1"/>
      <c r="H656" s="1"/>
      <c r="I656" s="1"/>
      <c r="J656" s="1"/>
      <c r="K656" s="1"/>
      <c r="L656" s="1"/>
      <c r="M656" s="1"/>
      <c r="N656" s="1"/>
      <c r="O656" s="1"/>
      <c r="P656" s="1"/>
      <c r="Q656" s="1"/>
      <c r="R656" s="1"/>
      <c r="S656" s="1"/>
      <c r="T656" s="1"/>
      <c r="U656" s="1"/>
      <c r="V656" s="1"/>
      <c r="W656" s="1"/>
      <c r="X656" s="1"/>
      <c r="Y656" s="1"/>
      <c r="Z656" s="1"/>
      <c r="AA656" s="1"/>
      <c r="AB656" s="1"/>
      <c r="AC656" s="1"/>
      <c r="AD656" s="1"/>
      <c r="AE656" s="1"/>
      <c r="AF656" s="1"/>
      <c r="AG656" s="1"/>
      <c r="AH656" s="1"/>
      <c r="AI656" s="1"/>
      <c r="AJ656" s="1"/>
      <c r="AK656" s="1"/>
    </row>
    <row r="657" spans="2:37" x14ac:dyDescent="0.2">
      <c r="B657" s="1"/>
      <c r="C657" s="1"/>
      <c r="D657" s="1"/>
      <c r="E657" s="1"/>
      <c r="F657" s="1"/>
      <c r="G657" s="1"/>
      <c r="H657" s="1"/>
      <c r="I657" s="1"/>
      <c r="J657" s="1"/>
      <c r="K657" s="1"/>
      <c r="L657" s="1"/>
      <c r="M657" s="1"/>
      <c r="N657" s="1"/>
      <c r="O657" s="1"/>
      <c r="P657" s="1"/>
      <c r="Q657" s="1"/>
      <c r="R657" s="1"/>
      <c r="S657" s="1"/>
      <c r="T657" s="1"/>
      <c r="U657" s="1"/>
      <c r="V657" s="1"/>
      <c r="W657" s="1"/>
      <c r="X657" s="1"/>
      <c r="Y657" s="1"/>
      <c r="Z657" s="1"/>
      <c r="AA657" s="1"/>
      <c r="AB657" s="1"/>
      <c r="AC657" s="1"/>
      <c r="AD657" s="1"/>
      <c r="AE657" s="1"/>
      <c r="AF657" s="1"/>
      <c r="AG657" s="1"/>
      <c r="AH657" s="1"/>
      <c r="AI657" s="1"/>
      <c r="AJ657" s="1"/>
      <c r="AK657" s="1"/>
    </row>
    <row r="658" spans="2:37" x14ac:dyDescent="0.2">
      <c r="B658" s="1"/>
      <c r="C658" s="1"/>
      <c r="D658" s="1"/>
      <c r="E658" s="1"/>
      <c r="F658" s="1"/>
      <c r="G658" s="1"/>
      <c r="H658" s="1"/>
      <c r="I658" s="1"/>
      <c r="J658" s="1"/>
      <c r="K658" s="1"/>
      <c r="L658" s="1"/>
      <c r="M658" s="1"/>
      <c r="N658" s="1"/>
      <c r="O658" s="1"/>
      <c r="P658" s="1"/>
      <c r="Q658" s="1"/>
      <c r="R658" s="1"/>
      <c r="S658" s="1"/>
      <c r="T658" s="1"/>
      <c r="U658" s="1"/>
      <c r="V658" s="1"/>
      <c r="W658" s="1"/>
      <c r="X658" s="1"/>
      <c r="Y658" s="1"/>
      <c r="Z658" s="1"/>
      <c r="AA658" s="1"/>
      <c r="AB658" s="1"/>
      <c r="AC658" s="1"/>
      <c r="AD658" s="1"/>
      <c r="AE658" s="1"/>
      <c r="AF658" s="1"/>
      <c r="AG658" s="1"/>
      <c r="AH658" s="1"/>
      <c r="AI658" s="1"/>
      <c r="AJ658" s="1"/>
      <c r="AK658" s="1"/>
    </row>
    <row r="659" spans="2:37" x14ac:dyDescent="0.2">
      <c r="B659" s="1"/>
      <c r="C659" s="1"/>
      <c r="D659" s="1"/>
      <c r="E659" s="1"/>
      <c r="F659" s="1"/>
      <c r="G659" s="1"/>
      <c r="H659" s="1"/>
      <c r="I659" s="1"/>
      <c r="J659" s="1"/>
      <c r="K659" s="1"/>
      <c r="L659" s="1"/>
      <c r="M659" s="1"/>
      <c r="N659" s="1"/>
      <c r="O659" s="1"/>
      <c r="P659" s="1"/>
      <c r="Q659" s="1"/>
      <c r="R659" s="1"/>
      <c r="S659" s="1"/>
      <c r="T659" s="1"/>
      <c r="U659" s="1"/>
      <c r="V659" s="1"/>
      <c r="W659" s="1"/>
      <c r="X659" s="1"/>
      <c r="Y659" s="1"/>
      <c r="Z659" s="1"/>
      <c r="AA659" s="1"/>
      <c r="AB659" s="1"/>
      <c r="AC659" s="1"/>
      <c r="AD659" s="1"/>
      <c r="AE659" s="1"/>
      <c r="AF659" s="1"/>
      <c r="AG659" s="1"/>
      <c r="AH659" s="1"/>
      <c r="AI659" s="1"/>
      <c r="AJ659" s="1"/>
      <c r="AK659" s="1"/>
    </row>
    <row r="660" spans="2:37" x14ac:dyDescent="0.2">
      <c r="B660" s="1"/>
      <c r="C660" s="1"/>
      <c r="D660" s="1"/>
      <c r="E660" s="1"/>
      <c r="F660" s="1"/>
      <c r="G660" s="1"/>
      <c r="H660" s="1"/>
      <c r="I660" s="1"/>
      <c r="J660" s="1"/>
      <c r="K660" s="1"/>
      <c r="L660" s="1"/>
      <c r="M660" s="1"/>
      <c r="N660" s="1"/>
      <c r="O660" s="1"/>
      <c r="P660" s="1"/>
      <c r="Q660" s="1"/>
      <c r="R660" s="1"/>
      <c r="S660" s="1"/>
      <c r="T660" s="1"/>
      <c r="U660" s="1"/>
      <c r="V660" s="1"/>
      <c r="W660" s="1"/>
      <c r="X660" s="1"/>
      <c r="Y660" s="1"/>
      <c r="Z660" s="1"/>
      <c r="AA660" s="1"/>
      <c r="AB660" s="1"/>
      <c r="AC660" s="1"/>
      <c r="AD660" s="1"/>
      <c r="AE660" s="1"/>
      <c r="AF660" s="1"/>
      <c r="AG660" s="1"/>
      <c r="AH660" s="1"/>
      <c r="AI660" s="1"/>
      <c r="AJ660" s="1"/>
      <c r="AK660" s="1"/>
    </row>
    <row r="661" spans="2:37" x14ac:dyDescent="0.2">
      <c r="B661" s="1"/>
      <c r="C661" s="1"/>
      <c r="D661" s="1"/>
      <c r="E661" s="1"/>
      <c r="F661" s="1"/>
      <c r="G661" s="1"/>
      <c r="H661" s="1"/>
      <c r="I661" s="1"/>
      <c r="J661" s="1"/>
      <c r="K661" s="1"/>
      <c r="L661" s="1"/>
      <c r="M661" s="1"/>
      <c r="N661" s="1"/>
      <c r="O661" s="1"/>
      <c r="P661" s="1"/>
      <c r="Q661" s="1"/>
      <c r="R661" s="1"/>
      <c r="S661" s="1"/>
      <c r="T661" s="1"/>
      <c r="U661" s="1"/>
      <c r="V661" s="1"/>
      <c r="W661" s="1"/>
      <c r="X661" s="1"/>
      <c r="Y661" s="1"/>
      <c r="Z661" s="1"/>
      <c r="AA661" s="1"/>
      <c r="AB661" s="1"/>
      <c r="AC661" s="1"/>
      <c r="AD661" s="1"/>
      <c r="AE661" s="1"/>
      <c r="AF661" s="1"/>
      <c r="AG661" s="1"/>
      <c r="AH661" s="1"/>
      <c r="AI661" s="1"/>
      <c r="AJ661" s="1"/>
      <c r="AK661" s="1"/>
    </row>
    <row r="662" spans="2:37" x14ac:dyDescent="0.2">
      <c r="B662" s="1"/>
      <c r="C662" s="1"/>
      <c r="D662" s="1"/>
      <c r="E662" s="1"/>
      <c r="F662" s="1"/>
      <c r="G662" s="1"/>
      <c r="H662" s="1"/>
      <c r="I662" s="1"/>
      <c r="J662" s="1"/>
      <c r="K662" s="1"/>
      <c r="L662" s="1"/>
      <c r="M662" s="1"/>
      <c r="N662" s="1"/>
      <c r="O662" s="1"/>
      <c r="P662" s="1"/>
      <c r="Q662" s="1"/>
      <c r="R662" s="1"/>
      <c r="S662" s="1"/>
      <c r="T662" s="1"/>
      <c r="U662" s="1"/>
      <c r="V662" s="1"/>
      <c r="W662" s="1"/>
      <c r="X662" s="1"/>
      <c r="Y662" s="1"/>
      <c r="Z662" s="1"/>
      <c r="AA662" s="1"/>
      <c r="AB662" s="1"/>
      <c r="AC662" s="1"/>
      <c r="AD662" s="1"/>
      <c r="AE662" s="1"/>
      <c r="AF662" s="1"/>
      <c r="AG662" s="1"/>
      <c r="AH662" s="1"/>
      <c r="AI662" s="1"/>
      <c r="AJ662" s="1"/>
      <c r="AK662" s="1"/>
    </row>
    <row r="663" spans="2:37" x14ac:dyDescent="0.2">
      <c r="B663" s="1"/>
      <c r="C663" s="1"/>
      <c r="D663" s="1"/>
      <c r="E663" s="1"/>
      <c r="F663" s="1"/>
      <c r="G663" s="1"/>
      <c r="H663" s="1"/>
      <c r="I663" s="1"/>
      <c r="J663" s="1"/>
      <c r="K663" s="1"/>
      <c r="L663" s="1"/>
      <c r="M663" s="1"/>
      <c r="N663" s="1"/>
      <c r="O663" s="1"/>
      <c r="P663" s="1"/>
      <c r="Q663" s="1"/>
      <c r="R663" s="1"/>
      <c r="S663" s="1"/>
      <c r="T663" s="1"/>
      <c r="U663" s="1"/>
      <c r="V663" s="1"/>
      <c r="W663" s="1"/>
      <c r="X663" s="1"/>
      <c r="Y663" s="1"/>
      <c r="Z663" s="1"/>
      <c r="AA663" s="1"/>
      <c r="AB663" s="1"/>
      <c r="AC663" s="1"/>
      <c r="AD663" s="1"/>
      <c r="AE663" s="1"/>
      <c r="AF663" s="1"/>
      <c r="AG663" s="1"/>
      <c r="AH663" s="1"/>
      <c r="AI663" s="1"/>
      <c r="AJ663" s="1"/>
      <c r="AK663" s="1"/>
    </row>
    <row r="664" spans="2:37" x14ac:dyDescent="0.2">
      <c r="B664" s="1"/>
      <c r="C664" s="1"/>
      <c r="D664" s="1"/>
      <c r="E664" s="1"/>
      <c r="F664" s="1"/>
      <c r="G664" s="1"/>
      <c r="H664" s="1"/>
      <c r="I664" s="1"/>
      <c r="J664" s="1"/>
      <c r="K664" s="1"/>
      <c r="L664" s="1"/>
      <c r="M664" s="1"/>
      <c r="N664" s="1"/>
      <c r="O664" s="1"/>
      <c r="P664" s="1"/>
      <c r="Q664" s="1"/>
      <c r="R664" s="1"/>
      <c r="S664" s="1"/>
      <c r="T664" s="1"/>
      <c r="U664" s="1"/>
      <c r="V664" s="1"/>
      <c r="W664" s="1"/>
      <c r="X664" s="1"/>
      <c r="Y664" s="1"/>
      <c r="Z664" s="1"/>
      <c r="AA664" s="1"/>
      <c r="AB664" s="1"/>
      <c r="AC664" s="1"/>
      <c r="AD664" s="1"/>
      <c r="AE664" s="1"/>
      <c r="AF664" s="1"/>
      <c r="AG664" s="1"/>
      <c r="AH664" s="1"/>
      <c r="AI664" s="1"/>
      <c r="AJ664" s="1"/>
      <c r="AK664" s="1"/>
    </row>
    <row r="665" spans="2:37" x14ac:dyDescent="0.2">
      <c r="B665" s="1"/>
      <c r="C665" s="1"/>
      <c r="D665" s="1"/>
      <c r="E665" s="1"/>
      <c r="F665" s="1"/>
      <c r="G665" s="1"/>
      <c r="H665" s="1"/>
      <c r="I665" s="1"/>
      <c r="J665" s="1"/>
      <c r="K665" s="1"/>
      <c r="L665" s="1"/>
      <c r="M665" s="1"/>
      <c r="N665" s="1"/>
      <c r="O665" s="1"/>
      <c r="P665" s="1"/>
      <c r="Q665" s="1"/>
      <c r="R665" s="1"/>
      <c r="S665" s="1"/>
      <c r="T665" s="1"/>
      <c r="U665" s="1"/>
      <c r="V665" s="1"/>
      <c r="W665" s="1"/>
      <c r="X665" s="1"/>
      <c r="Y665" s="1"/>
      <c r="Z665" s="1"/>
      <c r="AA665" s="1"/>
      <c r="AB665" s="1"/>
      <c r="AC665" s="1"/>
      <c r="AD665" s="1"/>
      <c r="AE665" s="1"/>
      <c r="AF665" s="1"/>
      <c r="AG665" s="1"/>
      <c r="AH665" s="1"/>
      <c r="AI665" s="1"/>
      <c r="AJ665" s="1"/>
      <c r="AK665" s="1"/>
    </row>
    <row r="666" spans="2:37" x14ac:dyDescent="0.2">
      <c r="B666" s="1"/>
      <c r="C666" s="1"/>
      <c r="D666" s="1"/>
      <c r="E666" s="1"/>
      <c r="F666" s="1"/>
      <c r="G666" s="1"/>
      <c r="H666" s="1"/>
      <c r="I666" s="1"/>
      <c r="J666" s="1"/>
      <c r="K666" s="1"/>
      <c r="L666" s="1"/>
      <c r="M666" s="1"/>
      <c r="N666" s="1"/>
      <c r="O666" s="1"/>
      <c r="P666" s="1"/>
      <c r="Q666" s="1"/>
      <c r="R666" s="1"/>
      <c r="S666" s="1"/>
      <c r="T666" s="1"/>
      <c r="U666" s="1"/>
      <c r="V666" s="1"/>
      <c r="W666" s="1"/>
      <c r="X666" s="1"/>
      <c r="Y666" s="1"/>
      <c r="Z666" s="1"/>
      <c r="AA666" s="1"/>
      <c r="AB666" s="1"/>
      <c r="AC666" s="1"/>
      <c r="AD666" s="1"/>
      <c r="AE666" s="1"/>
      <c r="AF666" s="1"/>
      <c r="AG666" s="1"/>
      <c r="AH666" s="1"/>
      <c r="AI666" s="1"/>
      <c r="AJ666" s="1"/>
      <c r="AK666" s="1"/>
    </row>
    <row r="667" spans="2:37" x14ac:dyDescent="0.2">
      <c r="B667" s="1"/>
      <c r="C667" s="1"/>
      <c r="D667" s="1"/>
      <c r="E667" s="1"/>
      <c r="F667" s="1"/>
      <c r="G667" s="1"/>
      <c r="H667" s="1"/>
      <c r="I667" s="1"/>
      <c r="J667" s="1"/>
      <c r="K667" s="1"/>
      <c r="L667" s="1"/>
      <c r="M667" s="1"/>
      <c r="N667" s="1"/>
      <c r="O667" s="1"/>
      <c r="P667" s="1"/>
      <c r="Q667" s="1"/>
      <c r="R667" s="1"/>
      <c r="S667" s="1"/>
      <c r="T667" s="1"/>
      <c r="U667" s="1"/>
      <c r="V667" s="1"/>
      <c r="W667" s="1"/>
      <c r="X667" s="1"/>
      <c r="Y667" s="1"/>
      <c r="Z667" s="1"/>
      <c r="AA667" s="1"/>
      <c r="AB667" s="1"/>
      <c r="AC667" s="1"/>
      <c r="AD667" s="1"/>
      <c r="AE667" s="1"/>
      <c r="AF667" s="1"/>
      <c r="AG667" s="1"/>
      <c r="AH667" s="1"/>
      <c r="AI667" s="1"/>
      <c r="AJ667" s="1"/>
      <c r="AK667" s="1"/>
    </row>
    <row r="668" spans="2:37" x14ac:dyDescent="0.2">
      <c r="B668" s="1"/>
      <c r="C668" s="1"/>
      <c r="D668" s="1"/>
      <c r="E668" s="1"/>
      <c r="F668" s="1"/>
      <c r="G668" s="1"/>
      <c r="H668" s="1"/>
      <c r="I668" s="1"/>
      <c r="J668" s="1"/>
      <c r="K668" s="1"/>
      <c r="L668" s="1"/>
      <c r="M668" s="1"/>
      <c r="N668" s="1"/>
      <c r="O668" s="1"/>
      <c r="P668" s="1"/>
      <c r="Q668" s="1"/>
      <c r="R668" s="1"/>
      <c r="S668" s="1"/>
      <c r="T668" s="1"/>
      <c r="U668" s="1"/>
      <c r="V668" s="1"/>
      <c r="W668" s="1"/>
      <c r="X668" s="1"/>
      <c r="Y668" s="1"/>
      <c r="Z668" s="1"/>
      <c r="AA668" s="1"/>
      <c r="AB668" s="1"/>
      <c r="AC668" s="1"/>
      <c r="AD668" s="1"/>
      <c r="AE668" s="1"/>
      <c r="AF668" s="1"/>
      <c r="AG668" s="1"/>
      <c r="AH668" s="1"/>
      <c r="AI668" s="1"/>
      <c r="AJ668" s="1"/>
      <c r="AK668" s="1"/>
    </row>
    <row r="669" spans="2:37" x14ac:dyDescent="0.2">
      <c r="B669" s="1"/>
      <c r="C669" s="1"/>
      <c r="D669" s="1"/>
      <c r="E669" s="1"/>
      <c r="F669" s="1"/>
      <c r="G669" s="1"/>
      <c r="H669" s="1"/>
      <c r="I669" s="1"/>
      <c r="J669" s="1"/>
      <c r="K669" s="1"/>
      <c r="L669" s="1"/>
      <c r="M669" s="1"/>
      <c r="N669" s="1"/>
      <c r="O669" s="1"/>
      <c r="P669" s="1"/>
      <c r="Q669" s="1"/>
      <c r="R669" s="1"/>
      <c r="S669" s="1"/>
      <c r="T669" s="1"/>
      <c r="U669" s="1"/>
      <c r="V669" s="1"/>
      <c r="W669" s="1"/>
      <c r="X669" s="1"/>
      <c r="Y669" s="1"/>
      <c r="Z669" s="1"/>
      <c r="AA669" s="1"/>
      <c r="AB669" s="1"/>
      <c r="AC669" s="1"/>
      <c r="AD669" s="1"/>
      <c r="AE669" s="1"/>
      <c r="AF669" s="1"/>
      <c r="AG669" s="1"/>
      <c r="AH669" s="1"/>
      <c r="AI669" s="1"/>
      <c r="AJ669" s="1"/>
      <c r="AK669" s="1"/>
    </row>
    <row r="670" spans="2:37" x14ac:dyDescent="0.2">
      <c r="B670" s="1"/>
      <c r="C670" s="1"/>
      <c r="D670" s="1"/>
      <c r="E670" s="1"/>
      <c r="F670" s="1"/>
      <c r="G670" s="1"/>
      <c r="H670" s="1"/>
      <c r="I670" s="1"/>
      <c r="J670" s="1"/>
      <c r="K670" s="1"/>
      <c r="L670" s="1"/>
      <c r="M670" s="1"/>
      <c r="N670" s="1"/>
      <c r="O670" s="1"/>
      <c r="P670" s="1"/>
      <c r="Q670" s="1"/>
      <c r="R670" s="1"/>
      <c r="S670" s="1"/>
      <c r="T670" s="1"/>
      <c r="U670" s="1"/>
      <c r="V670" s="1"/>
      <c r="W670" s="1"/>
      <c r="X670" s="1"/>
      <c r="Y670" s="1"/>
      <c r="Z670" s="1"/>
      <c r="AA670" s="1"/>
      <c r="AB670" s="1"/>
      <c r="AC670" s="1"/>
      <c r="AD670" s="1"/>
      <c r="AE670" s="1"/>
      <c r="AF670" s="1"/>
      <c r="AG670" s="1"/>
      <c r="AH670" s="1"/>
      <c r="AI670" s="1"/>
      <c r="AJ670" s="1"/>
      <c r="AK670" s="1"/>
    </row>
    <row r="671" spans="2:37" x14ac:dyDescent="0.2">
      <c r="B671" s="1"/>
      <c r="C671" s="1"/>
      <c r="D671" s="1"/>
      <c r="E671" s="1"/>
      <c r="F671" s="1"/>
      <c r="G671" s="1"/>
      <c r="H671" s="1"/>
      <c r="I671" s="1"/>
      <c r="J671" s="1"/>
      <c r="K671" s="1"/>
      <c r="L671" s="1"/>
      <c r="M671" s="1"/>
      <c r="N671" s="1"/>
      <c r="O671" s="1"/>
      <c r="P671" s="1"/>
      <c r="Q671" s="1"/>
      <c r="R671" s="1"/>
      <c r="S671" s="1"/>
      <c r="T671" s="1"/>
      <c r="U671" s="1"/>
      <c r="V671" s="1"/>
      <c r="W671" s="1"/>
      <c r="X671" s="1"/>
      <c r="Y671" s="1"/>
      <c r="Z671" s="1"/>
      <c r="AA671" s="1"/>
      <c r="AB671" s="1"/>
      <c r="AC671" s="1"/>
      <c r="AD671" s="1"/>
      <c r="AE671" s="1"/>
      <c r="AF671" s="1"/>
      <c r="AG671" s="1"/>
      <c r="AH671" s="1"/>
      <c r="AI671" s="1"/>
      <c r="AJ671" s="1"/>
      <c r="AK671" s="1"/>
    </row>
    <row r="672" spans="2:37" x14ac:dyDescent="0.2">
      <c r="B672" s="1"/>
      <c r="C672" s="1"/>
      <c r="D672" s="1"/>
      <c r="E672" s="1"/>
      <c r="F672" s="1"/>
      <c r="G672" s="1"/>
      <c r="H672" s="1"/>
      <c r="I672" s="1"/>
      <c r="J672" s="1"/>
      <c r="K672" s="1"/>
      <c r="L672" s="1"/>
      <c r="M672" s="1"/>
      <c r="N672" s="1"/>
      <c r="O672" s="1"/>
      <c r="P672" s="1"/>
      <c r="Q672" s="1"/>
      <c r="R672" s="1"/>
      <c r="S672" s="1"/>
      <c r="T672" s="1"/>
      <c r="U672" s="1"/>
      <c r="V672" s="1"/>
      <c r="W672" s="1"/>
      <c r="X672" s="1"/>
      <c r="Y672" s="1"/>
      <c r="Z672" s="1"/>
      <c r="AA672" s="1"/>
      <c r="AB672" s="1"/>
      <c r="AC672" s="1"/>
      <c r="AD672" s="1"/>
      <c r="AE672" s="1"/>
      <c r="AF672" s="1"/>
      <c r="AG672" s="1"/>
      <c r="AH672" s="1"/>
      <c r="AI672" s="1"/>
      <c r="AJ672" s="1"/>
      <c r="AK672" s="1"/>
    </row>
    <row r="673" spans="2:37" x14ac:dyDescent="0.2">
      <c r="B673" s="1"/>
      <c r="C673" s="1"/>
      <c r="D673" s="1"/>
      <c r="E673" s="1"/>
      <c r="F673" s="1"/>
      <c r="G673" s="1"/>
      <c r="H673" s="1"/>
      <c r="I673" s="1"/>
      <c r="J673" s="1"/>
      <c r="K673" s="1"/>
      <c r="L673" s="1"/>
      <c r="M673" s="1"/>
      <c r="N673" s="1"/>
      <c r="O673" s="1"/>
      <c r="P673" s="1"/>
      <c r="Q673" s="1"/>
      <c r="R673" s="1"/>
      <c r="S673" s="1"/>
      <c r="T673" s="1"/>
      <c r="U673" s="1"/>
      <c r="V673" s="1"/>
      <c r="W673" s="1"/>
      <c r="X673" s="1"/>
      <c r="Y673" s="1"/>
      <c r="Z673" s="1"/>
      <c r="AA673" s="1"/>
      <c r="AB673" s="1"/>
      <c r="AC673" s="1"/>
      <c r="AD673" s="1"/>
      <c r="AE673" s="1"/>
      <c r="AF673" s="1"/>
      <c r="AG673" s="1"/>
      <c r="AH673" s="1"/>
      <c r="AI673" s="1"/>
      <c r="AJ673" s="1"/>
      <c r="AK673" s="1"/>
    </row>
    <row r="674" spans="2:37" x14ac:dyDescent="0.2">
      <c r="B674" s="1"/>
      <c r="C674" s="1"/>
      <c r="D674" s="1"/>
      <c r="E674" s="1"/>
      <c r="F674" s="1"/>
      <c r="G674" s="1"/>
      <c r="H674" s="1"/>
      <c r="I674" s="1"/>
      <c r="J674" s="1"/>
      <c r="K674" s="1"/>
      <c r="L674" s="1"/>
      <c r="M674" s="1"/>
      <c r="N674" s="1"/>
      <c r="O674" s="1"/>
      <c r="P674" s="1"/>
      <c r="Q674" s="1"/>
      <c r="R674" s="1"/>
      <c r="S674" s="1"/>
      <c r="T674" s="1"/>
      <c r="U674" s="1"/>
      <c r="V674" s="1"/>
      <c r="W674" s="1"/>
      <c r="X674" s="1"/>
      <c r="Y674" s="1"/>
      <c r="Z674" s="1"/>
      <c r="AA674" s="1"/>
      <c r="AB674" s="1"/>
      <c r="AC674" s="1"/>
      <c r="AD674" s="1"/>
      <c r="AE674" s="1"/>
      <c r="AF674" s="1"/>
      <c r="AG674" s="1"/>
      <c r="AH674" s="1"/>
      <c r="AI674" s="1"/>
      <c r="AJ674" s="1"/>
      <c r="AK674" s="1"/>
    </row>
    <row r="675" spans="2:37" x14ac:dyDescent="0.2">
      <c r="B675" s="1"/>
      <c r="C675" s="1"/>
      <c r="D675" s="1"/>
      <c r="E675" s="1"/>
      <c r="F675" s="1"/>
      <c r="G675" s="1"/>
      <c r="H675" s="1"/>
      <c r="I675" s="1"/>
      <c r="J675" s="1"/>
      <c r="K675" s="1"/>
      <c r="L675" s="1"/>
      <c r="M675" s="1"/>
      <c r="N675" s="1"/>
      <c r="O675" s="1"/>
      <c r="P675" s="1"/>
      <c r="Q675" s="1"/>
      <c r="R675" s="1"/>
      <c r="S675" s="1"/>
      <c r="T675" s="1"/>
      <c r="U675" s="1"/>
      <c r="V675" s="1"/>
      <c r="W675" s="1"/>
      <c r="X675" s="1"/>
      <c r="Y675" s="1"/>
      <c r="Z675" s="1"/>
      <c r="AA675" s="1"/>
      <c r="AB675" s="1"/>
      <c r="AC675" s="1"/>
      <c r="AD675" s="1"/>
      <c r="AE675" s="1"/>
      <c r="AF675" s="1"/>
      <c r="AG675" s="1"/>
      <c r="AH675" s="1"/>
      <c r="AI675" s="1"/>
      <c r="AJ675" s="1"/>
      <c r="AK675" s="1"/>
    </row>
    <row r="676" spans="2:37" x14ac:dyDescent="0.2">
      <c r="B676" s="1"/>
      <c r="C676" s="1"/>
      <c r="D676" s="1"/>
      <c r="E676" s="1"/>
      <c r="F676" s="1"/>
      <c r="G676" s="1"/>
      <c r="H676" s="1"/>
      <c r="I676" s="1"/>
      <c r="J676" s="1"/>
      <c r="K676" s="1"/>
      <c r="L676" s="1"/>
      <c r="M676" s="1"/>
      <c r="N676" s="1"/>
      <c r="O676" s="1"/>
      <c r="P676" s="1"/>
      <c r="Q676" s="1"/>
      <c r="R676" s="1"/>
      <c r="S676" s="1"/>
      <c r="T676" s="1"/>
      <c r="U676" s="1"/>
      <c r="V676" s="1"/>
      <c r="W676" s="1"/>
      <c r="X676" s="1"/>
      <c r="Y676" s="1"/>
      <c r="Z676" s="1"/>
      <c r="AA676" s="1"/>
      <c r="AB676" s="1"/>
      <c r="AC676" s="1"/>
      <c r="AD676" s="1"/>
      <c r="AE676" s="1"/>
      <c r="AF676" s="1"/>
      <c r="AG676" s="1"/>
      <c r="AH676" s="1"/>
      <c r="AI676" s="1"/>
      <c r="AJ676" s="1"/>
      <c r="AK676" s="1"/>
    </row>
    <row r="677" spans="2:37" x14ac:dyDescent="0.2">
      <c r="B677" s="1"/>
      <c r="C677" s="1"/>
      <c r="D677" s="1"/>
      <c r="E677" s="1"/>
      <c r="F677" s="1"/>
      <c r="G677" s="1"/>
      <c r="H677" s="1"/>
      <c r="I677" s="1"/>
      <c r="J677" s="1"/>
      <c r="K677" s="1"/>
      <c r="L677" s="1"/>
      <c r="M677" s="1"/>
      <c r="N677" s="1"/>
      <c r="O677" s="1"/>
      <c r="P677" s="1"/>
      <c r="Q677" s="1"/>
      <c r="R677" s="1"/>
      <c r="S677" s="1"/>
      <c r="T677" s="1"/>
      <c r="U677" s="1"/>
      <c r="V677" s="1"/>
      <c r="W677" s="1"/>
      <c r="X677" s="1"/>
      <c r="Y677" s="1"/>
      <c r="Z677" s="1"/>
      <c r="AA677" s="1"/>
      <c r="AB677" s="1"/>
      <c r="AC677" s="1"/>
      <c r="AD677" s="1"/>
      <c r="AE677" s="1"/>
      <c r="AF677" s="1"/>
      <c r="AG677" s="1"/>
      <c r="AH677" s="1"/>
      <c r="AI677" s="1"/>
      <c r="AJ677" s="1"/>
      <c r="AK677" s="1"/>
    </row>
    <row r="678" spans="2:37" x14ac:dyDescent="0.2">
      <c r="B678" s="1"/>
      <c r="C678" s="1"/>
      <c r="D678" s="1"/>
      <c r="E678" s="1"/>
      <c r="F678" s="1"/>
      <c r="G678" s="1"/>
      <c r="H678" s="1"/>
      <c r="I678" s="1"/>
      <c r="J678" s="1"/>
      <c r="K678" s="1"/>
      <c r="L678" s="1"/>
      <c r="M678" s="1"/>
      <c r="N678" s="1"/>
      <c r="O678" s="1"/>
      <c r="P678" s="1"/>
      <c r="Q678" s="1"/>
      <c r="R678" s="1"/>
      <c r="S678" s="1"/>
      <c r="T678" s="1"/>
      <c r="U678" s="1"/>
      <c r="V678" s="1"/>
      <c r="W678" s="1"/>
      <c r="X678" s="1"/>
      <c r="Y678" s="1"/>
      <c r="Z678" s="1"/>
      <c r="AA678" s="1"/>
      <c r="AB678" s="1"/>
      <c r="AC678" s="1"/>
      <c r="AD678" s="1"/>
      <c r="AE678" s="1"/>
      <c r="AF678" s="1"/>
      <c r="AG678" s="1"/>
      <c r="AH678" s="1"/>
      <c r="AI678" s="1"/>
      <c r="AJ678" s="1"/>
      <c r="AK678" s="1"/>
    </row>
    <row r="679" spans="2:37" x14ac:dyDescent="0.2">
      <c r="B679" s="1"/>
      <c r="C679" s="1"/>
      <c r="D679" s="1"/>
      <c r="E679" s="1"/>
      <c r="F679" s="1"/>
      <c r="G679" s="1"/>
      <c r="H679" s="1"/>
      <c r="I679" s="1"/>
      <c r="J679" s="1"/>
      <c r="K679" s="1"/>
      <c r="L679" s="1"/>
      <c r="M679" s="1"/>
      <c r="N679" s="1"/>
      <c r="O679" s="1"/>
      <c r="P679" s="1"/>
      <c r="Q679" s="1"/>
      <c r="R679" s="1"/>
      <c r="S679" s="1"/>
      <c r="T679" s="1"/>
      <c r="U679" s="1"/>
      <c r="V679" s="1"/>
      <c r="W679" s="1"/>
      <c r="X679" s="1"/>
      <c r="Y679" s="1"/>
      <c r="Z679" s="1"/>
      <c r="AA679" s="1"/>
      <c r="AB679" s="1"/>
      <c r="AC679" s="1"/>
      <c r="AD679" s="1"/>
      <c r="AE679" s="1"/>
      <c r="AF679" s="1"/>
      <c r="AG679" s="1"/>
      <c r="AH679" s="1"/>
      <c r="AI679" s="1"/>
      <c r="AJ679" s="1"/>
      <c r="AK679" s="1"/>
    </row>
    <row r="680" spans="2:37" x14ac:dyDescent="0.2">
      <c r="B680" s="1"/>
      <c r="C680" s="1"/>
      <c r="D680" s="1"/>
      <c r="E680" s="1"/>
      <c r="F680" s="1"/>
      <c r="G680" s="1"/>
      <c r="H680" s="1"/>
      <c r="I680" s="1"/>
      <c r="J680" s="1"/>
      <c r="K680" s="1"/>
      <c r="L680" s="1"/>
      <c r="M680" s="1"/>
      <c r="N680" s="1"/>
      <c r="O680" s="1"/>
      <c r="P680" s="1"/>
      <c r="Q680" s="1"/>
      <c r="R680" s="1"/>
      <c r="S680" s="1"/>
      <c r="T680" s="1"/>
      <c r="U680" s="1"/>
      <c r="V680" s="1"/>
      <c r="W680" s="1"/>
      <c r="X680" s="1"/>
      <c r="Y680" s="1"/>
      <c r="Z680" s="1"/>
      <c r="AA680" s="1"/>
      <c r="AB680" s="1"/>
      <c r="AC680" s="1"/>
      <c r="AD680" s="1"/>
      <c r="AE680" s="1"/>
      <c r="AF680" s="1"/>
      <c r="AG680" s="1"/>
      <c r="AH680" s="1"/>
      <c r="AI680" s="1"/>
      <c r="AJ680" s="1"/>
      <c r="AK680" s="1"/>
    </row>
    <row r="681" spans="2:37" x14ac:dyDescent="0.2">
      <c r="B681" s="1"/>
      <c r="C681" s="1"/>
      <c r="D681" s="1"/>
      <c r="E681" s="1"/>
      <c r="F681" s="1"/>
      <c r="G681" s="1"/>
      <c r="H681" s="1"/>
      <c r="I681" s="1"/>
      <c r="J681" s="1"/>
      <c r="K681" s="1"/>
      <c r="L681" s="1"/>
      <c r="M681" s="1"/>
      <c r="N681" s="1"/>
      <c r="O681" s="1"/>
      <c r="P681" s="1"/>
      <c r="Q681" s="1"/>
      <c r="R681" s="1"/>
      <c r="S681" s="1"/>
      <c r="T681" s="1"/>
      <c r="U681" s="1"/>
      <c r="V681" s="1"/>
      <c r="W681" s="1"/>
      <c r="X681" s="1"/>
      <c r="Y681" s="1"/>
      <c r="Z681" s="1"/>
      <c r="AA681" s="1"/>
      <c r="AB681" s="1"/>
      <c r="AC681" s="1"/>
      <c r="AD681" s="1"/>
      <c r="AE681" s="1"/>
      <c r="AF681" s="1"/>
      <c r="AG681" s="1"/>
      <c r="AH681" s="1"/>
      <c r="AI681" s="1"/>
      <c r="AJ681" s="1"/>
      <c r="AK681" s="1"/>
    </row>
    <row r="682" spans="2:37" x14ac:dyDescent="0.2">
      <c r="B682" s="1"/>
      <c r="C682" s="1"/>
      <c r="D682" s="1"/>
      <c r="E682" s="1"/>
      <c r="F682" s="1"/>
      <c r="G682" s="1"/>
      <c r="H682" s="1"/>
      <c r="I682" s="1"/>
      <c r="J682" s="1"/>
      <c r="K682" s="1"/>
      <c r="L682" s="1"/>
      <c r="M682" s="1"/>
      <c r="N682" s="1"/>
      <c r="O682" s="1"/>
      <c r="P682" s="1"/>
      <c r="Q682" s="1"/>
      <c r="R682" s="1"/>
      <c r="S682" s="1"/>
      <c r="T682" s="1"/>
      <c r="U682" s="1"/>
      <c r="V682" s="1"/>
      <c r="W682" s="1"/>
      <c r="X682" s="1"/>
      <c r="Y682" s="1"/>
      <c r="Z682" s="1"/>
      <c r="AA682" s="1"/>
      <c r="AB682" s="1"/>
      <c r="AC682" s="1"/>
      <c r="AD682" s="1"/>
      <c r="AE682" s="1"/>
      <c r="AF682" s="1"/>
      <c r="AG682" s="1"/>
      <c r="AH682" s="1"/>
      <c r="AI682" s="1"/>
      <c r="AJ682" s="1"/>
      <c r="AK682" s="1"/>
    </row>
    <row r="683" spans="2:37" x14ac:dyDescent="0.2">
      <c r="B683" s="1"/>
      <c r="C683" s="1"/>
      <c r="D683" s="1"/>
      <c r="E683" s="1"/>
      <c r="F683" s="1"/>
      <c r="G683" s="1"/>
      <c r="H683" s="1"/>
      <c r="I683" s="1"/>
      <c r="J683" s="1"/>
      <c r="K683" s="1"/>
      <c r="L683" s="1"/>
      <c r="M683" s="1"/>
      <c r="N683" s="1"/>
      <c r="O683" s="1"/>
      <c r="P683" s="1"/>
      <c r="Q683" s="1"/>
      <c r="R683" s="1"/>
      <c r="S683" s="1"/>
      <c r="T683" s="1"/>
      <c r="U683" s="1"/>
      <c r="V683" s="1"/>
      <c r="W683" s="1"/>
      <c r="X683" s="1"/>
      <c r="Y683" s="1"/>
      <c r="Z683" s="1"/>
      <c r="AA683" s="1"/>
      <c r="AB683" s="1"/>
      <c r="AC683" s="1"/>
      <c r="AD683" s="1"/>
      <c r="AE683" s="1"/>
      <c r="AF683" s="1"/>
      <c r="AG683" s="1"/>
      <c r="AH683" s="1"/>
      <c r="AI683" s="1"/>
      <c r="AJ683" s="1"/>
      <c r="AK683" s="1"/>
    </row>
    <row r="684" spans="2:37" x14ac:dyDescent="0.2">
      <c r="B684" s="1"/>
      <c r="C684" s="1"/>
      <c r="D684" s="1"/>
      <c r="E684" s="1"/>
      <c r="F684" s="1"/>
      <c r="G684" s="1"/>
      <c r="H684" s="1"/>
      <c r="I684" s="1"/>
      <c r="J684" s="1"/>
      <c r="K684" s="1"/>
      <c r="L684" s="1"/>
      <c r="M684" s="1"/>
      <c r="N684" s="1"/>
      <c r="O684" s="1"/>
      <c r="P684" s="1"/>
      <c r="Q684" s="1"/>
      <c r="R684" s="1"/>
      <c r="S684" s="1"/>
      <c r="T684" s="1"/>
      <c r="U684" s="1"/>
      <c r="V684" s="1"/>
      <c r="W684" s="1"/>
      <c r="X684" s="1"/>
      <c r="Y684" s="1"/>
      <c r="Z684" s="1"/>
      <c r="AA684" s="1"/>
      <c r="AB684" s="1"/>
      <c r="AC684" s="1"/>
      <c r="AD684" s="1"/>
      <c r="AE684" s="1"/>
      <c r="AF684" s="1"/>
      <c r="AG684" s="1"/>
      <c r="AH684" s="1"/>
      <c r="AI684" s="1"/>
      <c r="AJ684" s="1"/>
      <c r="AK684" s="1"/>
    </row>
    <row r="685" spans="2:37" x14ac:dyDescent="0.2">
      <c r="B685" s="1"/>
      <c r="C685" s="1"/>
      <c r="D685" s="1"/>
      <c r="E685" s="1"/>
      <c r="F685" s="1"/>
      <c r="G685" s="1"/>
      <c r="H685" s="1"/>
      <c r="I685" s="1"/>
      <c r="J685" s="1"/>
      <c r="K685" s="1"/>
      <c r="L685" s="1"/>
      <c r="M685" s="1"/>
      <c r="N685" s="1"/>
      <c r="O685" s="1"/>
      <c r="P685" s="1"/>
      <c r="Q685" s="1"/>
      <c r="R685" s="1"/>
      <c r="S685" s="1"/>
      <c r="T685" s="1"/>
      <c r="U685" s="1"/>
      <c r="V685" s="1"/>
      <c r="W685" s="1"/>
      <c r="X685" s="1"/>
      <c r="Y685" s="1"/>
      <c r="Z685" s="1"/>
      <c r="AA685" s="1"/>
      <c r="AB685" s="1"/>
      <c r="AC685" s="1"/>
      <c r="AD685" s="1"/>
      <c r="AE685" s="1"/>
      <c r="AF685" s="1"/>
      <c r="AG685" s="1"/>
      <c r="AH685" s="1"/>
      <c r="AI685" s="1"/>
      <c r="AJ685" s="1"/>
      <c r="AK685" s="1"/>
    </row>
    <row r="686" spans="2:37" x14ac:dyDescent="0.2">
      <c r="B686" s="1"/>
      <c r="C686" s="1"/>
      <c r="D686" s="1"/>
      <c r="E686" s="1"/>
      <c r="F686" s="1"/>
      <c r="G686" s="1"/>
      <c r="H686" s="1"/>
      <c r="I686" s="1"/>
      <c r="J686" s="1"/>
      <c r="K686" s="1"/>
      <c r="L686" s="1"/>
      <c r="M686" s="1"/>
      <c r="N686" s="1"/>
      <c r="O686" s="1"/>
      <c r="P686" s="1"/>
      <c r="Q686" s="1"/>
      <c r="R686" s="1"/>
      <c r="S686" s="1"/>
      <c r="T686" s="1"/>
      <c r="U686" s="1"/>
      <c r="V686" s="1"/>
      <c r="W686" s="1"/>
      <c r="X686" s="1"/>
      <c r="Y686" s="1"/>
      <c r="Z686" s="1"/>
      <c r="AA686" s="1"/>
      <c r="AB686" s="1"/>
      <c r="AC686" s="1"/>
      <c r="AD686" s="1"/>
      <c r="AE686" s="1"/>
      <c r="AF686" s="1"/>
      <c r="AG686" s="1"/>
      <c r="AH686" s="1"/>
      <c r="AI686" s="1"/>
      <c r="AJ686" s="1"/>
      <c r="AK686" s="1"/>
    </row>
    <row r="687" spans="2:37" x14ac:dyDescent="0.2">
      <c r="B687" s="1"/>
      <c r="C687" s="1"/>
      <c r="D687" s="1"/>
      <c r="E687" s="1"/>
      <c r="F687" s="1"/>
      <c r="G687" s="1"/>
      <c r="H687" s="1"/>
      <c r="I687" s="1"/>
      <c r="J687" s="1"/>
      <c r="K687" s="1"/>
      <c r="L687" s="1"/>
      <c r="M687" s="1"/>
      <c r="N687" s="1"/>
      <c r="O687" s="1"/>
      <c r="P687" s="1"/>
      <c r="Q687" s="1"/>
      <c r="R687" s="1"/>
      <c r="S687" s="1"/>
      <c r="T687" s="1"/>
      <c r="U687" s="1"/>
      <c r="V687" s="1"/>
      <c r="W687" s="1"/>
      <c r="X687" s="1"/>
      <c r="Y687" s="1"/>
      <c r="Z687" s="1"/>
      <c r="AA687" s="1"/>
      <c r="AB687" s="1"/>
      <c r="AC687" s="1"/>
      <c r="AD687" s="1"/>
      <c r="AE687" s="1"/>
      <c r="AF687" s="1"/>
      <c r="AG687" s="1"/>
      <c r="AH687" s="1"/>
      <c r="AI687" s="1"/>
      <c r="AJ687" s="1"/>
      <c r="AK687" s="1"/>
    </row>
    <row r="688" spans="2:37" x14ac:dyDescent="0.2">
      <c r="B688" s="1"/>
      <c r="C688" s="1"/>
      <c r="D688" s="1"/>
      <c r="E688" s="1"/>
      <c r="F688" s="1"/>
      <c r="G688" s="1"/>
      <c r="H688" s="1"/>
      <c r="I688" s="1"/>
      <c r="J688" s="1"/>
      <c r="K688" s="1"/>
      <c r="L688" s="1"/>
      <c r="M688" s="1"/>
      <c r="N688" s="1"/>
      <c r="O688" s="1"/>
      <c r="P688" s="1"/>
      <c r="Q688" s="1"/>
      <c r="R688" s="1"/>
      <c r="S688" s="1"/>
      <c r="T688" s="1"/>
      <c r="U688" s="1"/>
      <c r="V688" s="1"/>
      <c r="W688" s="1"/>
      <c r="X688" s="1"/>
      <c r="Y688" s="1"/>
      <c r="Z688" s="1"/>
      <c r="AA688" s="1"/>
      <c r="AB688" s="1"/>
      <c r="AC688" s="1"/>
      <c r="AD688" s="1"/>
      <c r="AE688" s="1"/>
      <c r="AF688" s="1"/>
      <c r="AG688" s="1"/>
      <c r="AH688" s="1"/>
      <c r="AI688" s="1"/>
      <c r="AJ688" s="1"/>
      <c r="AK688" s="1"/>
    </row>
    <row r="689" spans="2:37" x14ac:dyDescent="0.2">
      <c r="B689" s="1"/>
      <c r="C689" s="1"/>
      <c r="D689" s="1"/>
      <c r="E689" s="1"/>
      <c r="F689" s="1"/>
      <c r="G689" s="1"/>
      <c r="H689" s="1"/>
      <c r="I689" s="1"/>
      <c r="J689" s="1"/>
      <c r="K689" s="1"/>
      <c r="L689" s="1"/>
      <c r="M689" s="1"/>
      <c r="N689" s="1"/>
      <c r="O689" s="1"/>
      <c r="P689" s="1"/>
      <c r="Q689" s="1"/>
      <c r="R689" s="1"/>
      <c r="S689" s="1"/>
      <c r="T689" s="1"/>
      <c r="U689" s="1"/>
      <c r="V689" s="1"/>
      <c r="W689" s="1"/>
      <c r="X689" s="1"/>
      <c r="Y689" s="1"/>
      <c r="Z689" s="1"/>
      <c r="AA689" s="1"/>
      <c r="AB689" s="1"/>
      <c r="AC689" s="1"/>
      <c r="AD689" s="1"/>
      <c r="AE689" s="1"/>
      <c r="AF689" s="1"/>
      <c r="AG689" s="1"/>
      <c r="AH689" s="1"/>
      <c r="AI689" s="1"/>
      <c r="AJ689" s="1"/>
      <c r="AK689" s="1"/>
    </row>
    <row r="690" spans="2:37" x14ac:dyDescent="0.2">
      <c r="B690" s="1"/>
      <c r="C690" s="1"/>
      <c r="D690" s="1"/>
      <c r="E690" s="1"/>
      <c r="F690" s="1"/>
      <c r="G690" s="1"/>
      <c r="H690" s="1"/>
      <c r="I690" s="1"/>
      <c r="J690" s="1"/>
      <c r="K690" s="1"/>
      <c r="L690" s="1"/>
      <c r="M690" s="1"/>
      <c r="N690" s="1"/>
      <c r="O690" s="1"/>
      <c r="P690" s="1"/>
      <c r="Q690" s="1"/>
      <c r="R690" s="1"/>
      <c r="S690" s="1"/>
      <c r="T690" s="1"/>
      <c r="U690" s="1"/>
      <c r="V690" s="1"/>
      <c r="W690" s="1"/>
      <c r="X690" s="1"/>
      <c r="Y690" s="1"/>
      <c r="Z690" s="1"/>
      <c r="AA690" s="1"/>
      <c r="AB690" s="1"/>
      <c r="AC690" s="1"/>
      <c r="AD690" s="1"/>
      <c r="AE690" s="1"/>
      <c r="AF690" s="1"/>
      <c r="AG690" s="1"/>
      <c r="AH690" s="1"/>
      <c r="AI690" s="1"/>
      <c r="AJ690" s="1"/>
      <c r="AK690" s="1"/>
    </row>
    <row r="691" spans="2:37" x14ac:dyDescent="0.2">
      <c r="B691" s="1"/>
      <c r="C691" s="1"/>
      <c r="D691" s="1"/>
      <c r="E691" s="1"/>
      <c r="F691" s="1"/>
      <c r="G691" s="1"/>
      <c r="H691" s="1"/>
      <c r="I691" s="1"/>
      <c r="J691" s="1"/>
      <c r="K691" s="1"/>
      <c r="L691" s="1"/>
      <c r="M691" s="1"/>
      <c r="N691" s="1"/>
      <c r="O691" s="1"/>
      <c r="P691" s="1"/>
      <c r="Q691" s="1"/>
      <c r="R691" s="1"/>
      <c r="S691" s="1"/>
      <c r="T691" s="1"/>
      <c r="U691" s="1"/>
      <c r="V691" s="1"/>
      <c r="W691" s="1"/>
      <c r="X691" s="1"/>
      <c r="Y691" s="1"/>
      <c r="Z691" s="1"/>
      <c r="AA691" s="1"/>
      <c r="AB691" s="1"/>
      <c r="AC691" s="1"/>
      <c r="AD691" s="1"/>
      <c r="AE691" s="1"/>
      <c r="AF691" s="1"/>
      <c r="AG691" s="1"/>
      <c r="AH691" s="1"/>
      <c r="AI691" s="1"/>
      <c r="AJ691" s="1"/>
      <c r="AK691" s="1"/>
    </row>
    <row r="692" spans="2:37" x14ac:dyDescent="0.2">
      <c r="B692" s="1"/>
      <c r="C692" s="1"/>
      <c r="D692" s="1"/>
      <c r="E692" s="1"/>
      <c r="F692" s="1"/>
      <c r="G692" s="1"/>
      <c r="H692" s="1"/>
      <c r="I692" s="1"/>
      <c r="J692" s="1"/>
      <c r="K692" s="1"/>
      <c r="L692" s="1"/>
      <c r="M692" s="1"/>
      <c r="N692" s="1"/>
      <c r="O692" s="1"/>
      <c r="P692" s="1"/>
      <c r="Q692" s="1"/>
      <c r="R692" s="1"/>
      <c r="S692" s="1"/>
      <c r="T692" s="1"/>
      <c r="U692" s="1"/>
      <c r="V692" s="1"/>
      <c r="W692" s="1"/>
      <c r="X692" s="1"/>
      <c r="Y692" s="1"/>
      <c r="Z692" s="1"/>
      <c r="AA692" s="1"/>
      <c r="AB692" s="1"/>
      <c r="AC692" s="1"/>
      <c r="AD692" s="1"/>
      <c r="AE692" s="1"/>
      <c r="AF692" s="1"/>
      <c r="AG692" s="1"/>
      <c r="AH692" s="1"/>
      <c r="AI692" s="1"/>
      <c r="AJ692" s="1"/>
      <c r="AK692" s="1"/>
    </row>
    <row r="693" spans="2:37" x14ac:dyDescent="0.2">
      <c r="B693" s="1"/>
      <c r="C693" s="1"/>
      <c r="D693" s="1"/>
      <c r="E693" s="1"/>
      <c r="F693" s="1"/>
      <c r="G693" s="1"/>
      <c r="H693" s="1"/>
      <c r="I693" s="1"/>
      <c r="J693" s="1"/>
      <c r="K693" s="1"/>
      <c r="L693" s="1"/>
      <c r="M693" s="1"/>
      <c r="N693" s="1"/>
      <c r="O693" s="1"/>
      <c r="P693" s="1"/>
      <c r="Q693" s="1"/>
      <c r="R693" s="1"/>
      <c r="S693" s="1"/>
      <c r="T693" s="1"/>
      <c r="U693" s="1"/>
      <c r="V693" s="1"/>
      <c r="W693" s="1"/>
      <c r="X693" s="1"/>
      <c r="Y693" s="1"/>
      <c r="Z693" s="1"/>
      <c r="AA693" s="1"/>
      <c r="AB693" s="1"/>
      <c r="AC693" s="1"/>
      <c r="AD693" s="1"/>
      <c r="AE693" s="1"/>
      <c r="AF693" s="1"/>
      <c r="AG693" s="1"/>
      <c r="AH693" s="1"/>
      <c r="AI693" s="1"/>
      <c r="AJ693" s="1"/>
      <c r="AK693" s="1"/>
    </row>
    <row r="694" spans="2:37" x14ac:dyDescent="0.2">
      <c r="B694" s="1"/>
      <c r="C694" s="1"/>
      <c r="D694" s="1"/>
      <c r="E694" s="1"/>
      <c r="F694" s="1"/>
      <c r="G694" s="1"/>
      <c r="H694" s="1"/>
      <c r="I694" s="1"/>
      <c r="J694" s="1"/>
      <c r="K694" s="1"/>
      <c r="L694" s="1"/>
      <c r="M694" s="1"/>
      <c r="N694" s="1"/>
      <c r="O694" s="1"/>
      <c r="P694" s="1"/>
      <c r="Q694" s="1"/>
      <c r="R694" s="1"/>
      <c r="S694" s="1"/>
      <c r="T694" s="1"/>
      <c r="U694" s="1"/>
      <c r="V694" s="1"/>
      <c r="W694" s="1"/>
      <c r="X694" s="1"/>
      <c r="Y694" s="1"/>
      <c r="Z694" s="1"/>
      <c r="AA694" s="1"/>
      <c r="AB694" s="1"/>
      <c r="AC694" s="1"/>
      <c r="AD694" s="1"/>
      <c r="AE694" s="1"/>
      <c r="AF694" s="1"/>
      <c r="AG694" s="1"/>
      <c r="AH694" s="1"/>
      <c r="AI694" s="1"/>
      <c r="AJ694" s="1"/>
      <c r="AK694" s="1"/>
    </row>
    <row r="695" spans="2:37" x14ac:dyDescent="0.2">
      <c r="B695" s="1"/>
      <c r="C695" s="1"/>
      <c r="D695" s="1"/>
      <c r="E695" s="1"/>
      <c r="F695" s="1"/>
      <c r="G695" s="1"/>
      <c r="H695" s="1"/>
      <c r="I695" s="1"/>
      <c r="J695" s="1"/>
      <c r="K695" s="1"/>
      <c r="L695" s="1"/>
      <c r="M695" s="1"/>
      <c r="N695" s="1"/>
      <c r="O695" s="1"/>
      <c r="P695" s="1"/>
      <c r="Q695" s="1"/>
      <c r="R695" s="1"/>
      <c r="S695" s="1"/>
      <c r="T695" s="1"/>
      <c r="U695" s="1"/>
      <c r="V695" s="1"/>
      <c r="W695" s="1"/>
      <c r="X695" s="1"/>
      <c r="Y695" s="1"/>
      <c r="Z695" s="1"/>
      <c r="AA695" s="1"/>
      <c r="AB695" s="1"/>
      <c r="AC695" s="1"/>
      <c r="AD695" s="1"/>
      <c r="AE695" s="1"/>
      <c r="AF695" s="1"/>
      <c r="AG695" s="1"/>
      <c r="AH695" s="1"/>
      <c r="AI695" s="1"/>
      <c r="AJ695" s="1"/>
      <c r="AK695" s="1"/>
    </row>
    <row r="696" spans="2:37" x14ac:dyDescent="0.2">
      <c r="B696" s="1"/>
      <c r="C696" s="1"/>
      <c r="D696" s="1"/>
      <c r="E696" s="1"/>
      <c r="F696" s="1"/>
      <c r="G696" s="1"/>
      <c r="H696" s="1"/>
      <c r="I696" s="1"/>
      <c r="J696" s="1"/>
      <c r="K696" s="1"/>
      <c r="L696" s="1"/>
      <c r="M696" s="1"/>
      <c r="N696" s="1"/>
      <c r="O696" s="1"/>
      <c r="P696" s="1"/>
      <c r="Q696" s="1"/>
      <c r="R696" s="1"/>
      <c r="S696" s="1"/>
      <c r="T696" s="1"/>
      <c r="U696" s="1"/>
      <c r="V696" s="1"/>
      <c r="W696" s="1"/>
      <c r="X696" s="1"/>
      <c r="Y696" s="1"/>
      <c r="Z696" s="1"/>
      <c r="AA696" s="1"/>
      <c r="AB696" s="1"/>
      <c r="AC696" s="1"/>
      <c r="AD696" s="1"/>
      <c r="AE696" s="1"/>
      <c r="AF696" s="1"/>
      <c r="AG696" s="1"/>
      <c r="AH696" s="1"/>
      <c r="AI696" s="1"/>
      <c r="AJ696" s="1"/>
      <c r="AK696" s="1"/>
    </row>
    <row r="697" spans="2:37" x14ac:dyDescent="0.2">
      <c r="B697" s="1"/>
      <c r="C697" s="1"/>
      <c r="D697" s="1"/>
      <c r="E697" s="1"/>
      <c r="F697" s="1"/>
      <c r="G697" s="1"/>
      <c r="H697" s="1"/>
      <c r="I697" s="1"/>
      <c r="J697" s="1"/>
      <c r="K697" s="1"/>
      <c r="L697" s="1"/>
      <c r="M697" s="1"/>
      <c r="N697" s="1"/>
      <c r="O697" s="1"/>
      <c r="P697" s="1"/>
      <c r="Q697" s="1"/>
      <c r="R697" s="1"/>
      <c r="S697" s="1"/>
      <c r="T697" s="1"/>
      <c r="U697" s="1"/>
      <c r="V697" s="1"/>
      <c r="W697" s="1"/>
      <c r="X697" s="1"/>
      <c r="Y697" s="1"/>
      <c r="Z697" s="1"/>
      <c r="AA697" s="1"/>
      <c r="AB697" s="1"/>
      <c r="AC697" s="1"/>
      <c r="AD697" s="1"/>
      <c r="AE697" s="1"/>
      <c r="AF697" s="1"/>
      <c r="AG697" s="1"/>
      <c r="AH697" s="1"/>
      <c r="AI697" s="1"/>
      <c r="AJ697" s="1"/>
      <c r="AK697" s="1"/>
    </row>
    <row r="698" spans="2:37" x14ac:dyDescent="0.2">
      <c r="B698" s="1"/>
      <c r="C698" s="1"/>
      <c r="D698" s="1"/>
      <c r="E698" s="1"/>
      <c r="F698" s="1"/>
      <c r="G698" s="1"/>
      <c r="H698" s="1"/>
      <c r="I698" s="1"/>
      <c r="J698" s="1"/>
      <c r="K698" s="1"/>
      <c r="L698" s="1"/>
      <c r="M698" s="1"/>
      <c r="N698" s="1"/>
      <c r="O698" s="1"/>
      <c r="P698" s="1"/>
      <c r="Q698" s="1"/>
      <c r="R698" s="1"/>
      <c r="S698" s="1"/>
      <c r="T698" s="1"/>
      <c r="U698" s="1"/>
      <c r="V698" s="1"/>
      <c r="W698" s="1"/>
      <c r="X698" s="1"/>
      <c r="Y698" s="1"/>
      <c r="Z698" s="1"/>
      <c r="AA698" s="1"/>
      <c r="AB698" s="1"/>
      <c r="AC698" s="1"/>
      <c r="AD698" s="1"/>
      <c r="AE698" s="1"/>
      <c r="AF698" s="1"/>
      <c r="AG698" s="1"/>
      <c r="AH698" s="1"/>
      <c r="AI698" s="1"/>
      <c r="AJ698" s="1"/>
      <c r="AK698" s="1"/>
    </row>
    <row r="699" spans="2:37" x14ac:dyDescent="0.2">
      <c r="B699" s="1"/>
      <c r="C699" s="1"/>
      <c r="D699" s="1"/>
      <c r="E699" s="1"/>
      <c r="F699" s="1"/>
      <c r="G699" s="1"/>
      <c r="H699" s="1"/>
      <c r="I699" s="1"/>
      <c r="J699" s="1"/>
      <c r="K699" s="1"/>
      <c r="L699" s="1"/>
      <c r="M699" s="1"/>
      <c r="N699" s="1"/>
      <c r="O699" s="1"/>
      <c r="P699" s="1"/>
      <c r="Q699" s="1"/>
      <c r="R699" s="1"/>
      <c r="S699" s="1"/>
      <c r="T699" s="1"/>
      <c r="U699" s="1"/>
      <c r="V699" s="1"/>
      <c r="W699" s="1"/>
      <c r="X699" s="1"/>
      <c r="Y699" s="1"/>
      <c r="Z699" s="1"/>
      <c r="AA699" s="1"/>
      <c r="AB699" s="1"/>
      <c r="AC699" s="1"/>
      <c r="AD699" s="1"/>
      <c r="AE699" s="1"/>
      <c r="AF699" s="1"/>
      <c r="AG699" s="1"/>
      <c r="AH699" s="1"/>
      <c r="AI699" s="1"/>
      <c r="AJ699" s="1"/>
      <c r="AK699" s="1"/>
    </row>
    <row r="700" spans="2:37" x14ac:dyDescent="0.2">
      <c r="B700" s="1"/>
      <c r="C700" s="1"/>
      <c r="D700" s="1"/>
      <c r="E700" s="1"/>
      <c r="F700" s="1"/>
      <c r="G700" s="1"/>
      <c r="H700" s="1"/>
      <c r="I700" s="1"/>
      <c r="J700" s="1"/>
      <c r="K700" s="1"/>
      <c r="L700" s="1"/>
      <c r="M700" s="1"/>
      <c r="N700" s="1"/>
      <c r="O700" s="1"/>
      <c r="P700" s="1"/>
      <c r="Q700" s="1"/>
      <c r="R700" s="1"/>
      <c r="S700" s="1"/>
      <c r="T700" s="1"/>
      <c r="U700" s="1"/>
      <c r="V700" s="1"/>
      <c r="W700" s="1"/>
      <c r="X700" s="1"/>
      <c r="Y700" s="1"/>
      <c r="Z700" s="1"/>
      <c r="AA700" s="1"/>
      <c r="AB700" s="1"/>
      <c r="AC700" s="1"/>
      <c r="AD700" s="1"/>
      <c r="AE700" s="1"/>
      <c r="AF700" s="1"/>
      <c r="AG700" s="1"/>
      <c r="AH700" s="1"/>
      <c r="AI700" s="1"/>
      <c r="AJ700" s="1"/>
      <c r="AK700" s="1"/>
    </row>
    <row r="701" spans="2:37" x14ac:dyDescent="0.2">
      <c r="B701" s="1"/>
      <c r="C701" s="1"/>
      <c r="D701" s="1"/>
      <c r="E701" s="1"/>
      <c r="F701" s="1"/>
      <c r="G701" s="1"/>
      <c r="H701" s="1"/>
      <c r="I701" s="1"/>
      <c r="J701" s="1"/>
      <c r="K701" s="1"/>
      <c r="L701" s="1"/>
      <c r="M701" s="1"/>
      <c r="N701" s="1"/>
      <c r="O701" s="1"/>
      <c r="P701" s="1"/>
      <c r="Q701" s="1"/>
      <c r="R701" s="1"/>
      <c r="S701" s="1"/>
      <c r="T701" s="1"/>
      <c r="U701" s="1"/>
      <c r="V701" s="1"/>
      <c r="W701" s="1"/>
      <c r="X701" s="1"/>
      <c r="Y701" s="1"/>
      <c r="Z701" s="1"/>
      <c r="AA701" s="1"/>
      <c r="AB701" s="1"/>
      <c r="AC701" s="1"/>
      <c r="AD701" s="1"/>
      <c r="AE701" s="1"/>
      <c r="AF701" s="1"/>
      <c r="AG701" s="1"/>
      <c r="AH701" s="1"/>
      <c r="AI701" s="1"/>
      <c r="AJ701" s="1"/>
      <c r="AK701" s="1"/>
    </row>
    <row r="702" spans="2:37" x14ac:dyDescent="0.2">
      <c r="B702" s="1"/>
      <c r="C702" s="1"/>
      <c r="D702" s="1"/>
      <c r="E702" s="1"/>
      <c r="F702" s="1"/>
      <c r="G702" s="1"/>
      <c r="H702" s="1"/>
      <c r="I702" s="1"/>
      <c r="J702" s="1"/>
      <c r="K702" s="1"/>
      <c r="L702" s="1"/>
      <c r="M702" s="1"/>
      <c r="N702" s="1"/>
      <c r="O702" s="1"/>
      <c r="P702" s="1"/>
      <c r="Q702" s="1"/>
      <c r="R702" s="1"/>
      <c r="S702" s="1"/>
      <c r="T702" s="1"/>
      <c r="U702" s="1"/>
      <c r="V702" s="1"/>
      <c r="W702" s="1"/>
      <c r="X702" s="1"/>
      <c r="Y702" s="1"/>
      <c r="Z702" s="1"/>
      <c r="AA702" s="1"/>
      <c r="AB702" s="1"/>
      <c r="AC702" s="1"/>
      <c r="AD702" s="1"/>
      <c r="AE702" s="1"/>
      <c r="AF702" s="1"/>
      <c r="AG702" s="1"/>
      <c r="AH702" s="1"/>
      <c r="AI702" s="1"/>
      <c r="AJ702" s="1"/>
      <c r="AK702" s="1"/>
    </row>
    <row r="703" spans="2:37" x14ac:dyDescent="0.2">
      <c r="B703" s="1"/>
      <c r="C703" s="1"/>
      <c r="D703" s="1"/>
      <c r="E703" s="1"/>
      <c r="F703" s="1"/>
      <c r="G703" s="1"/>
      <c r="H703" s="1"/>
      <c r="I703" s="1"/>
      <c r="J703" s="1"/>
      <c r="K703" s="1"/>
      <c r="L703" s="1"/>
      <c r="M703" s="1"/>
      <c r="N703" s="1"/>
      <c r="O703" s="1"/>
      <c r="P703" s="1"/>
      <c r="Q703" s="1"/>
      <c r="R703" s="1"/>
      <c r="S703" s="1"/>
      <c r="T703" s="1"/>
      <c r="U703" s="1"/>
      <c r="V703" s="1"/>
      <c r="W703" s="1"/>
      <c r="X703" s="1"/>
      <c r="Y703" s="1"/>
      <c r="Z703" s="1"/>
      <c r="AA703" s="1"/>
      <c r="AB703" s="1"/>
      <c r="AC703" s="1"/>
      <c r="AD703" s="1"/>
      <c r="AE703" s="1"/>
      <c r="AF703" s="1"/>
      <c r="AG703" s="1"/>
      <c r="AH703" s="1"/>
      <c r="AI703" s="1"/>
      <c r="AJ703" s="1"/>
      <c r="AK703" s="1"/>
    </row>
    <row r="704" spans="2:37" x14ac:dyDescent="0.2">
      <c r="B704" s="1"/>
      <c r="C704" s="1"/>
      <c r="D704" s="1"/>
      <c r="E704" s="1"/>
      <c r="F704" s="1"/>
      <c r="G704" s="1"/>
      <c r="H704" s="1"/>
      <c r="I704" s="1"/>
      <c r="J704" s="1"/>
      <c r="K704" s="1"/>
      <c r="L704" s="1"/>
      <c r="M704" s="1"/>
      <c r="N704" s="1"/>
      <c r="O704" s="1"/>
      <c r="P704" s="1"/>
      <c r="Q704" s="1"/>
      <c r="R704" s="1"/>
      <c r="S704" s="1"/>
      <c r="T704" s="1"/>
      <c r="U704" s="1"/>
      <c r="V704" s="1"/>
      <c r="W704" s="1"/>
      <c r="X704" s="1"/>
      <c r="Y704" s="1"/>
      <c r="Z704" s="1"/>
      <c r="AA704" s="1"/>
      <c r="AB704" s="1"/>
      <c r="AC704" s="1"/>
      <c r="AD704" s="1"/>
      <c r="AE704" s="1"/>
      <c r="AF704" s="1"/>
      <c r="AG704" s="1"/>
      <c r="AH704" s="1"/>
      <c r="AI704" s="1"/>
      <c r="AJ704" s="1"/>
      <c r="AK704" s="1"/>
    </row>
    <row r="705" spans="2:37" x14ac:dyDescent="0.2">
      <c r="B705" s="1"/>
      <c r="C705" s="1"/>
      <c r="D705" s="1"/>
      <c r="E705" s="1"/>
      <c r="F705" s="1"/>
      <c r="G705" s="1"/>
      <c r="H705" s="1"/>
      <c r="I705" s="1"/>
      <c r="J705" s="1"/>
      <c r="K705" s="1"/>
      <c r="L705" s="1"/>
      <c r="M705" s="1"/>
      <c r="N705" s="1"/>
      <c r="O705" s="1"/>
      <c r="P705" s="1"/>
      <c r="Q705" s="1"/>
      <c r="R705" s="1"/>
      <c r="S705" s="1"/>
      <c r="T705" s="1"/>
      <c r="U705" s="1"/>
      <c r="V705" s="1"/>
      <c r="W705" s="1"/>
      <c r="X705" s="1"/>
      <c r="Y705" s="1"/>
      <c r="Z705" s="1"/>
      <c r="AA705" s="1"/>
      <c r="AB705" s="1"/>
      <c r="AC705" s="1"/>
      <c r="AD705" s="1"/>
      <c r="AE705" s="1"/>
      <c r="AF705" s="1"/>
      <c r="AG705" s="1"/>
      <c r="AH705" s="1"/>
      <c r="AI705" s="1"/>
      <c r="AJ705" s="1"/>
      <c r="AK705" s="1"/>
    </row>
    <row r="706" spans="2:37" x14ac:dyDescent="0.2">
      <c r="B706" s="1"/>
      <c r="C706" s="1"/>
      <c r="D706" s="1"/>
      <c r="E706" s="1"/>
      <c r="F706" s="1"/>
      <c r="G706" s="1"/>
      <c r="H706" s="1"/>
      <c r="I706" s="1"/>
      <c r="J706" s="1"/>
      <c r="K706" s="1"/>
      <c r="L706" s="1"/>
      <c r="M706" s="1"/>
      <c r="N706" s="1"/>
      <c r="O706" s="1"/>
      <c r="P706" s="1"/>
      <c r="Q706" s="1"/>
      <c r="R706" s="1"/>
      <c r="S706" s="1"/>
      <c r="T706" s="1"/>
      <c r="U706" s="1"/>
      <c r="V706" s="1"/>
      <c r="W706" s="1"/>
      <c r="X706" s="1"/>
      <c r="Y706" s="1"/>
      <c r="Z706" s="1"/>
      <c r="AA706" s="1"/>
      <c r="AB706" s="1"/>
      <c r="AC706" s="1"/>
      <c r="AD706" s="1"/>
      <c r="AE706" s="1"/>
      <c r="AF706" s="1"/>
      <c r="AG706" s="1"/>
      <c r="AH706" s="1"/>
      <c r="AI706" s="1"/>
      <c r="AJ706" s="1"/>
      <c r="AK706" s="1"/>
    </row>
    <row r="707" spans="2:37" x14ac:dyDescent="0.2">
      <c r="B707" s="1"/>
      <c r="C707" s="1"/>
      <c r="D707" s="1"/>
      <c r="E707" s="1"/>
      <c r="F707" s="1"/>
      <c r="G707" s="1"/>
      <c r="H707" s="1"/>
      <c r="I707" s="1"/>
      <c r="J707" s="1"/>
      <c r="K707" s="1"/>
      <c r="L707" s="1"/>
      <c r="M707" s="1"/>
      <c r="N707" s="1"/>
      <c r="O707" s="1"/>
      <c r="P707" s="1"/>
      <c r="Q707" s="1"/>
      <c r="R707" s="1"/>
      <c r="S707" s="1"/>
      <c r="T707" s="1"/>
      <c r="U707" s="1"/>
      <c r="V707" s="1"/>
      <c r="W707" s="1"/>
      <c r="X707" s="1"/>
      <c r="Y707" s="1"/>
      <c r="Z707" s="1"/>
      <c r="AA707" s="1"/>
      <c r="AB707" s="1"/>
      <c r="AC707" s="1"/>
      <c r="AD707" s="1"/>
      <c r="AE707" s="1"/>
      <c r="AF707" s="1"/>
      <c r="AG707" s="1"/>
      <c r="AH707" s="1"/>
      <c r="AI707" s="1"/>
      <c r="AJ707" s="1"/>
      <c r="AK707" s="1"/>
    </row>
  </sheetData>
  <sheetProtection algorithmName="SHA-512" hashValue="e3TOC56w2Y1Ma3lYRmprrWmwLEmvIZEGOM5HagOEcAvEnnrs2qEEWo4KpN7cqrnslHIbBDmiZQLLLqdMFzlsNg==" saltValue="mrFjPo278a4wfYfNsalpwg==" spinCount="100000" sheet="1" objects="1" scenarios="1" selectLockedCells="1" autoFilter="0"/>
  <customSheetViews>
    <customSheetView guid="{67FFD9AE-B4FE-4D55-B0D5-8B269AAA467F}" scale="89" showGridLines="0" fitToPage="1">
      <pageMargins left="0.75" right="0.75" top="0.52" bottom="0.54" header="0.5" footer="0.5"/>
      <pageSetup paperSize="9" scale="54" orientation="portrait" r:id="rId1"/>
      <headerFooter alignWithMargins="0"/>
    </customSheetView>
  </customSheetViews>
  <mergeCells count="2">
    <mergeCell ref="B11:AK11"/>
    <mergeCell ref="B55:AK55"/>
  </mergeCells>
  <phoneticPr fontId="1" type="noConversion"/>
  <pageMargins left="0.7" right="0.7" top="0.75" bottom="0.75" header="0.3" footer="0.3"/>
  <pageSetup paperSize="9" scale="74" orientation="portrait" r:id="rId2"/>
  <headerFooter alignWithMargins="0">
    <oddFooter>&amp;L&amp;1#&amp;"Calibri"&amp;10&amp;K000000Classification: Private</oddFooter>
  </headerFooter>
  <drawing r:id="rId3"/>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700-000000000000}">
  <sheetPr codeName="Sheet11">
    <pageSetUpPr fitToPage="1"/>
  </sheetPr>
  <dimension ref="A1:BD735"/>
  <sheetViews>
    <sheetView showGridLines="0" zoomScale="90" zoomScaleNormal="90" zoomScaleSheetLayoutView="55" workbookViewId="0">
      <selection activeCell="U18" sqref="U18:Y18"/>
    </sheetView>
  </sheetViews>
  <sheetFormatPr defaultColWidth="9.140625" defaultRowHeight="12.75" x14ac:dyDescent="0.2"/>
  <cols>
    <col min="1" max="2" width="3.140625" style="39" customWidth="1"/>
    <col min="3" max="3" width="7.5703125" style="39" customWidth="1"/>
    <col min="4" max="4" width="3.140625" style="44" customWidth="1"/>
    <col min="5" max="20" width="3.140625" style="34" customWidth="1"/>
    <col min="21" max="21" width="3.140625" style="45" customWidth="1"/>
    <col min="22" max="22" width="3.140625" style="34" customWidth="1"/>
    <col min="23" max="45" width="3.140625" style="7" customWidth="1"/>
    <col min="46" max="46" width="3.140625" style="32" customWidth="1"/>
    <col min="47" max="47" width="3.140625" customWidth="1"/>
    <col min="53" max="16384" width="9.140625" style="7"/>
  </cols>
  <sheetData>
    <row r="1" spans="1:52" ht="80.099999999999994" customHeight="1" x14ac:dyDescent="0.2">
      <c r="A1" s="7"/>
      <c r="B1" s="22"/>
      <c r="C1" s="22"/>
      <c r="D1" s="22"/>
      <c r="E1" s="22"/>
      <c r="F1" s="22"/>
      <c r="G1" s="22"/>
      <c r="H1" s="22"/>
      <c r="I1" s="22"/>
      <c r="J1" s="22"/>
      <c r="K1" s="22"/>
      <c r="L1" s="22"/>
      <c r="M1" s="22"/>
      <c r="N1" s="22"/>
      <c r="O1" s="22"/>
      <c r="P1" s="22"/>
      <c r="Q1" s="22"/>
      <c r="R1" s="22"/>
      <c r="S1" s="22"/>
      <c r="T1" s="22"/>
      <c r="U1" s="22"/>
      <c r="V1" s="7"/>
      <c r="W1" s="68"/>
      <c r="X1" s="23"/>
      <c r="Y1" s="23"/>
      <c r="Z1" s="23"/>
      <c r="AA1" s="23"/>
      <c r="AB1" s="23"/>
      <c r="AC1" s="23"/>
      <c r="AD1" s="23"/>
      <c r="AE1" s="23"/>
      <c r="AF1" s="23"/>
      <c r="AG1" s="23"/>
      <c r="AH1" s="23"/>
      <c r="AJ1" s="23"/>
      <c r="AK1" s="23"/>
      <c r="AL1" s="23"/>
      <c r="AM1" s="23"/>
      <c r="AN1" s="23"/>
      <c r="AO1" s="23"/>
      <c r="AP1" s="23"/>
      <c r="AQ1" s="23"/>
      <c r="AR1" s="23"/>
      <c r="AS1" s="23"/>
      <c r="AT1" s="113"/>
      <c r="AU1" s="7"/>
      <c r="AV1" s="7"/>
      <c r="AW1" s="7"/>
      <c r="AX1" s="7"/>
      <c r="AY1" s="7"/>
      <c r="AZ1" s="7"/>
    </row>
    <row r="2" spans="1:52" ht="36.6" customHeight="1" x14ac:dyDescent="0.2">
      <c r="B2" s="240" t="s">
        <v>81</v>
      </c>
      <c r="C2" s="240"/>
      <c r="D2" s="240"/>
      <c r="E2" s="240"/>
      <c r="F2" s="240"/>
      <c r="G2" s="240"/>
      <c r="H2" s="240"/>
      <c r="I2" s="240"/>
      <c r="J2" s="240"/>
      <c r="K2" s="240"/>
      <c r="L2" s="240"/>
      <c r="M2" s="240"/>
      <c r="N2" s="240"/>
      <c r="O2" s="240"/>
      <c r="P2" s="240"/>
      <c r="Q2" s="240"/>
      <c r="R2" s="240"/>
      <c r="S2" s="240"/>
      <c r="T2" s="240"/>
      <c r="U2" s="240"/>
      <c r="V2" s="240"/>
      <c r="W2" s="240"/>
      <c r="X2" s="240"/>
      <c r="Y2" s="240"/>
      <c r="Z2" s="240"/>
      <c r="AA2" s="240"/>
      <c r="AB2" s="240"/>
      <c r="AC2" s="240"/>
      <c r="AD2" s="240"/>
      <c r="AE2" s="240"/>
      <c r="AF2" s="240"/>
      <c r="AG2" s="240"/>
      <c r="AH2" s="240"/>
      <c r="AI2" s="240"/>
      <c r="AJ2" s="240"/>
      <c r="AK2" s="240"/>
      <c r="AL2" s="240"/>
      <c r="AM2" s="240"/>
      <c r="AN2" s="240"/>
      <c r="AO2" s="240"/>
      <c r="AP2" s="240"/>
      <c r="AQ2" s="240"/>
      <c r="AR2" s="240"/>
      <c r="AS2" s="240"/>
      <c r="AT2" s="240"/>
    </row>
    <row r="3" spans="1:52" ht="5.25" customHeight="1" x14ac:dyDescent="0.2">
      <c r="D3" s="39"/>
      <c r="E3" s="39"/>
      <c r="F3" s="39"/>
      <c r="G3" s="39"/>
      <c r="H3" s="39"/>
      <c r="I3" s="39"/>
      <c r="J3" s="39"/>
      <c r="K3" s="39"/>
      <c r="L3" s="39"/>
      <c r="M3" s="39"/>
      <c r="N3" s="39"/>
      <c r="O3" s="39"/>
      <c r="P3" s="39"/>
      <c r="Q3" s="39"/>
      <c r="R3" s="39"/>
      <c r="S3" s="39"/>
      <c r="T3" s="39"/>
      <c r="U3" s="39"/>
      <c r="V3" s="39"/>
      <c r="W3" s="34"/>
    </row>
    <row r="4" spans="1:52" ht="24.95" customHeight="1" x14ac:dyDescent="0.2">
      <c r="B4" s="267" t="s">
        <v>12</v>
      </c>
      <c r="C4" s="267"/>
      <c r="D4" s="267"/>
      <c r="E4" s="267"/>
      <c r="F4" s="267"/>
      <c r="G4" s="267"/>
      <c r="H4" s="267"/>
      <c r="I4" s="267"/>
      <c r="J4" s="267"/>
      <c r="K4" s="267"/>
      <c r="L4" s="267"/>
      <c r="M4" s="267"/>
      <c r="N4" s="267"/>
      <c r="O4" s="267"/>
      <c r="P4" s="267"/>
      <c r="Q4" s="267"/>
      <c r="R4" s="267"/>
      <c r="S4" s="267"/>
      <c r="T4" s="267"/>
      <c r="U4" s="267"/>
      <c r="V4" s="267"/>
      <c r="W4" s="267"/>
      <c r="X4" s="267"/>
      <c r="Y4" s="267"/>
      <c r="Z4" s="267"/>
      <c r="AA4" s="267"/>
      <c r="AB4" s="267"/>
      <c r="AC4" s="267"/>
      <c r="AD4" s="267"/>
      <c r="AE4" s="267"/>
      <c r="AF4" s="267"/>
      <c r="AG4" s="267"/>
      <c r="AH4" s="267"/>
      <c r="AI4" s="267"/>
      <c r="AJ4" s="267"/>
      <c r="AK4" s="267"/>
      <c r="AL4" s="267"/>
      <c r="AM4" s="267"/>
      <c r="AN4" s="267"/>
      <c r="AO4" s="267"/>
      <c r="AP4" s="267"/>
      <c r="AQ4" s="267"/>
      <c r="AR4" s="267"/>
      <c r="AS4" s="267"/>
      <c r="AT4" s="267"/>
    </row>
    <row r="5" spans="1:52" customFormat="1" x14ac:dyDescent="0.2">
      <c r="B5" s="32"/>
      <c r="C5" s="32"/>
      <c r="D5" s="32"/>
      <c r="E5" s="32"/>
      <c r="F5" s="32"/>
      <c r="G5" s="32"/>
      <c r="H5" s="32"/>
      <c r="I5" s="32"/>
      <c r="J5" s="32"/>
      <c r="K5" s="32"/>
      <c r="L5" s="32"/>
      <c r="M5" s="32"/>
      <c r="N5" s="32"/>
      <c r="O5" s="32"/>
      <c r="P5" s="32"/>
      <c r="Q5" s="32"/>
      <c r="R5" s="32"/>
      <c r="S5" s="32"/>
      <c r="T5" s="32"/>
      <c r="U5" s="32"/>
      <c r="V5" s="32"/>
      <c r="W5" s="32"/>
      <c r="X5" s="32"/>
      <c r="Y5" s="32"/>
      <c r="Z5" s="32"/>
      <c r="AA5" s="32"/>
      <c r="AB5" s="32"/>
      <c r="AC5" s="32"/>
      <c r="AD5" s="32"/>
      <c r="AE5" s="32"/>
      <c r="AF5" s="32"/>
      <c r="AG5" s="32"/>
      <c r="AH5" s="32"/>
      <c r="AI5" s="32"/>
      <c r="AJ5" s="32"/>
      <c r="AK5" s="32"/>
      <c r="AL5" s="32"/>
      <c r="AM5" s="32"/>
      <c r="AN5" s="32"/>
      <c r="AO5" s="32"/>
      <c r="AP5" s="32"/>
      <c r="AQ5" s="32"/>
      <c r="AR5" s="32"/>
      <c r="AS5" s="32"/>
      <c r="AT5" s="32"/>
    </row>
    <row r="6" spans="1:52" ht="12.95" customHeight="1" x14ac:dyDescent="0.2">
      <c r="A6" s="34"/>
      <c r="B6" s="34"/>
      <c r="C6" s="34"/>
      <c r="D6" s="21"/>
      <c r="E6" s="21"/>
      <c r="F6" s="21"/>
      <c r="G6" s="21"/>
      <c r="H6" s="21"/>
      <c r="I6" s="82"/>
      <c r="J6" s="82"/>
      <c r="O6" s="47" t="s">
        <v>41</v>
      </c>
      <c r="P6" s="82"/>
      <c r="Q6" s="7"/>
      <c r="R6" s="32"/>
      <c r="S6" s="32"/>
      <c r="U6" s="32"/>
      <c r="V6" s="32"/>
      <c r="W6" s="32"/>
    </row>
    <row r="7" spans="1:52" ht="12.95" customHeight="1" x14ac:dyDescent="0.2">
      <c r="A7" s="34"/>
      <c r="B7" s="84" t="s">
        <v>84</v>
      </c>
      <c r="C7" s="84"/>
      <c r="D7" s="32"/>
      <c r="E7" s="32"/>
      <c r="F7" s="32"/>
      <c r="G7" s="32"/>
      <c r="H7" s="32"/>
      <c r="O7" s="47"/>
      <c r="P7" s="82"/>
      <c r="Q7" s="7"/>
      <c r="R7" s="32"/>
      <c r="S7" s="32"/>
      <c r="U7" s="32"/>
      <c r="V7" s="32"/>
      <c r="W7" s="32"/>
      <c r="AG7" s="84"/>
      <c r="AH7" s="84"/>
      <c r="AI7" s="84"/>
      <c r="AJ7" s="84"/>
      <c r="AK7" s="84"/>
      <c r="AL7" s="84"/>
      <c r="AM7" s="84"/>
      <c r="AN7" s="84"/>
      <c r="AO7" s="84"/>
      <c r="AP7" s="84"/>
      <c r="AQ7" s="84"/>
      <c r="AR7" s="84"/>
      <c r="AS7" s="84"/>
    </row>
    <row r="8" spans="1:52" ht="20.100000000000001" customHeight="1" x14ac:dyDescent="0.2">
      <c r="A8" s="34"/>
      <c r="B8" s="1" t="s">
        <v>56</v>
      </c>
      <c r="C8" s="84"/>
      <c r="D8" s="1"/>
      <c r="E8" s="1"/>
      <c r="F8" s="1"/>
      <c r="G8" s="1"/>
      <c r="H8" s="1"/>
      <c r="O8" s="202"/>
      <c r="R8" s="32"/>
      <c r="S8" s="32"/>
      <c r="U8" s="32"/>
      <c r="V8" s="32"/>
      <c r="W8" s="32"/>
      <c r="AG8" s="84"/>
      <c r="AH8" s="84"/>
      <c r="AI8" s="84"/>
      <c r="AJ8" s="84"/>
      <c r="AK8" s="84"/>
      <c r="AL8" s="84"/>
      <c r="AM8" s="84"/>
      <c r="AN8" s="84"/>
      <c r="AO8" s="84"/>
      <c r="AP8" s="84"/>
      <c r="AQ8" s="84"/>
      <c r="AR8" s="84"/>
      <c r="AS8" s="84"/>
    </row>
    <row r="9" spans="1:52" ht="15" customHeight="1" x14ac:dyDescent="0.2">
      <c r="A9" s="34"/>
      <c r="B9" s="84"/>
      <c r="C9" s="84"/>
      <c r="D9" s="7"/>
      <c r="E9" s="7"/>
      <c r="F9" s="7"/>
      <c r="G9" s="7"/>
      <c r="H9" s="7"/>
      <c r="O9" s="48"/>
      <c r="R9" s="32"/>
      <c r="S9" s="32"/>
      <c r="U9" s="32"/>
      <c r="V9" s="32"/>
      <c r="W9" s="32"/>
      <c r="AG9" s="84"/>
      <c r="AH9" s="84"/>
      <c r="AI9" s="84"/>
      <c r="AJ9" s="84"/>
      <c r="AK9" s="84"/>
      <c r="AL9" s="84"/>
      <c r="AM9" s="84"/>
      <c r="AN9" s="84"/>
      <c r="AO9" s="84"/>
      <c r="AP9" s="84"/>
      <c r="AQ9" s="84"/>
      <c r="AR9" s="84"/>
      <c r="AS9" s="84"/>
    </row>
    <row r="10" spans="1:52" ht="12.95" customHeight="1" x14ac:dyDescent="0.2">
      <c r="A10" s="34"/>
      <c r="B10" s="84" t="s">
        <v>85</v>
      </c>
      <c r="C10" s="84"/>
      <c r="D10" s="7"/>
      <c r="E10" s="7"/>
      <c r="F10" s="7"/>
      <c r="G10" s="7"/>
      <c r="H10" s="7"/>
      <c r="M10" s="7"/>
      <c r="N10" s="7"/>
      <c r="O10" s="48"/>
      <c r="R10" s="32"/>
      <c r="S10" s="32"/>
      <c r="T10" s="7"/>
      <c r="U10" s="7"/>
      <c r="V10" s="7"/>
      <c r="AG10" s="84"/>
      <c r="AH10" s="84"/>
      <c r="AI10" s="84"/>
      <c r="AJ10" s="84"/>
      <c r="AK10" s="84"/>
      <c r="AL10" s="84"/>
      <c r="AM10" s="84"/>
      <c r="AN10" s="84"/>
      <c r="AO10" s="84"/>
      <c r="AP10" s="84"/>
      <c r="AQ10" s="84"/>
      <c r="AR10" s="84"/>
      <c r="AS10" s="84"/>
    </row>
    <row r="11" spans="1:52" ht="20.100000000000001" customHeight="1" x14ac:dyDescent="0.2">
      <c r="A11" s="34"/>
      <c r="B11" s="1" t="s">
        <v>57</v>
      </c>
      <c r="C11" s="84"/>
      <c r="D11" s="1"/>
      <c r="E11" s="1"/>
      <c r="F11" s="1"/>
      <c r="G11" s="1"/>
      <c r="H11" s="1"/>
      <c r="M11" s="7"/>
      <c r="N11" s="7"/>
      <c r="O11" s="202"/>
      <c r="R11" s="32"/>
      <c r="S11" s="32"/>
      <c r="U11" s="1"/>
      <c r="V11" s="7"/>
      <c r="AG11" s="84"/>
      <c r="AH11" s="84"/>
      <c r="AI11" s="84"/>
      <c r="AJ11" s="84"/>
      <c r="AK11" s="84"/>
      <c r="AL11" s="84"/>
      <c r="AM11" s="84"/>
      <c r="AN11" s="84"/>
      <c r="AO11" s="84"/>
      <c r="AP11" s="84"/>
      <c r="AQ11" s="84"/>
      <c r="AR11" s="84"/>
      <c r="AS11" s="84"/>
    </row>
    <row r="12" spans="1:52" ht="15" customHeight="1" x14ac:dyDescent="0.2">
      <c r="A12" s="34"/>
      <c r="B12" s="34"/>
      <c r="C12" s="34"/>
      <c r="D12" s="1"/>
      <c r="E12" s="1"/>
      <c r="F12" s="1"/>
      <c r="G12" s="1"/>
      <c r="H12" s="1"/>
      <c r="M12" s="7"/>
      <c r="N12" s="7"/>
      <c r="O12" s="7"/>
      <c r="P12" s="7"/>
      <c r="Q12" s="32"/>
      <c r="R12" s="32"/>
      <c r="S12" s="32"/>
      <c r="T12" s="7"/>
      <c r="U12" s="7"/>
      <c r="V12" s="7"/>
      <c r="AG12" s="84"/>
      <c r="AH12" s="84"/>
      <c r="AI12" s="84"/>
      <c r="AJ12" s="84"/>
      <c r="AK12" s="84"/>
      <c r="AL12" s="84"/>
      <c r="AM12" s="84"/>
      <c r="AN12" s="84"/>
      <c r="AO12" s="84"/>
      <c r="AP12" s="84"/>
      <c r="AQ12" s="84"/>
      <c r="AR12" s="84"/>
      <c r="AS12" s="84"/>
    </row>
    <row r="13" spans="1:52" x14ac:dyDescent="0.2">
      <c r="A13" s="34"/>
      <c r="B13" s="84" t="s">
        <v>86</v>
      </c>
      <c r="C13" s="84"/>
      <c r="D13" s="7"/>
      <c r="E13" s="7"/>
      <c r="F13" s="7"/>
      <c r="G13" s="7"/>
      <c r="H13" s="7"/>
      <c r="N13" s="32"/>
      <c r="O13" s="32"/>
      <c r="P13" s="32"/>
      <c r="Q13" s="32"/>
      <c r="R13" s="32"/>
      <c r="S13" s="7"/>
      <c r="T13" s="7"/>
      <c r="U13" s="7"/>
      <c r="V13" s="7"/>
      <c r="AG13" s="84"/>
      <c r="AH13" s="84"/>
      <c r="AI13" s="84"/>
      <c r="AJ13" s="84"/>
      <c r="AK13" s="84"/>
      <c r="AL13" s="84"/>
      <c r="AM13" s="84"/>
      <c r="AN13" s="84"/>
      <c r="AO13" s="84"/>
      <c r="AP13" s="84"/>
      <c r="AQ13" s="84"/>
      <c r="AR13" s="84"/>
      <c r="AS13" s="84"/>
    </row>
    <row r="14" spans="1:52" ht="20.100000000000001" customHeight="1" x14ac:dyDescent="0.2">
      <c r="A14" s="34"/>
      <c r="B14" s="1" t="s">
        <v>199</v>
      </c>
      <c r="C14" s="84"/>
      <c r="D14" s="1"/>
      <c r="E14" s="1"/>
      <c r="F14" s="1"/>
      <c r="G14" s="1"/>
      <c r="H14" s="1"/>
      <c r="N14" s="32"/>
      <c r="O14" s="32"/>
      <c r="P14" s="32"/>
      <c r="Q14" s="32"/>
      <c r="R14" s="32"/>
      <c r="S14" s="7"/>
      <c r="T14" s="7"/>
      <c r="U14" s="7"/>
      <c r="V14" s="7"/>
      <c r="AG14" s="84"/>
      <c r="AH14" s="84"/>
      <c r="AI14" s="84"/>
      <c r="AJ14" s="84"/>
      <c r="AK14" s="84"/>
      <c r="AL14" s="84"/>
      <c r="AM14" s="84"/>
      <c r="AN14" s="84"/>
      <c r="AO14" s="84"/>
      <c r="AP14" s="84"/>
      <c r="AQ14" s="84"/>
      <c r="AR14" s="84"/>
      <c r="AS14" s="84"/>
    </row>
    <row r="15" spans="1:52" ht="6.95" customHeight="1" x14ac:dyDescent="0.2">
      <c r="A15" s="34"/>
      <c r="B15" s="34"/>
      <c r="C15" s="34"/>
      <c r="D15" s="1"/>
      <c r="E15" s="1"/>
      <c r="F15" s="1"/>
      <c r="G15" s="1"/>
      <c r="H15" s="1"/>
      <c r="N15" s="32"/>
      <c r="O15" s="32"/>
      <c r="P15" s="32"/>
      <c r="Q15" s="32"/>
      <c r="R15" s="32"/>
      <c r="S15" s="48"/>
      <c r="U15" s="34"/>
      <c r="AG15" s="84"/>
      <c r="AH15" s="84"/>
      <c r="AI15" s="84"/>
      <c r="AJ15" s="84"/>
      <c r="AK15" s="84"/>
      <c r="AL15" s="84"/>
      <c r="AM15" s="84"/>
      <c r="AN15" s="84"/>
      <c r="AO15" s="84"/>
      <c r="AP15" s="84"/>
      <c r="AQ15" s="84"/>
      <c r="AR15" s="84"/>
      <c r="AS15" s="84"/>
    </row>
    <row r="16" spans="1:52" x14ac:dyDescent="0.2">
      <c r="A16" s="34"/>
      <c r="B16" s="34"/>
      <c r="C16" s="34"/>
      <c r="D16" s="82" t="s">
        <v>48</v>
      </c>
      <c r="E16" s="82"/>
      <c r="F16" s="82"/>
      <c r="G16" s="82"/>
      <c r="H16" s="82"/>
      <c r="K16" s="7"/>
      <c r="L16" s="47" t="s">
        <v>41</v>
      </c>
      <c r="M16" s="82"/>
      <c r="N16" s="7"/>
      <c r="O16" s="47" t="s">
        <v>42</v>
      </c>
      <c r="P16" s="7"/>
      <c r="Q16" s="7"/>
      <c r="R16" s="47" t="s">
        <v>83</v>
      </c>
      <c r="S16" s="7"/>
      <c r="T16" s="7"/>
      <c r="U16" s="49" t="s">
        <v>200</v>
      </c>
      <c r="V16" s="7"/>
      <c r="AC16" s="84"/>
      <c r="AH16" s="84"/>
      <c r="AI16" s="84"/>
      <c r="AJ16" s="84"/>
      <c r="AK16" s="84"/>
      <c r="AL16" s="84"/>
      <c r="AM16" s="84"/>
      <c r="AN16" s="84"/>
      <c r="AO16" s="84"/>
      <c r="AP16" s="84"/>
      <c r="AQ16" s="84"/>
      <c r="AR16" s="84"/>
      <c r="AS16" s="84"/>
    </row>
    <row r="17" spans="1:56" ht="6.95" customHeight="1" x14ac:dyDescent="0.2">
      <c r="A17" s="34"/>
      <c r="B17" s="34"/>
      <c r="C17" s="34"/>
      <c r="D17" s="82"/>
      <c r="E17" s="82"/>
      <c r="F17" s="82"/>
      <c r="G17" s="82"/>
      <c r="H17" s="82"/>
      <c r="K17" s="7"/>
      <c r="L17" s="48"/>
      <c r="P17" s="7"/>
      <c r="Q17" s="7"/>
      <c r="S17" s="7"/>
      <c r="T17" s="7"/>
      <c r="U17" s="49"/>
      <c r="V17" s="7"/>
      <c r="AC17" s="84"/>
      <c r="AH17" s="84"/>
      <c r="AI17" s="84"/>
      <c r="AJ17" s="84"/>
      <c r="AK17" s="84"/>
      <c r="AL17" s="84"/>
      <c r="AM17" s="84"/>
      <c r="AN17" s="84"/>
      <c r="AO17" s="84"/>
      <c r="AP17" s="84"/>
      <c r="AQ17" s="84"/>
      <c r="AR17" s="84"/>
      <c r="AS17" s="84"/>
    </row>
    <row r="18" spans="1:56" s="32" customFormat="1" ht="20.100000000000001" customHeight="1" x14ac:dyDescent="0.2">
      <c r="A18" s="39"/>
      <c r="B18" s="39"/>
      <c r="C18" s="39"/>
      <c r="D18" s="1" t="s">
        <v>55</v>
      </c>
      <c r="E18" s="1"/>
      <c r="F18" s="1"/>
      <c r="G18" s="1"/>
      <c r="H18" s="1"/>
      <c r="I18" s="34"/>
      <c r="J18" s="34"/>
      <c r="K18" s="34"/>
      <c r="L18" s="186"/>
      <c r="M18" s="186"/>
      <c r="N18" s="186"/>
      <c r="O18" s="199"/>
      <c r="P18" s="200"/>
      <c r="Q18" s="200"/>
      <c r="R18" s="201"/>
      <c r="S18" s="200"/>
      <c r="T18" s="7"/>
      <c r="U18" s="264"/>
      <c r="V18" s="265"/>
      <c r="W18" s="265"/>
      <c r="X18" s="265"/>
      <c r="Y18" s="266"/>
      <c r="Z18" s="146"/>
      <c r="AA18" s="7" t="s">
        <v>108</v>
      </c>
      <c r="AB18" s="7"/>
      <c r="AC18" s="7"/>
      <c r="AD18" s="7"/>
      <c r="AE18" s="7"/>
      <c r="AF18" s="7"/>
      <c r="AG18" s="7"/>
      <c r="AH18" s="7"/>
      <c r="AI18" s="7"/>
      <c r="AJ18" s="7"/>
      <c r="AK18" s="7"/>
      <c r="AL18" s="7"/>
      <c r="AM18" s="7"/>
      <c r="AN18" s="7"/>
      <c r="AO18" s="7"/>
      <c r="AP18" s="7"/>
      <c r="AQ18" s="7"/>
      <c r="AR18" s="7"/>
      <c r="AS18" s="7"/>
    </row>
    <row r="19" spans="1:56" s="32" customFormat="1" ht="6.95" customHeight="1" x14ac:dyDescent="0.2">
      <c r="A19" s="39"/>
      <c r="B19" s="39"/>
      <c r="C19" s="39"/>
      <c r="D19" s="1"/>
      <c r="E19" s="1"/>
      <c r="F19" s="1"/>
      <c r="G19" s="1"/>
      <c r="H19" s="1"/>
      <c r="I19" s="34"/>
      <c r="J19" s="34"/>
      <c r="K19" s="34"/>
      <c r="L19" s="47"/>
      <c r="M19" s="186"/>
      <c r="N19" s="186"/>
      <c r="O19" s="186"/>
      <c r="P19" s="200"/>
      <c r="Q19" s="200"/>
      <c r="R19" s="186"/>
      <c r="S19" s="200"/>
      <c r="T19" s="7"/>
      <c r="U19" s="207"/>
      <c r="V19" s="207"/>
      <c r="W19" s="207"/>
      <c r="X19" s="207"/>
      <c r="Y19" s="207"/>
      <c r="Z19" s="7"/>
      <c r="AA19" s="7"/>
      <c r="AB19" s="7"/>
      <c r="AC19" s="84"/>
      <c r="AD19" s="7"/>
      <c r="AE19" s="7"/>
      <c r="AF19" s="7"/>
      <c r="AG19" s="7"/>
      <c r="AH19" s="7"/>
      <c r="AI19" s="7"/>
      <c r="AJ19" s="7"/>
      <c r="AK19" s="7"/>
      <c r="AL19" s="7"/>
      <c r="AM19" s="7"/>
      <c r="AN19" s="7"/>
      <c r="AO19" s="7"/>
      <c r="AP19" s="7"/>
      <c r="AQ19" s="7"/>
      <c r="AR19" s="7"/>
      <c r="AS19" s="7"/>
    </row>
    <row r="20" spans="1:56" s="32" customFormat="1" ht="20.100000000000001" customHeight="1" x14ac:dyDescent="0.2">
      <c r="A20" s="39"/>
      <c r="B20" s="39"/>
      <c r="C20" s="39"/>
      <c r="D20" s="17" t="s">
        <v>89</v>
      </c>
      <c r="E20" s="17"/>
      <c r="F20" s="17"/>
      <c r="G20" s="17"/>
      <c r="H20" s="17"/>
      <c r="I20" s="82"/>
      <c r="J20" s="82"/>
      <c r="L20" s="202"/>
      <c r="M20" s="186"/>
      <c r="N20" s="186"/>
      <c r="O20" s="201"/>
      <c r="P20" s="200"/>
      <c r="Q20" s="200"/>
      <c r="R20" s="201"/>
      <c r="S20" s="200"/>
      <c r="T20" s="7"/>
      <c r="U20" s="264"/>
      <c r="V20" s="265"/>
      <c r="W20" s="265"/>
      <c r="X20" s="265"/>
      <c r="Y20" s="266"/>
      <c r="Z20" s="146"/>
      <c r="AA20" s="7" t="s">
        <v>109</v>
      </c>
      <c r="AB20" s="7"/>
      <c r="AC20" s="7"/>
      <c r="AD20" s="7"/>
      <c r="AE20" s="7"/>
      <c r="AF20" s="7"/>
      <c r="AG20" s="7"/>
      <c r="AH20" s="7"/>
      <c r="AI20" s="7"/>
      <c r="AJ20" s="7"/>
      <c r="AK20" s="7"/>
      <c r="AL20" s="7"/>
      <c r="AM20" s="7"/>
      <c r="AN20" s="7"/>
      <c r="AO20" s="7"/>
      <c r="AP20" s="7"/>
      <c r="AQ20" s="7"/>
      <c r="AR20" s="7"/>
      <c r="AS20" s="7"/>
    </row>
    <row r="21" spans="1:56" s="32" customFormat="1" ht="6.95" customHeight="1" x14ac:dyDescent="0.2">
      <c r="A21" s="39"/>
      <c r="B21" s="39"/>
      <c r="C21" s="39"/>
      <c r="D21" s="17"/>
      <c r="E21" s="17"/>
      <c r="F21" s="17"/>
      <c r="G21" s="17"/>
      <c r="H21" s="17"/>
      <c r="I21" s="82"/>
      <c r="J21" s="82"/>
      <c r="L21" s="186"/>
      <c r="M21" s="186"/>
      <c r="N21" s="186"/>
      <c r="O21" s="186"/>
      <c r="P21" s="200"/>
      <c r="Q21" s="200"/>
      <c r="R21" s="186"/>
      <c r="S21" s="200"/>
      <c r="T21" s="7"/>
      <c r="U21" s="207"/>
      <c r="V21" s="207"/>
      <c r="W21" s="207"/>
      <c r="X21" s="207"/>
      <c r="Y21" s="207"/>
      <c r="Z21" s="7"/>
      <c r="AA21" s="7"/>
      <c r="AB21" s="7"/>
      <c r="AC21" s="84"/>
      <c r="AD21" s="7"/>
      <c r="AE21" s="7"/>
      <c r="AF21" s="7"/>
      <c r="AG21" s="7"/>
      <c r="AH21" s="7"/>
      <c r="AI21" s="7"/>
      <c r="AJ21" s="7"/>
      <c r="AK21" s="7"/>
      <c r="AL21" s="7"/>
      <c r="AM21" s="7"/>
      <c r="AN21" s="7"/>
      <c r="AO21" s="7"/>
      <c r="AP21" s="7"/>
      <c r="AQ21" s="7"/>
      <c r="AR21" s="7"/>
      <c r="AS21" s="7"/>
    </row>
    <row r="22" spans="1:56" s="32" customFormat="1" ht="20.100000000000001" customHeight="1" x14ac:dyDescent="0.2">
      <c r="A22" s="39"/>
      <c r="B22" s="39"/>
      <c r="C22" s="39"/>
      <c r="D22" s="17" t="s">
        <v>90</v>
      </c>
      <c r="E22" s="17"/>
      <c r="F22" s="17"/>
      <c r="G22" s="17"/>
      <c r="H22" s="17"/>
      <c r="I22" s="34"/>
      <c r="J22" s="34"/>
      <c r="L22" s="202"/>
      <c r="M22" s="186"/>
      <c r="N22" s="186"/>
      <c r="O22" s="201"/>
      <c r="P22" s="200"/>
      <c r="Q22" s="200"/>
      <c r="R22" s="201"/>
      <c r="S22" s="200"/>
      <c r="T22" s="7"/>
      <c r="U22" s="264"/>
      <c r="V22" s="265"/>
      <c r="W22" s="265"/>
      <c r="X22" s="265"/>
      <c r="Y22" s="266"/>
      <c r="Z22" s="146"/>
      <c r="AA22" s="7" t="s">
        <v>109</v>
      </c>
      <c r="AB22" s="7"/>
      <c r="AC22" s="7"/>
      <c r="AD22" s="7"/>
      <c r="AE22" s="7"/>
      <c r="AF22" s="7"/>
      <c r="AG22" s="7"/>
      <c r="AH22" s="7"/>
      <c r="AI22" s="7"/>
      <c r="AJ22" s="7"/>
      <c r="AK22" s="7"/>
      <c r="AL22" s="7"/>
      <c r="AM22" s="7"/>
      <c r="AN22" s="7"/>
      <c r="AO22" s="7"/>
      <c r="AP22" s="7"/>
      <c r="AQ22" s="7"/>
      <c r="AR22" s="7"/>
      <c r="AS22" s="7"/>
    </row>
    <row r="23" spans="1:56" customFormat="1" ht="6.95" customHeight="1" x14ac:dyDescent="0.2">
      <c r="A23" s="39"/>
      <c r="B23" s="39"/>
      <c r="C23" s="39"/>
      <c r="D23" s="7"/>
      <c r="E23" s="7"/>
      <c r="F23" s="7"/>
      <c r="G23" s="7"/>
      <c r="H23" s="7"/>
      <c r="I23" s="35"/>
      <c r="J23" s="35"/>
      <c r="K23" s="32"/>
      <c r="L23" s="199"/>
      <c r="M23" s="199"/>
      <c r="N23" s="199"/>
      <c r="O23" s="199"/>
      <c r="P23" s="203"/>
      <c r="Q23" s="186"/>
      <c r="R23" s="278"/>
      <c r="S23" s="278"/>
      <c r="T23" s="140"/>
      <c r="U23" s="208"/>
      <c r="V23" s="208"/>
      <c r="W23" s="207"/>
      <c r="X23" s="207"/>
      <c r="Y23" s="207"/>
      <c r="Z23" s="7"/>
      <c r="AA23" s="7"/>
      <c r="AB23" s="7"/>
      <c r="AC23" s="7"/>
      <c r="AD23" s="7"/>
      <c r="AE23" s="7"/>
      <c r="AF23" s="7"/>
      <c r="AG23" s="7"/>
      <c r="AH23" s="7"/>
      <c r="AI23" s="7"/>
      <c r="AJ23" s="7"/>
      <c r="AK23" s="7"/>
      <c r="AL23" s="7"/>
      <c r="AM23" s="7"/>
      <c r="AN23" s="7"/>
      <c r="AO23" s="7"/>
      <c r="AP23" s="7"/>
      <c r="AQ23" s="7"/>
      <c r="AR23" s="7"/>
      <c r="AS23" s="7"/>
      <c r="AT23" s="32"/>
    </row>
    <row r="24" spans="1:56" s="32" customFormat="1" ht="20.100000000000001" customHeight="1" x14ac:dyDescent="0.2">
      <c r="A24" s="39"/>
      <c r="B24" s="39"/>
      <c r="C24" s="39"/>
      <c r="D24" s="17" t="s">
        <v>53</v>
      </c>
      <c r="E24" s="17"/>
      <c r="F24" s="17"/>
      <c r="G24" s="17"/>
      <c r="H24" s="17"/>
      <c r="I24" s="82"/>
      <c r="J24" s="82"/>
      <c r="L24" s="202"/>
      <c r="M24" s="186"/>
      <c r="N24" s="186"/>
      <c r="O24" s="201"/>
      <c r="P24" s="200"/>
      <c r="Q24" s="200"/>
      <c r="R24" s="201"/>
      <c r="S24" s="200"/>
      <c r="T24" s="7"/>
      <c r="U24" s="264"/>
      <c r="V24" s="265"/>
      <c r="W24" s="265"/>
      <c r="X24" s="265"/>
      <c r="Y24" s="266"/>
      <c r="Z24" s="146"/>
      <c r="AA24" s="7" t="s">
        <v>167</v>
      </c>
      <c r="AB24" s="7"/>
      <c r="AC24" s="84"/>
      <c r="AD24" s="7"/>
      <c r="AE24" s="7"/>
      <c r="AF24" s="7"/>
      <c r="AG24" s="7"/>
      <c r="AH24" s="7"/>
      <c r="AI24" s="7"/>
      <c r="AJ24" s="7"/>
      <c r="AK24" s="7"/>
      <c r="AL24" s="7"/>
      <c r="AM24" s="7"/>
      <c r="AN24" s="7"/>
      <c r="AO24" s="7"/>
      <c r="AP24" s="7"/>
      <c r="AQ24" s="7"/>
      <c r="AR24" s="7"/>
      <c r="AS24" s="7"/>
    </row>
    <row r="25" spans="1:56" s="32" customFormat="1" ht="6.95" customHeight="1" x14ac:dyDescent="0.2">
      <c r="A25" s="39"/>
      <c r="B25" s="39"/>
      <c r="C25" s="39"/>
      <c r="D25" s="17"/>
      <c r="E25" s="17"/>
      <c r="F25" s="17"/>
      <c r="G25" s="17"/>
      <c r="H25" s="17"/>
      <c r="I25" s="82"/>
      <c r="J25" s="82"/>
      <c r="L25" s="186"/>
      <c r="M25" s="186"/>
      <c r="N25" s="186"/>
      <c r="O25" s="186"/>
      <c r="P25" s="200"/>
      <c r="Q25" s="200"/>
      <c r="R25" s="186"/>
      <c r="S25" s="200"/>
      <c r="T25" s="7"/>
      <c r="U25" s="207"/>
      <c r="V25" s="207"/>
      <c r="W25" s="207"/>
      <c r="X25" s="207"/>
      <c r="Y25" s="207"/>
      <c r="Z25" s="7"/>
      <c r="AA25" s="7"/>
      <c r="AB25" s="7"/>
      <c r="AC25" s="84"/>
      <c r="AD25" s="7"/>
      <c r="AE25" s="7"/>
      <c r="AF25" s="7"/>
      <c r="AG25" s="7"/>
      <c r="AH25" s="7"/>
      <c r="AI25" s="7"/>
      <c r="AJ25" s="7"/>
      <c r="AK25" s="7"/>
      <c r="AL25" s="7"/>
      <c r="AM25" s="7"/>
      <c r="AN25" s="7"/>
      <c r="AO25" s="7"/>
      <c r="AP25" s="7"/>
      <c r="AQ25" s="7"/>
      <c r="AR25" s="7"/>
      <c r="AS25" s="7"/>
    </row>
    <row r="26" spans="1:56" s="32" customFormat="1" ht="20.100000000000001" customHeight="1" x14ac:dyDescent="0.2">
      <c r="A26" s="39"/>
      <c r="B26" s="39"/>
      <c r="C26" s="39"/>
      <c r="D26" s="17" t="s">
        <v>54</v>
      </c>
      <c r="E26" s="17"/>
      <c r="F26" s="17"/>
      <c r="G26" s="17"/>
      <c r="H26" s="17"/>
      <c r="I26" s="34"/>
      <c r="J26" s="34"/>
      <c r="L26" s="202"/>
      <c r="M26" s="186"/>
      <c r="N26" s="186"/>
      <c r="O26" s="201"/>
      <c r="P26" s="200"/>
      <c r="Q26" s="200"/>
      <c r="R26" s="201"/>
      <c r="S26" s="200"/>
      <c r="T26" s="7"/>
      <c r="U26" s="264"/>
      <c r="V26" s="265"/>
      <c r="W26" s="265"/>
      <c r="X26" s="265"/>
      <c r="Y26" s="266"/>
      <c r="Z26" s="146"/>
      <c r="AA26" s="7" t="s">
        <v>167</v>
      </c>
      <c r="AB26" s="7"/>
      <c r="AC26" s="84"/>
      <c r="AD26" s="7"/>
      <c r="AE26" s="7"/>
      <c r="AF26" s="7"/>
      <c r="AG26" s="7"/>
      <c r="AH26" s="7"/>
      <c r="AI26" s="7"/>
      <c r="AJ26" s="7"/>
      <c r="AK26" s="7"/>
      <c r="AL26" s="7"/>
      <c r="AM26" s="7"/>
      <c r="AN26" s="7"/>
      <c r="AO26" s="7"/>
      <c r="AP26" s="7"/>
      <c r="AQ26" s="7"/>
      <c r="AR26" s="7"/>
      <c r="AS26" s="7"/>
    </row>
    <row r="27" spans="1:56" customFormat="1" ht="13.5" thickBot="1" x14ac:dyDescent="0.25">
      <c r="A27" s="39"/>
      <c r="B27" s="39"/>
      <c r="C27" s="39"/>
      <c r="D27" s="34"/>
      <c r="E27" s="34"/>
      <c r="F27" s="34"/>
      <c r="G27" s="34"/>
      <c r="H27" s="34"/>
      <c r="I27" s="34"/>
      <c r="J27" s="34"/>
      <c r="K27" s="34"/>
      <c r="L27" s="34"/>
      <c r="M27" s="34"/>
      <c r="N27" s="34"/>
      <c r="O27" s="34"/>
      <c r="P27" s="34"/>
      <c r="Q27" s="34"/>
      <c r="R27" s="34"/>
      <c r="S27" s="34"/>
      <c r="T27" s="34"/>
      <c r="U27" s="34"/>
      <c r="V27" s="34"/>
      <c r="W27" s="7"/>
      <c r="X27" s="7"/>
      <c r="Y27" s="7"/>
      <c r="Z27" s="7"/>
      <c r="AA27" s="7"/>
      <c r="AB27" s="7"/>
      <c r="AC27" s="7"/>
      <c r="AD27" s="7"/>
      <c r="AE27" s="7"/>
      <c r="AF27" s="7"/>
      <c r="AG27" s="7"/>
      <c r="AH27" s="7"/>
      <c r="AI27" s="7"/>
      <c r="AJ27" s="7"/>
      <c r="AK27" s="7"/>
      <c r="AL27" s="7"/>
      <c r="AM27" s="7"/>
      <c r="AN27" s="7"/>
      <c r="AO27" s="7"/>
      <c r="AP27" s="7"/>
      <c r="AQ27" s="7"/>
      <c r="AR27" s="7"/>
      <c r="AS27" s="7"/>
      <c r="AT27" s="32"/>
    </row>
    <row r="28" spans="1:56" ht="24.95" customHeight="1" thickBot="1" x14ac:dyDescent="0.25">
      <c r="B28" s="274" t="s">
        <v>51</v>
      </c>
      <c r="C28" s="275"/>
      <c r="D28" s="275"/>
      <c r="E28" s="275"/>
      <c r="F28" s="275"/>
      <c r="G28" s="275"/>
      <c r="H28" s="275"/>
      <c r="I28" s="275"/>
      <c r="J28" s="275"/>
      <c r="K28" s="275"/>
      <c r="L28" s="275"/>
      <c r="M28" s="275"/>
      <c r="N28" s="275"/>
      <c r="O28" s="275"/>
      <c r="P28" s="275"/>
      <c r="Q28" s="275"/>
      <c r="R28" s="275"/>
      <c r="S28" s="275"/>
      <c r="T28" s="275"/>
      <c r="U28" s="275"/>
      <c r="V28" s="275"/>
      <c r="W28" s="275"/>
      <c r="X28" s="275"/>
      <c r="Y28" s="275"/>
      <c r="Z28" s="275"/>
      <c r="AA28" s="275"/>
      <c r="AB28" s="275"/>
      <c r="AC28" s="275"/>
      <c r="AD28" s="275"/>
      <c r="AE28" s="275"/>
      <c r="AF28" s="275"/>
      <c r="AG28" s="275"/>
      <c r="AH28" s="275"/>
      <c r="AI28" s="275"/>
      <c r="AJ28" s="275"/>
      <c r="AK28" s="275"/>
      <c r="AL28" s="275"/>
      <c r="AM28" s="275"/>
      <c r="AN28" s="275"/>
      <c r="AO28" s="275"/>
      <c r="AP28" s="275"/>
      <c r="AQ28" s="275"/>
      <c r="AR28" s="275"/>
      <c r="AS28" s="275"/>
      <c r="AT28" s="276"/>
      <c r="BA28"/>
      <c r="BB28"/>
      <c r="BC28"/>
      <c r="BD28"/>
    </row>
    <row r="29" spans="1:56" x14ac:dyDescent="0.2">
      <c r="D29" s="119"/>
      <c r="E29" s="119"/>
      <c r="F29" s="119"/>
      <c r="G29" s="119"/>
      <c r="H29" s="119"/>
      <c r="I29" s="119"/>
      <c r="J29" s="119"/>
      <c r="K29" s="119"/>
      <c r="L29" s="119"/>
      <c r="M29" s="8"/>
      <c r="N29" s="8"/>
      <c r="O29" s="119"/>
      <c r="U29" s="34"/>
      <c r="W29" s="34"/>
      <c r="X29" s="34"/>
      <c r="Y29" s="32"/>
      <c r="Z29" s="32"/>
      <c r="AA29" s="32"/>
      <c r="AB29" s="32"/>
      <c r="AC29" s="32"/>
      <c r="AD29" s="32"/>
      <c r="AE29" s="32"/>
      <c r="AF29" s="32"/>
      <c r="AG29" s="32"/>
      <c r="AH29" s="32"/>
      <c r="AI29" s="32"/>
      <c r="AJ29" s="32"/>
      <c r="AK29" s="32"/>
      <c r="AL29" s="32"/>
      <c r="AM29" s="32"/>
      <c r="AN29" s="32"/>
      <c r="AO29" s="32"/>
      <c r="AP29" s="32"/>
      <c r="AQ29" s="32"/>
      <c r="AR29" s="32"/>
      <c r="AS29" s="32"/>
      <c r="BA29"/>
      <c r="BB29"/>
      <c r="BC29"/>
      <c r="BD29"/>
    </row>
    <row r="30" spans="1:56" ht="6.95" customHeight="1" x14ac:dyDescent="0.2">
      <c r="B30" s="50"/>
      <c r="C30" s="51"/>
      <c r="D30" s="65"/>
      <c r="E30" s="65"/>
      <c r="F30" s="65"/>
      <c r="G30" s="65"/>
      <c r="H30" s="65"/>
      <c r="I30" s="65"/>
      <c r="J30" s="65"/>
      <c r="K30" s="65"/>
      <c r="L30" s="65"/>
      <c r="M30" s="66"/>
      <c r="N30" s="66"/>
      <c r="O30" s="65"/>
      <c r="P30" s="51"/>
      <c r="Q30" s="51"/>
      <c r="R30" s="51"/>
      <c r="S30" s="51"/>
      <c r="T30" s="51"/>
      <c r="U30" s="51"/>
      <c r="V30" s="51"/>
      <c r="W30" s="51"/>
      <c r="X30" s="51"/>
      <c r="Y30" s="157"/>
      <c r="Z30" s="157"/>
      <c r="AA30" s="157"/>
      <c r="AB30" s="157"/>
      <c r="AC30" s="157"/>
      <c r="AD30" s="157"/>
      <c r="AE30" s="157"/>
      <c r="AF30" s="157"/>
      <c r="AG30" s="157"/>
      <c r="AH30" s="157"/>
      <c r="AI30" s="157"/>
      <c r="AJ30" s="157"/>
      <c r="AK30" s="157"/>
      <c r="AL30" s="157"/>
      <c r="AM30" s="157"/>
      <c r="AN30" s="157"/>
      <c r="AO30" s="157"/>
      <c r="AP30" s="157"/>
      <c r="AQ30" s="67"/>
      <c r="AR30" s="158"/>
      <c r="AS30" s="158"/>
      <c r="AT30" s="159"/>
      <c r="BA30"/>
      <c r="BB30"/>
      <c r="BC30"/>
      <c r="BD30"/>
    </row>
    <row r="31" spans="1:56" ht="12.6" customHeight="1" x14ac:dyDescent="0.2">
      <c r="B31" s="54"/>
      <c r="C31" s="55"/>
      <c r="D31" s="58"/>
      <c r="E31" s="58"/>
      <c r="F31" s="56" t="s">
        <v>52</v>
      </c>
      <c r="G31" s="56"/>
      <c r="H31" s="56"/>
      <c r="I31" s="55"/>
      <c r="J31" s="59"/>
      <c r="K31" s="59"/>
      <c r="L31" s="59"/>
      <c r="M31" s="143" t="s">
        <v>98</v>
      </c>
      <c r="N31" s="55"/>
      <c r="O31" s="55"/>
      <c r="P31" s="142"/>
      <c r="Q31" s="142"/>
      <c r="R31" s="142" t="s">
        <v>49</v>
      </c>
      <c r="S31" s="142"/>
      <c r="T31" s="142"/>
      <c r="U31" s="142"/>
      <c r="V31" s="55"/>
      <c r="W31" s="142"/>
      <c r="X31" s="142"/>
      <c r="Y31" s="142" t="s">
        <v>50</v>
      </c>
      <c r="Z31" s="55"/>
      <c r="AA31" s="55"/>
      <c r="AB31" s="55"/>
      <c r="AC31" s="55"/>
      <c r="AD31" s="55"/>
      <c r="AE31" s="55"/>
      <c r="AF31" s="55"/>
      <c r="AG31" s="64"/>
      <c r="AH31" s="64" t="s">
        <v>168</v>
      </c>
      <c r="AI31" s="55"/>
      <c r="AJ31" s="64"/>
      <c r="AK31" s="55"/>
      <c r="AL31" s="144"/>
      <c r="AM31" s="144"/>
      <c r="AN31" s="64"/>
      <c r="AO31" s="55" t="s">
        <v>169</v>
      </c>
      <c r="AP31" s="144"/>
      <c r="AQ31" s="144"/>
      <c r="AR31" s="144"/>
      <c r="AS31" s="64"/>
      <c r="AT31" s="145"/>
      <c r="AU31" s="32"/>
      <c r="AV31" s="32"/>
      <c r="AW31" s="32"/>
      <c r="AX31" s="32"/>
      <c r="AY31" s="32"/>
      <c r="AZ31" s="32"/>
      <c r="BA31" s="32"/>
      <c r="BB31" s="32"/>
      <c r="BC31" s="32"/>
      <c r="BD31" s="32"/>
    </row>
    <row r="32" spans="1:56" ht="6.95" customHeight="1" x14ac:dyDescent="0.2">
      <c r="B32" s="54"/>
      <c r="C32" s="55"/>
      <c r="D32" s="142"/>
      <c r="E32" s="142"/>
      <c r="F32" s="55"/>
      <c r="G32" s="142"/>
      <c r="H32" s="142"/>
      <c r="I32" s="142"/>
      <c r="J32" s="142"/>
      <c r="K32" s="142"/>
      <c r="L32" s="142"/>
      <c r="M32" s="55"/>
      <c r="N32" s="55"/>
      <c r="O32" s="55"/>
      <c r="P32" s="142"/>
      <c r="Q32" s="142"/>
      <c r="R32" s="142"/>
      <c r="S32" s="142"/>
      <c r="T32" s="142"/>
      <c r="U32" s="142"/>
      <c r="V32" s="142"/>
      <c r="W32" s="142"/>
      <c r="X32" s="142"/>
      <c r="Y32" s="142"/>
      <c r="Z32" s="55"/>
      <c r="AA32" s="55"/>
      <c r="AB32" s="55"/>
      <c r="AC32" s="55"/>
      <c r="AD32" s="55"/>
      <c r="AE32" s="55"/>
      <c r="AF32" s="55"/>
      <c r="AG32" s="64"/>
      <c r="AH32" s="64"/>
      <c r="AI32" s="55"/>
      <c r="AJ32" s="55"/>
      <c r="AK32" s="55"/>
      <c r="AL32" s="144"/>
      <c r="AM32" s="144"/>
      <c r="AN32" s="144"/>
      <c r="AO32" s="144"/>
      <c r="AP32" s="144"/>
      <c r="AQ32" s="144"/>
      <c r="AR32" s="144"/>
      <c r="AS32" s="64"/>
      <c r="AT32" s="145"/>
      <c r="BA32"/>
      <c r="BB32"/>
      <c r="BC32"/>
      <c r="BD32"/>
    </row>
    <row r="33" spans="2:56" ht="17.100000000000001" customHeight="1" x14ac:dyDescent="0.2">
      <c r="B33" s="54"/>
      <c r="C33" s="277" t="s">
        <v>88</v>
      </c>
      <c r="D33" s="277"/>
      <c r="E33" s="139"/>
      <c r="F33" s="191"/>
      <c r="G33" s="191"/>
      <c r="H33" s="191"/>
      <c r="I33" s="191"/>
      <c r="J33" s="191"/>
      <c r="K33" s="191"/>
      <c r="L33" s="55"/>
      <c r="M33" s="268"/>
      <c r="N33" s="269"/>
      <c r="O33" s="269"/>
      <c r="P33" s="270"/>
      <c r="Q33" s="144"/>
      <c r="R33" s="191"/>
      <c r="S33" s="191"/>
      <c r="T33" s="191"/>
      <c r="U33" s="191"/>
      <c r="V33" s="191"/>
      <c r="W33" s="191"/>
      <c r="X33" s="192"/>
      <c r="Y33" s="191"/>
      <c r="Z33" s="191"/>
      <c r="AA33" s="191"/>
      <c r="AB33" s="191"/>
      <c r="AC33" s="191"/>
      <c r="AD33" s="191"/>
      <c r="AE33" s="193"/>
      <c r="AF33" s="189"/>
      <c r="AG33" s="64"/>
      <c r="AH33" s="271"/>
      <c r="AI33" s="272"/>
      <c r="AJ33" s="272"/>
      <c r="AK33" s="272"/>
      <c r="AL33" s="272"/>
      <c r="AM33" s="273"/>
      <c r="AN33" s="195"/>
      <c r="AO33" s="279"/>
      <c r="AP33" s="280"/>
      <c r="AQ33" s="280"/>
      <c r="AR33" s="280"/>
      <c r="AS33" s="281"/>
      <c r="AT33" s="145"/>
      <c r="BA33"/>
      <c r="BB33"/>
      <c r="BC33"/>
      <c r="BD33"/>
    </row>
    <row r="34" spans="2:56" ht="6.95" customHeight="1" x14ac:dyDescent="0.2">
      <c r="B34" s="54"/>
      <c r="C34" s="277"/>
      <c r="D34" s="277"/>
      <c r="E34" s="139"/>
      <c r="F34" s="194"/>
      <c r="G34" s="192"/>
      <c r="H34" s="192"/>
      <c r="I34" s="192"/>
      <c r="J34" s="192"/>
      <c r="K34" s="192"/>
      <c r="L34" s="144"/>
      <c r="M34" s="144"/>
      <c r="N34" s="144"/>
      <c r="O34" s="144"/>
      <c r="P34" s="144"/>
      <c r="Q34" s="144"/>
      <c r="R34" s="192"/>
      <c r="S34" s="192"/>
      <c r="T34" s="192"/>
      <c r="U34" s="192"/>
      <c r="V34" s="192"/>
      <c r="W34" s="192"/>
      <c r="X34" s="192"/>
      <c r="Y34" s="192"/>
      <c r="Z34" s="192"/>
      <c r="AA34" s="192"/>
      <c r="AB34" s="192"/>
      <c r="AC34" s="192"/>
      <c r="AD34" s="192"/>
      <c r="AE34" s="192"/>
      <c r="AF34" s="190"/>
      <c r="AG34" s="64"/>
      <c r="AH34" s="197"/>
      <c r="AI34" s="198"/>
      <c r="AJ34" s="196"/>
      <c r="AK34" s="196"/>
      <c r="AL34" s="196"/>
      <c r="AM34" s="196"/>
      <c r="AN34" s="195"/>
      <c r="AO34" s="196"/>
      <c r="AP34" s="196"/>
      <c r="AQ34" s="196"/>
      <c r="AR34" s="196"/>
      <c r="AS34" s="197"/>
      <c r="AT34" s="145"/>
      <c r="BA34"/>
      <c r="BB34"/>
      <c r="BC34"/>
      <c r="BD34"/>
    </row>
    <row r="35" spans="2:56" ht="17.100000000000001" customHeight="1" x14ac:dyDescent="0.2">
      <c r="B35" s="54"/>
      <c r="C35" s="277"/>
      <c r="D35" s="277"/>
      <c r="E35" s="139"/>
      <c r="F35" s="191"/>
      <c r="G35" s="191"/>
      <c r="H35" s="191"/>
      <c r="I35" s="191"/>
      <c r="J35" s="191"/>
      <c r="K35" s="191"/>
      <c r="L35" s="55"/>
      <c r="M35" s="268"/>
      <c r="N35" s="269"/>
      <c r="O35" s="269"/>
      <c r="P35" s="270"/>
      <c r="Q35" s="144"/>
      <c r="R35" s="191"/>
      <c r="S35" s="191"/>
      <c r="T35" s="191"/>
      <c r="U35" s="191"/>
      <c r="V35" s="191"/>
      <c r="W35" s="191"/>
      <c r="X35" s="192"/>
      <c r="Y35" s="191"/>
      <c r="Z35" s="191"/>
      <c r="AA35" s="191"/>
      <c r="AB35" s="191"/>
      <c r="AC35" s="191"/>
      <c r="AD35" s="191"/>
      <c r="AE35" s="193"/>
      <c r="AF35" s="189"/>
      <c r="AG35" s="64"/>
      <c r="AH35" s="271"/>
      <c r="AI35" s="272"/>
      <c r="AJ35" s="272"/>
      <c r="AK35" s="272"/>
      <c r="AL35" s="272"/>
      <c r="AM35" s="273"/>
      <c r="AN35" s="195"/>
      <c r="AO35" s="279"/>
      <c r="AP35" s="280"/>
      <c r="AQ35" s="280"/>
      <c r="AR35" s="280"/>
      <c r="AS35" s="281"/>
      <c r="AT35" s="145"/>
      <c r="BA35"/>
      <c r="BB35"/>
      <c r="BC35"/>
      <c r="BD35"/>
    </row>
    <row r="36" spans="2:56" ht="6.95" customHeight="1" x14ac:dyDescent="0.2">
      <c r="B36" s="54"/>
      <c r="C36" s="277"/>
      <c r="D36" s="277"/>
      <c r="E36" s="139"/>
      <c r="F36" s="194"/>
      <c r="G36" s="192"/>
      <c r="H36" s="192"/>
      <c r="I36" s="192"/>
      <c r="J36" s="192"/>
      <c r="K36" s="192"/>
      <c r="L36" s="144"/>
      <c r="M36" s="144"/>
      <c r="N36" s="144"/>
      <c r="O36" s="144"/>
      <c r="P36" s="144"/>
      <c r="Q36" s="144"/>
      <c r="R36" s="192"/>
      <c r="S36" s="192"/>
      <c r="T36" s="192"/>
      <c r="U36" s="192"/>
      <c r="V36" s="192"/>
      <c r="W36" s="192"/>
      <c r="X36" s="192"/>
      <c r="Y36" s="192"/>
      <c r="Z36" s="192"/>
      <c r="AA36" s="192"/>
      <c r="AB36" s="192"/>
      <c r="AC36" s="192"/>
      <c r="AD36" s="192"/>
      <c r="AE36" s="192"/>
      <c r="AF36" s="190"/>
      <c r="AG36" s="64"/>
      <c r="AH36" s="197"/>
      <c r="AI36" s="198"/>
      <c r="AJ36" s="196"/>
      <c r="AK36" s="196"/>
      <c r="AL36" s="196"/>
      <c r="AM36" s="196"/>
      <c r="AN36" s="195"/>
      <c r="AO36" s="196"/>
      <c r="AP36" s="196"/>
      <c r="AQ36" s="196"/>
      <c r="AR36" s="196"/>
      <c r="AS36" s="197"/>
      <c r="AT36" s="145"/>
      <c r="BA36"/>
      <c r="BB36"/>
      <c r="BC36"/>
      <c r="BD36"/>
    </row>
    <row r="37" spans="2:56" ht="17.100000000000001" customHeight="1" x14ac:dyDescent="0.2">
      <c r="B37" s="54"/>
      <c r="C37" s="277"/>
      <c r="D37" s="277"/>
      <c r="E37" s="139"/>
      <c r="F37" s="191"/>
      <c r="G37" s="191"/>
      <c r="H37" s="191"/>
      <c r="I37" s="191"/>
      <c r="J37" s="191"/>
      <c r="K37" s="191"/>
      <c r="L37" s="55"/>
      <c r="M37" s="268"/>
      <c r="N37" s="269"/>
      <c r="O37" s="269"/>
      <c r="P37" s="270"/>
      <c r="Q37" s="144"/>
      <c r="R37" s="191"/>
      <c r="S37" s="191"/>
      <c r="T37" s="191"/>
      <c r="U37" s="191"/>
      <c r="V37" s="191"/>
      <c r="W37" s="191"/>
      <c r="X37" s="192"/>
      <c r="Y37" s="191"/>
      <c r="Z37" s="191"/>
      <c r="AA37" s="191"/>
      <c r="AB37" s="191"/>
      <c r="AC37" s="191"/>
      <c r="AD37" s="191"/>
      <c r="AE37" s="193"/>
      <c r="AF37" s="189"/>
      <c r="AG37" s="64"/>
      <c r="AH37" s="271"/>
      <c r="AI37" s="272"/>
      <c r="AJ37" s="272"/>
      <c r="AK37" s="272"/>
      <c r="AL37" s="272"/>
      <c r="AM37" s="273"/>
      <c r="AN37" s="195"/>
      <c r="AO37" s="279"/>
      <c r="AP37" s="280"/>
      <c r="AQ37" s="280"/>
      <c r="AR37" s="280"/>
      <c r="AS37" s="281"/>
      <c r="AT37" s="145"/>
      <c r="BA37"/>
      <c r="BB37"/>
      <c r="BC37"/>
      <c r="BD37"/>
    </row>
    <row r="38" spans="2:56" ht="6.95" customHeight="1" x14ac:dyDescent="0.2">
      <c r="B38" s="54"/>
      <c r="C38" s="277"/>
      <c r="D38" s="277"/>
      <c r="E38" s="139"/>
      <c r="F38" s="194"/>
      <c r="G38" s="192"/>
      <c r="H38" s="192"/>
      <c r="I38" s="192"/>
      <c r="J38" s="192"/>
      <c r="K38" s="192"/>
      <c r="L38" s="144"/>
      <c r="M38" s="144"/>
      <c r="N38" s="144"/>
      <c r="O38" s="144"/>
      <c r="P38" s="144"/>
      <c r="Q38" s="144"/>
      <c r="R38" s="192"/>
      <c r="S38" s="192"/>
      <c r="T38" s="192"/>
      <c r="U38" s="192"/>
      <c r="V38" s="192"/>
      <c r="W38" s="192"/>
      <c r="X38" s="192"/>
      <c r="Y38" s="192"/>
      <c r="Z38" s="192"/>
      <c r="AA38" s="192"/>
      <c r="AB38" s="192"/>
      <c r="AC38" s="192"/>
      <c r="AD38" s="192"/>
      <c r="AE38" s="192"/>
      <c r="AF38" s="190"/>
      <c r="AG38" s="64"/>
      <c r="AH38" s="197"/>
      <c r="AI38" s="198"/>
      <c r="AJ38" s="196"/>
      <c r="AK38" s="196"/>
      <c r="AL38" s="196"/>
      <c r="AM38" s="196"/>
      <c r="AN38" s="195"/>
      <c r="AO38" s="196"/>
      <c r="AP38" s="196"/>
      <c r="AQ38" s="196"/>
      <c r="AR38" s="196"/>
      <c r="AS38" s="197"/>
      <c r="AT38" s="145"/>
      <c r="BA38"/>
      <c r="BB38"/>
      <c r="BC38"/>
      <c r="BD38"/>
    </row>
    <row r="39" spans="2:56" ht="17.100000000000001" customHeight="1" x14ac:dyDescent="0.2">
      <c r="B39" s="54"/>
      <c r="C39" s="277"/>
      <c r="D39" s="277"/>
      <c r="E39" s="139"/>
      <c r="F39" s="191"/>
      <c r="G39" s="191"/>
      <c r="H39" s="191"/>
      <c r="I39" s="191"/>
      <c r="J39" s="191"/>
      <c r="K39" s="191"/>
      <c r="L39" s="55"/>
      <c r="M39" s="268"/>
      <c r="N39" s="269"/>
      <c r="O39" s="269"/>
      <c r="P39" s="270"/>
      <c r="Q39" s="144"/>
      <c r="R39" s="191"/>
      <c r="S39" s="191"/>
      <c r="T39" s="191"/>
      <c r="U39" s="191"/>
      <c r="V39" s="191"/>
      <c r="W39" s="191"/>
      <c r="X39" s="192"/>
      <c r="Y39" s="191"/>
      <c r="Z39" s="191"/>
      <c r="AA39" s="191"/>
      <c r="AB39" s="191"/>
      <c r="AC39" s="191"/>
      <c r="AD39" s="191"/>
      <c r="AE39" s="193"/>
      <c r="AF39" s="189"/>
      <c r="AG39" s="64"/>
      <c r="AH39" s="271"/>
      <c r="AI39" s="272"/>
      <c r="AJ39" s="272"/>
      <c r="AK39" s="272"/>
      <c r="AL39" s="272"/>
      <c r="AM39" s="273"/>
      <c r="AN39" s="195"/>
      <c r="AO39" s="279"/>
      <c r="AP39" s="280"/>
      <c r="AQ39" s="280"/>
      <c r="AR39" s="280"/>
      <c r="AS39" s="281"/>
      <c r="AT39" s="145"/>
      <c r="BA39"/>
      <c r="BB39"/>
      <c r="BC39"/>
      <c r="BD39"/>
    </row>
    <row r="40" spans="2:56" ht="6.95" customHeight="1" x14ac:dyDescent="0.2">
      <c r="B40" s="54"/>
      <c r="C40" s="277"/>
      <c r="D40" s="277"/>
      <c r="E40" s="139"/>
      <c r="F40" s="194"/>
      <c r="G40" s="192"/>
      <c r="H40" s="192"/>
      <c r="I40" s="192"/>
      <c r="J40" s="192"/>
      <c r="K40" s="192"/>
      <c r="L40" s="144"/>
      <c r="M40" s="144"/>
      <c r="N40" s="144"/>
      <c r="O40" s="144"/>
      <c r="P40" s="144"/>
      <c r="Q40" s="144"/>
      <c r="R40" s="192"/>
      <c r="S40" s="192"/>
      <c r="T40" s="192"/>
      <c r="U40" s="192"/>
      <c r="V40" s="192"/>
      <c r="W40" s="192"/>
      <c r="X40" s="192"/>
      <c r="Y40" s="192"/>
      <c r="Z40" s="192"/>
      <c r="AA40" s="192"/>
      <c r="AB40" s="192"/>
      <c r="AC40" s="192"/>
      <c r="AD40" s="192"/>
      <c r="AE40" s="192"/>
      <c r="AF40" s="190"/>
      <c r="AG40" s="64"/>
      <c r="AH40" s="197"/>
      <c r="AI40" s="197"/>
      <c r="AJ40" s="196"/>
      <c r="AK40" s="196"/>
      <c r="AL40" s="196"/>
      <c r="AM40" s="196"/>
      <c r="AN40" s="195"/>
      <c r="AO40" s="196"/>
      <c r="AP40" s="196"/>
      <c r="AQ40" s="196"/>
      <c r="AR40" s="196"/>
      <c r="AS40" s="197"/>
      <c r="AT40" s="145"/>
      <c r="BA40"/>
      <c r="BB40"/>
      <c r="BC40"/>
      <c r="BD40"/>
    </row>
    <row r="41" spans="2:56" ht="17.100000000000001" customHeight="1" x14ac:dyDescent="0.2">
      <c r="B41" s="54"/>
      <c r="C41" s="277"/>
      <c r="D41" s="277"/>
      <c r="E41" s="139"/>
      <c r="F41" s="191"/>
      <c r="G41" s="191"/>
      <c r="H41" s="191"/>
      <c r="I41" s="191"/>
      <c r="J41" s="191"/>
      <c r="K41" s="191"/>
      <c r="L41" s="55"/>
      <c r="M41" s="268"/>
      <c r="N41" s="269"/>
      <c r="O41" s="269"/>
      <c r="P41" s="270"/>
      <c r="Q41" s="144"/>
      <c r="R41" s="191"/>
      <c r="S41" s="191"/>
      <c r="T41" s="191"/>
      <c r="U41" s="191"/>
      <c r="V41" s="191"/>
      <c r="W41" s="191"/>
      <c r="X41" s="192"/>
      <c r="Y41" s="191"/>
      <c r="Z41" s="191"/>
      <c r="AA41" s="191"/>
      <c r="AB41" s="191"/>
      <c r="AC41" s="191"/>
      <c r="AD41" s="191"/>
      <c r="AE41" s="193"/>
      <c r="AF41" s="189"/>
      <c r="AG41" s="64"/>
      <c r="AH41" s="271"/>
      <c r="AI41" s="272"/>
      <c r="AJ41" s="272"/>
      <c r="AK41" s="272"/>
      <c r="AL41" s="272"/>
      <c r="AM41" s="273"/>
      <c r="AN41" s="195"/>
      <c r="AO41" s="279"/>
      <c r="AP41" s="280"/>
      <c r="AQ41" s="280"/>
      <c r="AR41" s="280"/>
      <c r="AS41" s="281"/>
      <c r="AT41" s="145"/>
      <c r="BA41"/>
      <c r="BB41"/>
      <c r="BC41"/>
      <c r="BD41"/>
    </row>
    <row r="42" spans="2:56" ht="6.95" customHeight="1" x14ac:dyDescent="0.2">
      <c r="B42" s="60"/>
      <c r="C42" s="61"/>
      <c r="D42" s="61"/>
      <c r="E42" s="61"/>
      <c r="F42" s="62"/>
      <c r="G42" s="62"/>
      <c r="H42" s="62"/>
      <c r="I42" s="63"/>
      <c r="J42" s="161"/>
      <c r="K42" s="161"/>
      <c r="L42" s="161"/>
      <c r="M42" s="61"/>
      <c r="N42" s="61"/>
      <c r="O42" s="61"/>
      <c r="P42" s="61"/>
      <c r="Q42" s="61"/>
      <c r="R42" s="61"/>
      <c r="S42" s="61"/>
      <c r="T42" s="61"/>
      <c r="U42" s="61"/>
      <c r="V42" s="61"/>
      <c r="W42" s="61"/>
      <c r="X42" s="61"/>
      <c r="Y42" s="61"/>
      <c r="Z42" s="61"/>
      <c r="AA42" s="61"/>
      <c r="AB42" s="61"/>
      <c r="AC42" s="61"/>
      <c r="AD42" s="61"/>
      <c r="AE42" s="61"/>
      <c r="AF42" s="61"/>
      <c r="AG42" s="61"/>
      <c r="AH42" s="61"/>
      <c r="AI42" s="61"/>
      <c r="AJ42" s="161"/>
      <c r="AK42" s="161"/>
      <c r="AL42" s="161"/>
      <c r="AM42" s="162"/>
      <c r="AN42" s="162"/>
      <c r="AO42" s="162"/>
      <c r="AP42" s="162"/>
      <c r="AQ42" s="162"/>
      <c r="AR42" s="162"/>
      <c r="AS42" s="162"/>
      <c r="AT42" s="163"/>
      <c r="BA42"/>
      <c r="BB42"/>
      <c r="BC42"/>
      <c r="BD42"/>
    </row>
    <row r="43" spans="2:56" x14ac:dyDescent="0.2">
      <c r="D43" s="27"/>
      <c r="E43" s="27"/>
      <c r="F43" s="27"/>
      <c r="G43" s="27"/>
      <c r="H43" s="27"/>
      <c r="I43" s="27"/>
      <c r="J43" s="27"/>
      <c r="K43" s="27"/>
      <c r="L43" s="27"/>
      <c r="M43" s="27"/>
      <c r="N43" s="27"/>
      <c r="O43" s="119"/>
      <c r="P43" s="27"/>
      <c r="Q43" s="27"/>
      <c r="R43" s="8"/>
      <c r="S43" s="8"/>
      <c r="T43" s="8"/>
      <c r="U43" s="8"/>
      <c r="V43" s="8"/>
      <c r="W43" s="8"/>
      <c r="X43" s="8"/>
      <c r="Y43" s="8"/>
      <c r="Z43" s="8"/>
      <c r="AT43" s="7"/>
      <c r="BA43"/>
      <c r="BB43"/>
      <c r="BC43"/>
      <c r="BD43"/>
    </row>
    <row r="44" spans="2:56" ht="6.95" customHeight="1" x14ac:dyDescent="0.2">
      <c r="B44" s="50"/>
      <c r="C44" s="51"/>
      <c r="D44" s="52"/>
      <c r="E44" s="52"/>
      <c r="F44" s="52"/>
      <c r="G44" s="52"/>
      <c r="H44" s="52"/>
      <c r="I44" s="52"/>
      <c r="J44" s="52"/>
      <c r="K44" s="52"/>
      <c r="L44" s="51"/>
      <c r="M44" s="53"/>
      <c r="N44" s="7"/>
      <c r="O44" s="7"/>
      <c r="P44" s="7"/>
      <c r="R44" s="164"/>
      <c r="S44" s="157"/>
      <c r="T44" s="157"/>
      <c r="U44" s="157"/>
      <c r="V44" s="157"/>
      <c r="W44" s="157"/>
      <c r="X44" s="157"/>
      <c r="Y44" s="157"/>
      <c r="Z44" s="157"/>
      <c r="AA44" s="157"/>
      <c r="AB44" s="157"/>
      <c r="AC44" s="157"/>
      <c r="AD44" s="157"/>
      <c r="AE44" s="157"/>
      <c r="AF44" s="157"/>
      <c r="AG44" s="157"/>
      <c r="AH44" s="157"/>
      <c r="AI44" s="157"/>
      <c r="AJ44" s="157"/>
      <c r="AK44" s="157"/>
      <c r="AL44" s="157"/>
      <c r="AM44" s="157"/>
      <c r="AN44" s="157"/>
      <c r="AO44" s="157"/>
      <c r="AP44" s="157"/>
      <c r="AQ44" s="157"/>
      <c r="AR44" s="157"/>
      <c r="AS44" s="51"/>
      <c r="AT44" s="53"/>
      <c r="BA44"/>
      <c r="BB44"/>
      <c r="BC44"/>
      <c r="BD44"/>
    </row>
    <row r="45" spans="2:56" ht="12.95" customHeight="1" x14ac:dyDescent="0.2">
      <c r="B45" s="141"/>
      <c r="C45" s="55"/>
      <c r="D45" s="55"/>
      <c r="E45" s="55"/>
      <c r="F45" s="56" t="s">
        <v>52</v>
      </c>
      <c r="G45" s="56"/>
      <c r="H45" s="56"/>
      <c r="I45" s="55"/>
      <c r="J45" s="59"/>
      <c r="K45" s="59"/>
      <c r="L45" s="55"/>
      <c r="M45" s="57"/>
      <c r="N45" s="7"/>
      <c r="O45" s="7"/>
      <c r="P45" s="7"/>
      <c r="R45" s="141"/>
      <c r="S45" s="142"/>
      <c r="T45" s="142"/>
      <c r="U45" s="142"/>
      <c r="V45" s="142"/>
      <c r="W45" s="55"/>
      <c r="X45" s="56" t="s">
        <v>52</v>
      </c>
      <c r="Y45" s="56"/>
      <c r="Z45" s="56"/>
      <c r="AA45" s="55"/>
      <c r="AB45" s="59"/>
      <c r="AC45" s="59"/>
      <c r="AD45" s="59"/>
      <c r="AE45" s="56" t="s">
        <v>49</v>
      </c>
      <c r="AF45" s="56"/>
      <c r="AG45" s="55"/>
      <c r="AH45" s="59"/>
      <c r="AI45" s="59"/>
      <c r="AJ45" s="59"/>
      <c r="AK45" s="142"/>
      <c r="AL45" s="56" t="s">
        <v>50</v>
      </c>
      <c r="AM45" s="56"/>
      <c r="AN45" s="55"/>
      <c r="AO45" s="59"/>
      <c r="AP45" s="59"/>
      <c r="AQ45" s="59"/>
      <c r="AR45" s="59"/>
      <c r="AS45" s="64"/>
      <c r="AT45" s="57"/>
      <c r="AU45" s="32"/>
      <c r="AV45" s="32"/>
      <c r="AW45" s="32"/>
      <c r="AX45" s="8"/>
      <c r="AY45" s="32"/>
      <c r="AZ45" s="32"/>
      <c r="BA45" s="32"/>
      <c r="BB45" s="32"/>
      <c r="BC45" s="32"/>
      <c r="BD45" s="32"/>
    </row>
    <row r="46" spans="2:56" ht="5.0999999999999996" customHeight="1" x14ac:dyDescent="0.2">
      <c r="B46" s="54"/>
      <c r="C46" s="55"/>
      <c r="D46" s="55"/>
      <c r="E46" s="55"/>
      <c r="F46" s="55"/>
      <c r="G46" s="142"/>
      <c r="H46" s="142"/>
      <c r="I46" s="142"/>
      <c r="J46" s="142"/>
      <c r="K46" s="142"/>
      <c r="L46" s="55"/>
      <c r="M46" s="165"/>
      <c r="N46" s="7"/>
      <c r="O46" s="7"/>
      <c r="P46" s="7"/>
      <c r="R46" s="141"/>
      <c r="S46" s="142"/>
      <c r="T46" s="142"/>
      <c r="U46" s="142"/>
      <c r="V46" s="142"/>
      <c r="W46" s="55"/>
      <c r="X46" s="55"/>
      <c r="Y46" s="142"/>
      <c r="Z46" s="142"/>
      <c r="AA46" s="142"/>
      <c r="AB46" s="142"/>
      <c r="AC46" s="142"/>
      <c r="AD46" s="142"/>
      <c r="AE46" s="142"/>
      <c r="AF46" s="142"/>
      <c r="AG46" s="142"/>
      <c r="AH46" s="142"/>
      <c r="AI46" s="142"/>
      <c r="AJ46" s="142"/>
      <c r="AK46" s="142"/>
      <c r="AL46" s="142"/>
      <c r="AM46" s="142"/>
      <c r="AN46" s="142"/>
      <c r="AO46" s="142"/>
      <c r="AP46" s="142"/>
      <c r="AQ46" s="142"/>
      <c r="AR46" s="142"/>
      <c r="AS46" s="64"/>
      <c r="AT46" s="165"/>
      <c r="BA46"/>
      <c r="BB46"/>
      <c r="BC46"/>
      <c r="BD46"/>
    </row>
    <row r="47" spans="2:56" ht="17.100000000000001" customHeight="1" x14ac:dyDescent="0.2">
      <c r="B47" s="54"/>
      <c r="C47" s="277" t="s">
        <v>97</v>
      </c>
      <c r="D47" s="277"/>
      <c r="E47" s="139"/>
      <c r="F47" s="191"/>
      <c r="G47" s="191"/>
      <c r="H47" s="191"/>
      <c r="I47" s="191"/>
      <c r="J47" s="191"/>
      <c r="K47" s="191"/>
      <c r="L47" s="55"/>
      <c r="M47" s="165"/>
      <c r="N47" s="7"/>
      <c r="O47" s="7"/>
      <c r="P47" s="7"/>
      <c r="R47" s="141"/>
      <c r="S47" s="282" t="s">
        <v>87</v>
      </c>
      <c r="T47" s="282"/>
      <c r="U47" s="282"/>
      <c r="V47" s="282"/>
      <c r="W47" s="55"/>
      <c r="X47" s="191"/>
      <c r="Y47" s="191"/>
      <c r="Z47" s="191"/>
      <c r="AA47" s="191"/>
      <c r="AB47" s="191"/>
      <c r="AC47" s="191"/>
      <c r="AD47" s="188"/>
      <c r="AE47" s="191"/>
      <c r="AF47" s="191"/>
      <c r="AG47" s="191"/>
      <c r="AH47" s="191"/>
      <c r="AI47" s="191"/>
      <c r="AJ47" s="191"/>
      <c r="AK47" s="192"/>
      <c r="AL47" s="191"/>
      <c r="AM47" s="191"/>
      <c r="AN47" s="191"/>
      <c r="AO47" s="191"/>
      <c r="AP47" s="191"/>
      <c r="AQ47" s="191"/>
      <c r="AR47" s="193"/>
      <c r="AS47" s="189"/>
      <c r="AT47" s="165"/>
      <c r="AV47" s="33"/>
      <c r="BA47"/>
      <c r="BB47"/>
      <c r="BC47"/>
      <c r="BD47"/>
    </row>
    <row r="48" spans="2:56" ht="6.95" customHeight="1" x14ac:dyDescent="0.2">
      <c r="B48" s="54"/>
      <c r="C48" s="277"/>
      <c r="D48" s="277"/>
      <c r="E48" s="139"/>
      <c r="F48" s="194"/>
      <c r="G48" s="192"/>
      <c r="H48" s="192"/>
      <c r="I48" s="192"/>
      <c r="J48" s="192"/>
      <c r="K48" s="192"/>
      <c r="L48" s="55"/>
      <c r="M48" s="165"/>
      <c r="N48" s="7"/>
      <c r="O48" s="7"/>
      <c r="P48" s="7"/>
      <c r="R48" s="141"/>
      <c r="S48" s="282"/>
      <c r="T48" s="282"/>
      <c r="U48" s="282"/>
      <c r="V48" s="282"/>
      <c r="W48" s="55"/>
      <c r="X48" s="194"/>
      <c r="Y48" s="192"/>
      <c r="Z48" s="192"/>
      <c r="AA48" s="192"/>
      <c r="AB48" s="192"/>
      <c r="AC48" s="192"/>
      <c r="AD48" s="192"/>
      <c r="AE48" s="192"/>
      <c r="AF48" s="192"/>
      <c r="AG48" s="192"/>
      <c r="AH48" s="192"/>
      <c r="AI48" s="192"/>
      <c r="AJ48" s="192"/>
      <c r="AK48" s="192"/>
      <c r="AL48" s="192"/>
      <c r="AM48" s="192"/>
      <c r="AN48" s="192"/>
      <c r="AO48" s="192"/>
      <c r="AP48" s="192"/>
      <c r="AQ48" s="192"/>
      <c r="AR48" s="192"/>
      <c r="AS48" s="190"/>
      <c r="AT48" s="165"/>
      <c r="BA48"/>
      <c r="BB48"/>
      <c r="BC48"/>
      <c r="BD48"/>
    </row>
    <row r="49" spans="1:56" ht="17.100000000000001" customHeight="1" x14ac:dyDescent="0.2">
      <c r="B49" s="54"/>
      <c r="C49" s="277"/>
      <c r="D49" s="277"/>
      <c r="E49" s="139"/>
      <c r="F49" s="191"/>
      <c r="G49" s="191"/>
      <c r="H49" s="191"/>
      <c r="I49" s="191"/>
      <c r="J49" s="191"/>
      <c r="K49" s="191"/>
      <c r="L49" s="55"/>
      <c r="M49" s="165"/>
      <c r="N49" s="7"/>
      <c r="O49" s="7"/>
      <c r="P49" s="7"/>
      <c r="R49" s="141"/>
      <c r="S49" s="282"/>
      <c r="T49" s="282"/>
      <c r="U49" s="282"/>
      <c r="V49" s="282"/>
      <c r="W49" s="55"/>
      <c r="X49" s="191"/>
      <c r="Y49" s="191"/>
      <c r="Z49" s="191"/>
      <c r="AA49" s="191"/>
      <c r="AB49" s="191"/>
      <c r="AC49" s="191"/>
      <c r="AD49" s="188"/>
      <c r="AE49" s="191"/>
      <c r="AF49" s="191"/>
      <c r="AG49" s="191"/>
      <c r="AH49" s="191"/>
      <c r="AI49" s="191"/>
      <c r="AJ49" s="191"/>
      <c r="AK49" s="192"/>
      <c r="AL49" s="191"/>
      <c r="AM49" s="191"/>
      <c r="AN49" s="191"/>
      <c r="AO49" s="191"/>
      <c r="AP49" s="191"/>
      <c r="AQ49" s="191"/>
      <c r="AR49" s="193"/>
      <c r="AS49" s="189"/>
      <c r="AT49" s="165"/>
      <c r="BA49"/>
      <c r="BB49"/>
      <c r="BC49"/>
      <c r="BD49"/>
    </row>
    <row r="50" spans="1:56" ht="6.95" customHeight="1" x14ac:dyDescent="0.2">
      <c r="B50" s="54"/>
      <c r="C50" s="55"/>
      <c r="D50" s="58"/>
      <c r="E50" s="58"/>
      <c r="F50" s="194"/>
      <c r="G50" s="192"/>
      <c r="H50" s="192"/>
      <c r="I50" s="192"/>
      <c r="J50" s="192"/>
      <c r="K50" s="192"/>
      <c r="L50" s="55"/>
      <c r="M50" s="165"/>
      <c r="N50" s="7"/>
      <c r="O50" s="7"/>
      <c r="P50" s="7"/>
      <c r="R50" s="141"/>
      <c r="S50" s="282"/>
      <c r="T50" s="282"/>
      <c r="U50" s="282"/>
      <c r="V50" s="282"/>
      <c r="W50" s="55"/>
      <c r="X50" s="194"/>
      <c r="Y50" s="192"/>
      <c r="Z50" s="192"/>
      <c r="AA50" s="192"/>
      <c r="AB50" s="192"/>
      <c r="AC50" s="192"/>
      <c r="AD50" s="192"/>
      <c r="AE50" s="192"/>
      <c r="AF50" s="192"/>
      <c r="AG50" s="192"/>
      <c r="AH50" s="192"/>
      <c r="AI50" s="192"/>
      <c r="AJ50" s="192"/>
      <c r="AK50" s="192"/>
      <c r="AL50" s="192"/>
      <c r="AM50" s="192"/>
      <c r="AN50" s="192"/>
      <c r="AO50" s="192"/>
      <c r="AP50" s="192"/>
      <c r="AQ50" s="192"/>
      <c r="AR50" s="192"/>
      <c r="AS50" s="190"/>
      <c r="AT50" s="165"/>
      <c r="BA50"/>
      <c r="BB50"/>
      <c r="BC50"/>
      <c r="BD50"/>
    </row>
    <row r="51" spans="1:56" ht="17.100000000000001" customHeight="1" x14ac:dyDescent="0.2">
      <c r="B51" s="54"/>
      <c r="C51" s="55"/>
      <c r="D51" s="58"/>
      <c r="E51" s="58"/>
      <c r="F51" s="191"/>
      <c r="G51" s="191"/>
      <c r="H51" s="191"/>
      <c r="I51" s="191"/>
      <c r="J51" s="191"/>
      <c r="K51" s="191"/>
      <c r="L51" s="55"/>
      <c r="M51" s="165"/>
      <c r="N51" s="7"/>
      <c r="O51" s="7"/>
      <c r="P51" s="7"/>
      <c r="R51" s="141"/>
      <c r="S51" s="282"/>
      <c r="T51" s="282"/>
      <c r="U51" s="282"/>
      <c r="V51" s="282"/>
      <c r="W51" s="55"/>
      <c r="X51" s="191"/>
      <c r="Y51" s="191"/>
      <c r="Z51" s="191"/>
      <c r="AA51" s="191"/>
      <c r="AB51" s="191"/>
      <c r="AC51" s="191"/>
      <c r="AD51" s="188"/>
      <c r="AE51" s="191"/>
      <c r="AF51" s="191"/>
      <c r="AG51" s="191"/>
      <c r="AH51" s="191"/>
      <c r="AI51" s="191"/>
      <c r="AJ51" s="191"/>
      <c r="AK51" s="192"/>
      <c r="AL51" s="191"/>
      <c r="AM51" s="191"/>
      <c r="AN51" s="191"/>
      <c r="AO51" s="191"/>
      <c r="AP51" s="191"/>
      <c r="AQ51" s="191"/>
      <c r="AR51" s="193"/>
      <c r="AS51" s="189"/>
      <c r="AT51" s="165"/>
      <c r="BA51"/>
      <c r="BB51"/>
      <c r="BC51"/>
      <c r="BD51"/>
    </row>
    <row r="52" spans="1:56" ht="6.95" customHeight="1" x14ac:dyDescent="0.2">
      <c r="B52" s="54"/>
      <c r="C52" s="55"/>
      <c r="D52" s="58"/>
      <c r="E52" s="58"/>
      <c r="F52" s="194"/>
      <c r="G52" s="192"/>
      <c r="H52" s="192"/>
      <c r="I52" s="192"/>
      <c r="J52" s="192"/>
      <c r="K52" s="192"/>
      <c r="L52" s="55"/>
      <c r="M52" s="165"/>
      <c r="N52" s="7"/>
      <c r="O52" s="7"/>
      <c r="P52" s="7"/>
      <c r="R52" s="141"/>
      <c r="S52" s="282"/>
      <c r="T52" s="282"/>
      <c r="U52" s="282"/>
      <c r="V52" s="282"/>
      <c r="W52" s="55"/>
      <c r="X52" s="194"/>
      <c r="Y52" s="192"/>
      <c r="Z52" s="192"/>
      <c r="AA52" s="192"/>
      <c r="AB52" s="192"/>
      <c r="AC52" s="192"/>
      <c r="AD52" s="192"/>
      <c r="AE52" s="192"/>
      <c r="AF52" s="192"/>
      <c r="AG52" s="192"/>
      <c r="AH52" s="192"/>
      <c r="AI52" s="192"/>
      <c r="AJ52" s="192"/>
      <c r="AK52" s="192"/>
      <c r="AL52" s="192"/>
      <c r="AM52" s="192"/>
      <c r="AN52" s="192"/>
      <c r="AO52" s="192"/>
      <c r="AP52" s="192"/>
      <c r="AQ52" s="192"/>
      <c r="AR52" s="192"/>
      <c r="AS52" s="190"/>
      <c r="AT52" s="165"/>
      <c r="BA52"/>
      <c r="BB52"/>
      <c r="BC52"/>
      <c r="BD52"/>
    </row>
    <row r="53" spans="1:56" ht="17.100000000000001" customHeight="1" x14ac:dyDescent="0.2">
      <c r="B53" s="54"/>
      <c r="C53" s="55"/>
      <c r="D53" s="58"/>
      <c r="E53" s="58"/>
      <c r="F53" s="191"/>
      <c r="G53" s="191"/>
      <c r="H53" s="191"/>
      <c r="I53" s="191"/>
      <c r="J53" s="191"/>
      <c r="K53" s="191"/>
      <c r="L53" s="55"/>
      <c r="M53" s="165"/>
      <c r="N53" s="7"/>
      <c r="O53" s="7"/>
      <c r="P53" s="7"/>
      <c r="R53" s="141"/>
      <c r="S53" s="282"/>
      <c r="T53" s="282"/>
      <c r="U53" s="282"/>
      <c r="V53" s="282"/>
      <c r="W53" s="55"/>
      <c r="X53" s="191"/>
      <c r="Y53" s="191"/>
      <c r="Z53" s="191"/>
      <c r="AA53" s="191"/>
      <c r="AB53" s="191"/>
      <c r="AC53" s="191"/>
      <c r="AD53" s="188"/>
      <c r="AE53" s="191"/>
      <c r="AF53" s="191"/>
      <c r="AG53" s="191"/>
      <c r="AH53" s="191"/>
      <c r="AI53" s="191"/>
      <c r="AJ53" s="191"/>
      <c r="AK53" s="192"/>
      <c r="AL53" s="191"/>
      <c r="AM53" s="191"/>
      <c r="AN53" s="191"/>
      <c r="AO53" s="191"/>
      <c r="AP53" s="191"/>
      <c r="AQ53" s="191"/>
      <c r="AR53" s="193"/>
      <c r="AS53" s="189"/>
      <c r="AT53" s="165"/>
      <c r="BA53"/>
      <c r="BB53"/>
      <c r="BC53"/>
      <c r="BD53"/>
    </row>
    <row r="54" spans="1:56" ht="6.95" customHeight="1" x14ac:dyDescent="0.2">
      <c r="B54" s="54"/>
      <c r="C54" s="55"/>
      <c r="D54" s="58"/>
      <c r="E54" s="58"/>
      <c r="F54" s="194"/>
      <c r="G54" s="192"/>
      <c r="H54" s="192"/>
      <c r="I54" s="192"/>
      <c r="J54" s="192"/>
      <c r="K54" s="192"/>
      <c r="L54" s="55"/>
      <c r="M54" s="165"/>
      <c r="N54" s="7"/>
      <c r="O54" s="7"/>
      <c r="P54" s="7"/>
      <c r="Q54" s="7"/>
      <c r="R54" s="141"/>
      <c r="S54" s="282"/>
      <c r="T54" s="282"/>
      <c r="U54" s="282"/>
      <c r="V54" s="282"/>
      <c r="W54" s="64"/>
      <c r="X54" s="194"/>
      <c r="Y54" s="192"/>
      <c r="Z54" s="192"/>
      <c r="AA54" s="192"/>
      <c r="AB54" s="192"/>
      <c r="AC54" s="192"/>
      <c r="AD54" s="192"/>
      <c r="AE54" s="192"/>
      <c r="AF54" s="192"/>
      <c r="AG54" s="192"/>
      <c r="AH54" s="192"/>
      <c r="AI54" s="192"/>
      <c r="AJ54" s="192"/>
      <c r="AK54" s="192"/>
      <c r="AL54" s="192"/>
      <c r="AM54" s="192"/>
      <c r="AN54" s="192"/>
      <c r="AO54" s="192"/>
      <c r="AP54" s="192"/>
      <c r="AQ54" s="192"/>
      <c r="AR54" s="192"/>
      <c r="AS54" s="190"/>
      <c r="AT54" s="165"/>
      <c r="BA54"/>
      <c r="BB54"/>
      <c r="BC54"/>
      <c r="BD54"/>
    </row>
    <row r="55" spans="1:56" ht="17.100000000000001" customHeight="1" x14ac:dyDescent="0.2">
      <c r="B55" s="54"/>
      <c r="C55" s="55"/>
      <c r="D55" s="58"/>
      <c r="E55" s="58"/>
      <c r="F55" s="160"/>
      <c r="G55" s="160"/>
      <c r="H55" s="160"/>
      <c r="I55" s="160"/>
      <c r="J55" s="160"/>
      <c r="K55" s="160"/>
      <c r="L55" s="55"/>
      <c r="M55" s="165"/>
      <c r="N55" s="7"/>
      <c r="O55" s="7"/>
      <c r="P55" s="7"/>
      <c r="Q55" s="7"/>
      <c r="R55" s="141"/>
      <c r="S55" s="282"/>
      <c r="T55" s="282"/>
      <c r="U55" s="282"/>
      <c r="V55" s="282"/>
      <c r="W55" s="64"/>
      <c r="X55" s="191"/>
      <c r="Y55" s="191"/>
      <c r="Z55" s="191"/>
      <c r="AA55" s="191"/>
      <c r="AB55" s="191"/>
      <c r="AC55" s="191"/>
      <c r="AD55" s="188"/>
      <c r="AE55" s="191"/>
      <c r="AF55" s="191"/>
      <c r="AG55" s="191"/>
      <c r="AH55" s="191"/>
      <c r="AI55" s="191"/>
      <c r="AJ55" s="191"/>
      <c r="AK55" s="192"/>
      <c r="AL55" s="191"/>
      <c r="AM55" s="191"/>
      <c r="AN55" s="191"/>
      <c r="AO55" s="191"/>
      <c r="AP55" s="191"/>
      <c r="AQ55" s="191"/>
      <c r="AR55" s="193"/>
      <c r="AS55" s="189"/>
      <c r="AT55" s="165"/>
      <c r="BA55"/>
      <c r="BB55"/>
      <c r="BC55"/>
      <c r="BD55"/>
    </row>
    <row r="56" spans="1:56" ht="6.95" customHeight="1" x14ac:dyDescent="0.2">
      <c r="B56" s="60"/>
      <c r="C56" s="61"/>
      <c r="D56" s="62"/>
      <c r="E56" s="62"/>
      <c r="F56" s="62"/>
      <c r="G56" s="62"/>
      <c r="H56" s="62"/>
      <c r="I56" s="62"/>
      <c r="J56" s="62"/>
      <c r="K56" s="62"/>
      <c r="L56" s="161"/>
      <c r="M56" s="166"/>
      <c r="N56" s="7"/>
      <c r="O56" s="7"/>
      <c r="P56" s="7"/>
      <c r="Q56" s="7"/>
      <c r="R56" s="167"/>
      <c r="S56" s="161"/>
      <c r="T56" s="161"/>
      <c r="U56" s="161"/>
      <c r="V56" s="161"/>
      <c r="W56" s="161"/>
      <c r="X56" s="161"/>
      <c r="Y56" s="161"/>
      <c r="Z56" s="161"/>
      <c r="AA56" s="161"/>
      <c r="AB56" s="161"/>
      <c r="AC56" s="161"/>
      <c r="AD56" s="161"/>
      <c r="AE56" s="161"/>
      <c r="AF56" s="161"/>
      <c r="AG56" s="161"/>
      <c r="AH56" s="161"/>
      <c r="AI56" s="161"/>
      <c r="AJ56" s="161"/>
      <c r="AK56" s="161"/>
      <c r="AL56" s="161"/>
      <c r="AM56" s="161"/>
      <c r="AN56" s="161"/>
      <c r="AO56" s="161"/>
      <c r="AP56" s="161"/>
      <c r="AQ56" s="161"/>
      <c r="AR56" s="161"/>
      <c r="AS56" s="161"/>
      <c r="AT56" s="166"/>
      <c r="BA56"/>
      <c r="BB56"/>
      <c r="BC56"/>
      <c r="BD56"/>
    </row>
    <row r="57" spans="1:56" customFormat="1" x14ac:dyDescent="0.2">
      <c r="A57" s="39"/>
      <c r="B57" s="39"/>
      <c r="C57" s="39"/>
      <c r="D57" s="1"/>
      <c r="E57" s="1"/>
      <c r="F57" s="1"/>
      <c r="G57" s="1"/>
      <c r="H57" s="1"/>
      <c r="I57" s="1"/>
      <c r="J57" s="1"/>
      <c r="K57" s="1"/>
      <c r="L57" s="1"/>
      <c r="M57" s="1"/>
      <c r="N57" s="1"/>
      <c r="O57" s="1"/>
      <c r="P57" s="1"/>
      <c r="Q57" s="1"/>
      <c r="R57" s="1"/>
      <c r="S57" s="1"/>
      <c r="T57" s="1"/>
      <c r="U57" s="1"/>
      <c r="V57" s="1"/>
      <c r="W57" s="7"/>
      <c r="X57" s="7"/>
      <c r="Y57" s="7"/>
      <c r="Z57" s="7"/>
      <c r="AA57" s="7"/>
      <c r="AB57" s="7"/>
      <c r="AC57" s="7"/>
      <c r="AD57" s="7"/>
      <c r="AE57" s="7"/>
      <c r="AF57" s="7"/>
      <c r="AG57" s="7"/>
      <c r="AH57" s="7"/>
      <c r="AI57" s="7"/>
      <c r="AJ57" s="7"/>
      <c r="AK57" s="7"/>
      <c r="AL57" s="7"/>
      <c r="AM57" s="7"/>
      <c r="AN57" s="7"/>
      <c r="AO57" s="7"/>
      <c r="AP57" s="7"/>
      <c r="AQ57" s="7"/>
      <c r="AR57" s="7"/>
      <c r="AS57" s="7"/>
      <c r="AT57" s="32"/>
    </row>
    <row r="58" spans="1:56" customFormat="1" x14ac:dyDescent="0.2">
      <c r="A58" s="39"/>
      <c r="B58" s="39"/>
      <c r="C58" s="39"/>
      <c r="D58" s="1"/>
      <c r="E58" s="1"/>
      <c r="F58" s="1"/>
      <c r="G58" s="1"/>
      <c r="H58" s="1"/>
      <c r="I58" s="1"/>
      <c r="J58" s="1"/>
      <c r="K58" s="1"/>
      <c r="L58" s="1"/>
      <c r="M58" s="1"/>
      <c r="N58" s="1"/>
      <c r="O58" s="1"/>
      <c r="P58" s="1"/>
      <c r="Q58" s="1"/>
      <c r="R58" s="1"/>
      <c r="S58" s="1"/>
      <c r="T58" s="1"/>
      <c r="U58" s="1"/>
      <c r="V58" s="1"/>
      <c r="W58" s="7"/>
      <c r="X58" s="7"/>
      <c r="Y58" s="7"/>
      <c r="Z58" s="7"/>
      <c r="AA58" s="7"/>
      <c r="AB58" s="7"/>
      <c r="AC58" s="7"/>
      <c r="AD58" s="7"/>
      <c r="AE58" s="7"/>
      <c r="AF58" s="7"/>
      <c r="AG58" s="7"/>
      <c r="AH58" s="7"/>
      <c r="AI58" s="7"/>
      <c r="AJ58" s="7"/>
      <c r="AK58" s="7"/>
      <c r="AL58" s="7"/>
      <c r="AM58" s="7"/>
      <c r="AN58" s="7"/>
      <c r="AO58" s="7"/>
      <c r="AP58" s="7"/>
      <c r="AQ58" s="7"/>
      <c r="AR58" s="7"/>
      <c r="AS58" s="7"/>
      <c r="AT58" s="32"/>
    </row>
    <row r="59" spans="1:56" customFormat="1" x14ac:dyDescent="0.2">
      <c r="A59" s="39"/>
      <c r="B59" s="39"/>
      <c r="C59" s="39"/>
      <c r="D59" s="1"/>
      <c r="E59" s="1"/>
      <c r="F59" s="1"/>
      <c r="G59" s="1"/>
      <c r="H59" s="1"/>
      <c r="I59" s="1"/>
      <c r="J59" s="1"/>
      <c r="K59" s="1"/>
      <c r="L59" s="1"/>
      <c r="M59" s="1"/>
      <c r="N59" s="1"/>
      <c r="O59" s="1"/>
      <c r="P59" s="1"/>
      <c r="Q59" s="1"/>
      <c r="R59" s="1"/>
      <c r="S59" s="1"/>
      <c r="T59" s="1"/>
      <c r="U59" s="1"/>
      <c r="V59" s="1"/>
      <c r="W59" s="7"/>
      <c r="X59" s="7"/>
      <c r="Y59" s="7"/>
      <c r="Z59" s="7"/>
      <c r="AA59" s="7"/>
      <c r="AB59" s="7"/>
      <c r="AC59" s="7"/>
      <c r="AD59" s="7"/>
      <c r="AE59" s="7"/>
      <c r="AF59" s="7"/>
      <c r="AG59" s="7"/>
      <c r="AH59" s="7"/>
      <c r="AI59" s="7"/>
      <c r="AJ59" s="7"/>
      <c r="AK59" s="7"/>
      <c r="AL59" s="7"/>
      <c r="AM59" s="7"/>
      <c r="AN59" s="7"/>
      <c r="AO59" s="7"/>
      <c r="AP59" s="7"/>
      <c r="AQ59" s="7"/>
      <c r="AR59" s="7"/>
      <c r="AS59" s="7"/>
      <c r="AT59" s="32"/>
    </row>
    <row r="60" spans="1:56" customFormat="1" x14ac:dyDescent="0.2">
      <c r="A60" s="39"/>
      <c r="B60" s="39"/>
      <c r="C60" s="39"/>
      <c r="D60" s="1"/>
      <c r="E60" s="1"/>
      <c r="F60" s="1"/>
      <c r="G60" s="1"/>
      <c r="H60" s="1"/>
      <c r="I60" s="1"/>
      <c r="J60" s="1"/>
      <c r="K60" s="1"/>
      <c r="L60" s="1"/>
      <c r="M60" s="1"/>
      <c r="N60" s="1"/>
      <c r="O60" s="1"/>
      <c r="P60" s="1"/>
      <c r="Q60" s="1"/>
      <c r="R60" s="1"/>
      <c r="S60" s="1"/>
      <c r="T60" s="1"/>
      <c r="U60" s="1"/>
      <c r="V60" s="1"/>
      <c r="W60" s="7"/>
      <c r="X60" s="7"/>
      <c r="Y60" s="7"/>
      <c r="Z60" s="7"/>
      <c r="AA60" s="7"/>
      <c r="AB60" s="7"/>
      <c r="AC60" s="7"/>
      <c r="AD60" s="7"/>
      <c r="AE60" s="7"/>
      <c r="AF60" s="7"/>
      <c r="AG60" s="7"/>
      <c r="AH60" s="7"/>
      <c r="AI60" s="7"/>
      <c r="AJ60" s="7"/>
      <c r="AK60" s="7"/>
      <c r="AL60" s="7"/>
      <c r="AM60" s="7"/>
      <c r="AN60" s="7"/>
      <c r="AO60" s="7"/>
      <c r="AP60" s="7"/>
      <c r="AQ60" s="7"/>
      <c r="AR60" s="7"/>
      <c r="AS60" s="7"/>
      <c r="AT60" s="32"/>
    </row>
    <row r="61" spans="1:56" customFormat="1" x14ac:dyDescent="0.2">
      <c r="A61" s="39"/>
      <c r="B61" s="39"/>
      <c r="C61" s="39"/>
      <c r="D61" s="1"/>
      <c r="E61" s="1"/>
      <c r="F61" s="1"/>
      <c r="G61" s="1"/>
      <c r="H61" s="1"/>
      <c r="I61" s="1"/>
      <c r="J61" s="1"/>
      <c r="K61" s="1"/>
      <c r="L61" s="1"/>
      <c r="M61" s="1"/>
      <c r="N61" s="1"/>
      <c r="O61" s="1"/>
      <c r="P61" s="1"/>
      <c r="Q61" s="1"/>
      <c r="R61" s="1"/>
      <c r="S61" s="1"/>
      <c r="T61" s="1"/>
      <c r="U61" s="1"/>
      <c r="V61" s="1"/>
      <c r="W61" s="7"/>
      <c r="X61" s="7"/>
      <c r="Y61" s="7"/>
      <c r="Z61" s="7"/>
      <c r="AA61" s="7"/>
      <c r="AB61" s="7"/>
      <c r="AC61" s="7"/>
      <c r="AD61" s="7"/>
      <c r="AE61" s="7"/>
      <c r="AF61" s="7"/>
      <c r="AG61" s="7"/>
      <c r="AH61" s="7"/>
      <c r="AI61" s="7"/>
      <c r="AJ61" s="7"/>
      <c r="AK61" s="7"/>
      <c r="AL61" s="7"/>
      <c r="AM61" s="7"/>
      <c r="AN61" s="7"/>
      <c r="AO61" s="7"/>
      <c r="AP61" s="7"/>
      <c r="AQ61" s="7"/>
      <c r="AR61" s="7"/>
      <c r="AS61" s="7"/>
      <c r="AT61" s="32"/>
    </row>
    <row r="62" spans="1:56" customFormat="1" x14ac:dyDescent="0.2">
      <c r="A62" s="39"/>
      <c r="B62" s="39"/>
      <c r="C62" s="39"/>
      <c r="D62" s="1"/>
      <c r="E62" s="1"/>
      <c r="F62" s="1"/>
      <c r="G62" s="1"/>
      <c r="H62" s="1"/>
      <c r="I62" s="1"/>
      <c r="J62" s="1"/>
      <c r="K62" s="1"/>
      <c r="L62" s="1"/>
      <c r="M62" s="1"/>
      <c r="N62" s="1"/>
      <c r="O62" s="1"/>
      <c r="P62" s="1"/>
      <c r="Q62" s="1"/>
      <c r="R62" s="1"/>
      <c r="S62" s="1"/>
      <c r="T62" s="1"/>
      <c r="U62" s="1"/>
      <c r="V62" s="1"/>
      <c r="W62" s="7"/>
      <c r="X62" s="7"/>
      <c r="Y62" s="7"/>
      <c r="Z62" s="7"/>
      <c r="AA62" s="7"/>
      <c r="AB62" s="7"/>
      <c r="AC62" s="7"/>
      <c r="AD62" s="7"/>
      <c r="AE62" s="7"/>
      <c r="AF62" s="7"/>
      <c r="AG62" s="7"/>
      <c r="AH62" s="7"/>
      <c r="AI62" s="7"/>
      <c r="AJ62" s="7"/>
      <c r="AK62" s="7"/>
      <c r="AL62" s="7"/>
      <c r="AM62" s="7"/>
      <c r="AN62" s="7"/>
      <c r="AO62" s="7"/>
      <c r="AP62" s="7"/>
      <c r="AQ62" s="7"/>
      <c r="AR62" s="7"/>
      <c r="AS62" s="7"/>
      <c r="AT62" s="32"/>
    </row>
    <row r="63" spans="1:56" customFormat="1" x14ac:dyDescent="0.2">
      <c r="A63" s="39"/>
      <c r="B63" s="39"/>
      <c r="C63" s="39"/>
      <c r="D63" s="1"/>
      <c r="E63" s="1"/>
      <c r="F63" s="1"/>
      <c r="G63" s="1"/>
      <c r="H63" s="1"/>
      <c r="I63" s="1"/>
      <c r="J63" s="1"/>
      <c r="K63" s="1"/>
      <c r="L63" s="1"/>
      <c r="M63" s="1"/>
      <c r="N63" s="1"/>
      <c r="O63" s="1"/>
      <c r="P63" s="1"/>
      <c r="Q63" s="1"/>
      <c r="R63" s="1"/>
      <c r="S63" s="1"/>
      <c r="T63" s="1"/>
      <c r="U63" s="1"/>
      <c r="V63" s="1"/>
      <c r="W63" s="7"/>
      <c r="X63" s="7"/>
      <c r="Y63" s="7"/>
      <c r="Z63" s="7"/>
      <c r="AA63" s="7"/>
      <c r="AB63" s="7"/>
      <c r="AC63" s="7"/>
      <c r="AD63" s="7"/>
      <c r="AE63" s="7"/>
      <c r="AF63" s="7"/>
      <c r="AG63" s="7"/>
      <c r="AH63" s="7"/>
      <c r="AI63" s="7"/>
      <c r="AJ63" s="7"/>
      <c r="AK63" s="7"/>
      <c r="AL63" s="7"/>
      <c r="AM63" s="7"/>
      <c r="AN63" s="7"/>
      <c r="AO63" s="7"/>
      <c r="AP63" s="7"/>
      <c r="AQ63" s="7"/>
      <c r="AR63" s="7"/>
      <c r="AS63" s="7"/>
      <c r="AT63" s="32"/>
    </row>
    <row r="64" spans="1:56" customFormat="1" x14ac:dyDescent="0.2">
      <c r="A64" s="39"/>
      <c r="B64" s="39"/>
      <c r="C64" s="39"/>
      <c r="D64" s="1"/>
      <c r="E64" s="1"/>
      <c r="F64" s="1"/>
      <c r="G64" s="1"/>
      <c r="H64" s="1"/>
      <c r="I64" s="1"/>
      <c r="J64" s="1"/>
      <c r="K64" s="1"/>
      <c r="L64" s="1"/>
      <c r="M64" s="1"/>
      <c r="N64" s="1"/>
      <c r="O64" s="1"/>
      <c r="P64" s="1"/>
      <c r="Q64" s="1"/>
      <c r="R64" s="1"/>
      <c r="S64" s="1"/>
      <c r="T64" s="1"/>
      <c r="U64" s="1"/>
      <c r="V64" s="1"/>
      <c r="W64" s="7"/>
      <c r="X64" s="7"/>
      <c r="Y64" s="7"/>
      <c r="Z64" s="7"/>
      <c r="AA64" s="7"/>
      <c r="AB64" s="7"/>
      <c r="AC64" s="7"/>
      <c r="AD64" s="7"/>
      <c r="AE64" s="7"/>
      <c r="AF64" s="7"/>
      <c r="AG64" s="7"/>
      <c r="AH64" s="7"/>
      <c r="AI64" s="7"/>
      <c r="AJ64" s="7"/>
      <c r="AK64" s="7"/>
      <c r="AL64" s="7"/>
      <c r="AM64" s="7"/>
      <c r="AN64" s="7"/>
      <c r="AO64" s="7"/>
      <c r="AP64" s="7"/>
      <c r="AQ64" s="7"/>
      <c r="AR64" s="7"/>
      <c r="AS64" s="7"/>
      <c r="AT64" s="32"/>
    </row>
    <row r="65" spans="1:46" customFormat="1" x14ac:dyDescent="0.2">
      <c r="A65" s="39"/>
      <c r="B65" s="39"/>
      <c r="C65" s="39"/>
      <c r="D65" s="1"/>
      <c r="E65" s="1"/>
      <c r="F65" s="1"/>
      <c r="G65" s="1"/>
      <c r="H65" s="1"/>
      <c r="I65" s="1"/>
      <c r="J65" s="1"/>
      <c r="K65" s="1"/>
      <c r="L65" s="1"/>
      <c r="M65" s="1"/>
      <c r="N65" s="1"/>
      <c r="O65" s="1"/>
      <c r="P65" s="1"/>
      <c r="Q65" s="1"/>
      <c r="R65" s="1"/>
      <c r="S65" s="1"/>
      <c r="T65" s="1"/>
      <c r="U65" s="1"/>
      <c r="V65" s="1"/>
      <c r="W65" s="7"/>
      <c r="X65" s="7"/>
      <c r="Y65" s="7"/>
      <c r="Z65" s="7"/>
      <c r="AA65" s="7"/>
      <c r="AB65" s="7"/>
      <c r="AC65" s="7"/>
      <c r="AD65" s="7"/>
      <c r="AE65" s="7"/>
      <c r="AF65" s="7"/>
      <c r="AG65" s="7"/>
      <c r="AH65" s="7"/>
      <c r="AI65" s="7"/>
      <c r="AJ65" s="7"/>
      <c r="AK65" s="7"/>
      <c r="AL65" s="7"/>
      <c r="AM65" s="7"/>
      <c r="AN65" s="7"/>
      <c r="AO65" s="7"/>
      <c r="AP65" s="7"/>
      <c r="AQ65" s="7"/>
      <c r="AR65" s="7"/>
      <c r="AS65" s="7"/>
      <c r="AT65" s="32"/>
    </row>
    <row r="66" spans="1:46" customFormat="1" x14ac:dyDescent="0.2">
      <c r="A66" s="39"/>
      <c r="B66" s="39"/>
      <c r="C66" s="39"/>
      <c r="D66" s="1"/>
      <c r="E66" s="1"/>
      <c r="F66" s="1"/>
      <c r="G66" s="1"/>
      <c r="H66" s="1"/>
      <c r="I66" s="1"/>
      <c r="J66" s="1"/>
      <c r="K66" s="1"/>
      <c r="L66" s="1"/>
      <c r="M66" s="1"/>
      <c r="N66" s="1"/>
      <c r="O66" s="1"/>
      <c r="P66" s="1"/>
      <c r="Q66" s="1"/>
      <c r="R66" s="1"/>
      <c r="S66" s="1"/>
      <c r="T66" s="1"/>
      <c r="U66" s="1"/>
      <c r="V66" s="1"/>
      <c r="W66" s="7"/>
      <c r="X66" s="7"/>
      <c r="Y66" s="7"/>
      <c r="Z66" s="7"/>
      <c r="AA66" s="7"/>
      <c r="AB66" s="7"/>
      <c r="AC66" s="7"/>
      <c r="AD66" s="7"/>
      <c r="AE66" s="7"/>
      <c r="AF66" s="7"/>
      <c r="AG66" s="7"/>
      <c r="AH66" s="7"/>
      <c r="AI66" s="7"/>
      <c r="AJ66" s="7"/>
      <c r="AK66" s="7"/>
      <c r="AL66" s="7"/>
      <c r="AM66" s="7"/>
      <c r="AN66" s="7"/>
      <c r="AO66" s="7"/>
      <c r="AP66" s="7"/>
      <c r="AQ66" s="7"/>
      <c r="AR66" s="7"/>
      <c r="AS66" s="7"/>
      <c r="AT66" s="32"/>
    </row>
    <row r="67" spans="1:46" customFormat="1" x14ac:dyDescent="0.2">
      <c r="A67" s="39"/>
      <c r="B67" s="39"/>
      <c r="C67" s="39"/>
      <c r="D67" s="1"/>
      <c r="E67" s="1"/>
      <c r="F67" s="1"/>
      <c r="G67" s="1"/>
      <c r="H67" s="1"/>
      <c r="I67" s="1"/>
      <c r="J67" s="1"/>
      <c r="K67" s="1"/>
      <c r="L67" s="1"/>
      <c r="M67" s="1"/>
      <c r="N67" s="1"/>
      <c r="O67" s="1"/>
      <c r="P67" s="1"/>
      <c r="Q67" s="1"/>
      <c r="R67" s="1"/>
      <c r="S67" s="1"/>
      <c r="T67" s="1"/>
      <c r="U67" s="1"/>
      <c r="V67" s="1"/>
      <c r="W67" s="7"/>
      <c r="X67" s="7"/>
      <c r="Y67" s="7"/>
      <c r="Z67" s="7"/>
      <c r="AA67" s="7"/>
      <c r="AB67" s="7"/>
      <c r="AC67" s="7"/>
      <c r="AD67" s="7"/>
      <c r="AE67" s="7"/>
      <c r="AF67" s="7"/>
      <c r="AG67" s="7"/>
      <c r="AH67" s="7"/>
      <c r="AI67" s="7"/>
      <c r="AJ67" s="7"/>
      <c r="AK67" s="7"/>
      <c r="AL67" s="7"/>
      <c r="AM67" s="7"/>
      <c r="AN67" s="7"/>
      <c r="AO67" s="7"/>
      <c r="AP67" s="7"/>
      <c r="AQ67" s="7"/>
      <c r="AR67" s="7"/>
      <c r="AS67" s="7"/>
      <c r="AT67" s="32"/>
    </row>
    <row r="68" spans="1:46" customFormat="1" x14ac:dyDescent="0.2">
      <c r="A68" s="39"/>
      <c r="B68" s="39"/>
      <c r="C68" s="39"/>
      <c r="D68" s="1"/>
      <c r="E68" s="1"/>
      <c r="F68" s="1"/>
      <c r="G68" s="1"/>
      <c r="H68" s="1"/>
      <c r="I68" s="1"/>
      <c r="J68" s="1"/>
      <c r="K68" s="1"/>
      <c r="L68" s="1"/>
      <c r="M68" s="1"/>
      <c r="N68" s="1"/>
      <c r="O68" s="1"/>
      <c r="P68" s="1"/>
      <c r="Q68" s="1"/>
      <c r="R68" s="1"/>
      <c r="S68" s="1"/>
      <c r="T68" s="1"/>
      <c r="U68" s="1"/>
      <c r="V68" s="1"/>
      <c r="W68" s="7"/>
      <c r="X68" s="7"/>
      <c r="Y68" s="7"/>
      <c r="Z68" s="7"/>
      <c r="AA68" s="7"/>
      <c r="AB68" s="7"/>
      <c r="AC68" s="7"/>
      <c r="AD68" s="7"/>
      <c r="AE68" s="7"/>
      <c r="AF68" s="7"/>
      <c r="AG68" s="7"/>
      <c r="AH68" s="7"/>
      <c r="AI68" s="7"/>
      <c r="AJ68" s="7"/>
      <c r="AK68" s="7"/>
      <c r="AL68" s="7"/>
      <c r="AM68" s="7"/>
      <c r="AN68" s="7"/>
      <c r="AO68" s="7"/>
      <c r="AP68" s="7"/>
      <c r="AQ68" s="7"/>
      <c r="AR68" s="7"/>
      <c r="AS68" s="7"/>
      <c r="AT68" s="32"/>
    </row>
    <row r="69" spans="1:46" customFormat="1" x14ac:dyDescent="0.2">
      <c r="A69" s="39"/>
      <c r="B69" s="39"/>
      <c r="C69" s="39"/>
      <c r="D69" s="1"/>
      <c r="E69" s="1"/>
      <c r="F69" s="1"/>
      <c r="G69" s="1"/>
      <c r="H69" s="1"/>
      <c r="I69" s="1"/>
      <c r="J69" s="1"/>
      <c r="K69" s="1"/>
      <c r="L69" s="1"/>
      <c r="M69" s="1"/>
      <c r="N69" s="1"/>
      <c r="O69" s="1"/>
      <c r="P69" s="1"/>
      <c r="Q69" s="1"/>
      <c r="R69" s="1"/>
      <c r="S69" s="1"/>
      <c r="T69" s="1"/>
      <c r="U69" s="1"/>
      <c r="V69" s="1"/>
      <c r="W69" s="7"/>
      <c r="X69" s="7"/>
      <c r="Y69" s="7"/>
      <c r="Z69" s="7"/>
      <c r="AA69" s="7"/>
      <c r="AB69" s="7"/>
      <c r="AC69" s="7"/>
      <c r="AD69" s="7"/>
      <c r="AE69" s="7"/>
      <c r="AF69" s="7"/>
      <c r="AG69" s="7"/>
      <c r="AH69" s="7"/>
      <c r="AI69" s="7"/>
      <c r="AJ69" s="7"/>
      <c r="AK69" s="7"/>
      <c r="AL69" s="7"/>
      <c r="AM69" s="7"/>
      <c r="AN69" s="7"/>
      <c r="AO69" s="7"/>
      <c r="AP69" s="7"/>
      <c r="AQ69" s="7"/>
      <c r="AR69" s="7"/>
      <c r="AS69" s="7"/>
      <c r="AT69" s="32"/>
    </row>
    <row r="70" spans="1:46" customFormat="1" x14ac:dyDescent="0.2">
      <c r="A70" s="39"/>
      <c r="B70" s="39"/>
      <c r="C70" s="39"/>
      <c r="D70" s="1"/>
      <c r="E70" s="1"/>
      <c r="F70" s="1"/>
      <c r="G70" s="1"/>
      <c r="H70" s="1"/>
      <c r="I70" s="1"/>
      <c r="J70" s="1"/>
      <c r="K70" s="1"/>
      <c r="L70" s="1"/>
      <c r="M70" s="1"/>
      <c r="N70" s="1"/>
      <c r="O70" s="1"/>
      <c r="P70" s="1"/>
      <c r="Q70" s="1"/>
      <c r="R70" s="1"/>
      <c r="S70" s="1"/>
      <c r="T70" s="1"/>
      <c r="U70" s="1"/>
      <c r="V70" s="1"/>
      <c r="W70" s="7"/>
      <c r="X70" s="7"/>
      <c r="Y70" s="7"/>
      <c r="Z70" s="7"/>
      <c r="AA70" s="7"/>
      <c r="AB70" s="7"/>
      <c r="AC70" s="7"/>
      <c r="AD70" s="7"/>
      <c r="AE70" s="7"/>
      <c r="AF70" s="7"/>
      <c r="AG70" s="7"/>
      <c r="AH70" s="7"/>
      <c r="AI70" s="7"/>
      <c r="AJ70" s="7"/>
      <c r="AK70" s="7"/>
      <c r="AL70" s="7"/>
      <c r="AM70" s="7"/>
      <c r="AN70" s="7"/>
      <c r="AO70" s="7"/>
      <c r="AP70" s="7"/>
      <c r="AQ70" s="7"/>
      <c r="AR70" s="7"/>
      <c r="AS70" s="7"/>
      <c r="AT70" s="32"/>
    </row>
    <row r="71" spans="1:46" customFormat="1" x14ac:dyDescent="0.2">
      <c r="A71" s="39"/>
      <c r="B71" s="39"/>
      <c r="C71" s="39"/>
      <c r="D71" s="1"/>
      <c r="E71" s="1"/>
      <c r="F71" s="1"/>
      <c r="G71" s="1"/>
      <c r="H71" s="1"/>
      <c r="I71" s="1"/>
      <c r="J71" s="1"/>
      <c r="K71" s="1"/>
      <c r="L71" s="1"/>
      <c r="M71" s="1"/>
      <c r="N71" s="1"/>
      <c r="O71" s="1"/>
      <c r="P71" s="1"/>
      <c r="Q71" s="1"/>
      <c r="R71" s="1"/>
      <c r="S71" s="1"/>
      <c r="T71" s="1"/>
      <c r="U71" s="1"/>
      <c r="V71" s="1"/>
      <c r="W71" s="7"/>
      <c r="X71" s="7"/>
      <c r="Y71" s="7"/>
      <c r="Z71" s="7"/>
      <c r="AA71" s="7"/>
      <c r="AB71" s="7"/>
      <c r="AC71" s="7"/>
      <c r="AD71" s="7"/>
      <c r="AE71" s="7"/>
      <c r="AF71" s="7"/>
      <c r="AG71" s="7"/>
      <c r="AH71" s="7"/>
      <c r="AI71" s="7"/>
      <c r="AJ71" s="7"/>
      <c r="AK71" s="7"/>
      <c r="AL71" s="7"/>
      <c r="AM71" s="7"/>
      <c r="AN71" s="7"/>
      <c r="AO71" s="7"/>
      <c r="AP71" s="7"/>
      <c r="AQ71" s="7"/>
      <c r="AR71" s="7"/>
      <c r="AS71" s="7"/>
      <c r="AT71" s="32"/>
    </row>
    <row r="72" spans="1:46" customFormat="1" x14ac:dyDescent="0.2">
      <c r="A72" s="39"/>
      <c r="B72" s="39"/>
      <c r="C72" s="39"/>
      <c r="D72" s="1"/>
      <c r="E72" s="1"/>
      <c r="F72" s="1"/>
      <c r="G72" s="1"/>
      <c r="H72" s="1"/>
      <c r="I72" s="1"/>
      <c r="J72" s="1"/>
      <c r="K72" s="1"/>
      <c r="L72" s="1"/>
      <c r="M72" s="1"/>
      <c r="N72" s="1"/>
      <c r="O72" s="1"/>
      <c r="P72" s="1"/>
      <c r="Q72" s="1"/>
      <c r="R72" s="1"/>
      <c r="S72" s="1"/>
      <c r="T72" s="1"/>
      <c r="U72" s="1"/>
      <c r="V72" s="1"/>
      <c r="W72" s="7"/>
      <c r="X72" s="7"/>
      <c r="Y72" s="7"/>
      <c r="Z72" s="7"/>
      <c r="AA72" s="7"/>
      <c r="AB72" s="7"/>
      <c r="AC72" s="7"/>
      <c r="AD72" s="7"/>
      <c r="AE72" s="7"/>
      <c r="AF72" s="7"/>
      <c r="AG72" s="7"/>
      <c r="AH72" s="7"/>
      <c r="AI72" s="7"/>
      <c r="AJ72" s="7"/>
      <c r="AK72" s="7"/>
      <c r="AL72" s="7"/>
      <c r="AM72" s="7"/>
      <c r="AN72" s="7"/>
      <c r="AO72" s="7"/>
      <c r="AP72" s="7"/>
      <c r="AQ72" s="7"/>
      <c r="AR72" s="7"/>
      <c r="AS72" s="7"/>
      <c r="AT72" s="32"/>
    </row>
    <row r="73" spans="1:46" customFormat="1" x14ac:dyDescent="0.2">
      <c r="A73" s="39"/>
      <c r="B73" s="39"/>
      <c r="C73" s="39"/>
      <c r="D73" s="1"/>
      <c r="E73" s="1"/>
      <c r="F73" s="1"/>
      <c r="G73" s="1"/>
      <c r="H73" s="1"/>
      <c r="I73" s="1"/>
      <c r="J73" s="1"/>
      <c r="K73" s="1"/>
      <c r="L73" s="1"/>
      <c r="M73" s="1"/>
      <c r="N73" s="1"/>
      <c r="O73" s="1"/>
      <c r="P73" s="1"/>
      <c r="Q73" s="1"/>
      <c r="R73" s="1"/>
      <c r="S73" s="1"/>
      <c r="T73" s="1"/>
      <c r="U73" s="1"/>
      <c r="V73" s="1"/>
      <c r="W73" s="7"/>
      <c r="X73" s="7"/>
      <c r="Y73" s="7"/>
      <c r="Z73" s="7"/>
      <c r="AA73" s="7"/>
      <c r="AB73" s="7"/>
      <c r="AC73" s="7"/>
      <c r="AD73" s="7"/>
      <c r="AE73" s="7"/>
      <c r="AF73" s="7"/>
      <c r="AG73" s="7"/>
      <c r="AH73" s="7"/>
      <c r="AI73" s="7"/>
      <c r="AJ73" s="7"/>
      <c r="AK73" s="7"/>
      <c r="AL73" s="7"/>
      <c r="AM73" s="7"/>
      <c r="AN73" s="7"/>
      <c r="AO73" s="7"/>
      <c r="AP73" s="7"/>
      <c r="AQ73" s="7"/>
      <c r="AR73" s="7"/>
      <c r="AS73" s="7"/>
      <c r="AT73" s="32"/>
    </row>
    <row r="74" spans="1:46" customFormat="1" x14ac:dyDescent="0.2">
      <c r="A74" s="39"/>
      <c r="B74" s="39"/>
      <c r="C74" s="39"/>
      <c r="D74" s="1"/>
      <c r="E74" s="1"/>
      <c r="F74" s="1"/>
      <c r="G74" s="1"/>
      <c r="H74" s="1"/>
      <c r="I74" s="1"/>
      <c r="J74" s="1"/>
      <c r="K74" s="1"/>
      <c r="L74" s="1"/>
      <c r="M74" s="1"/>
      <c r="N74" s="1"/>
      <c r="O74" s="1"/>
      <c r="P74" s="1"/>
      <c r="Q74" s="1"/>
      <c r="R74" s="1"/>
      <c r="S74" s="1"/>
      <c r="T74" s="1"/>
      <c r="U74" s="1"/>
      <c r="V74" s="1"/>
      <c r="W74" s="7"/>
      <c r="X74" s="7"/>
      <c r="Y74" s="7"/>
      <c r="Z74" s="7"/>
      <c r="AA74" s="7"/>
      <c r="AB74" s="7"/>
      <c r="AC74" s="7"/>
      <c r="AD74" s="7"/>
      <c r="AE74" s="7"/>
      <c r="AF74" s="7"/>
      <c r="AG74" s="7"/>
      <c r="AH74" s="7"/>
      <c r="AI74" s="7"/>
      <c r="AJ74" s="7"/>
      <c r="AK74" s="7"/>
      <c r="AL74" s="7"/>
      <c r="AM74" s="7"/>
      <c r="AN74" s="7"/>
      <c r="AO74" s="7"/>
      <c r="AP74" s="7"/>
      <c r="AQ74" s="7"/>
      <c r="AR74" s="7"/>
      <c r="AS74" s="7"/>
      <c r="AT74" s="32"/>
    </row>
    <row r="75" spans="1:46" customFormat="1" x14ac:dyDescent="0.2">
      <c r="A75" s="39"/>
      <c r="B75" s="39"/>
      <c r="C75" s="39"/>
      <c r="D75" s="1"/>
      <c r="E75" s="1"/>
      <c r="F75" s="1"/>
      <c r="G75" s="1"/>
      <c r="H75" s="1"/>
      <c r="I75" s="1"/>
      <c r="J75" s="1"/>
      <c r="K75" s="1"/>
      <c r="L75" s="1"/>
      <c r="M75" s="1"/>
      <c r="N75" s="1"/>
      <c r="O75" s="1"/>
      <c r="P75" s="1"/>
      <c r="Q75" s="1"/>
      <c r="R75" s="1"/>
      <c r="S75" s="1"/>
      <c r="T75" s="1"/>
      <c r="U75" s="1"/>
      <c r="V75" s="1"/>
      <c r="W75" s="7"/>
      <c r="X75" s="7"/>
      <c r="Y75" s="7"/>
      <c r="Z75" s="7"/>
      <c r="AA75" s="7"/>
      <c r="AB75" s="7"/>
      <c r="AC75" s="7"/>
      <c r="AD75" s="7"/>
      <c r="AE75" s="7"/>
      <c r="AF75" s="7"/>
      <c r="AG75" s="7"/>
      <c r="AH75" s="7"/>
      <c r="AI75" s="7"/>
      <c r="AJ75" s="7"/>
      <c r="AK75" s="7"/>
      <c r="AL75" s="7"/>
      <c r="AM75" s="7"/>
      <c r="AN75" s="7"/>
      <c r="AO75" s="7"/>
      <c r="AP75" s="7"/>
      <c r="AQ75" s="7"/>
      <c r="AR75" s="7"/>
      <c r="AS75" s="7"/>
      <c r="AT75" s="32"/>
    </row>
    <row r="76" spans="1:46" customFormat="1" x14ac:dyDescent="0.2">
      <c r="A76" s="39"/>
      <c r="B76" s="39"/>
      <c r="C76" s="39"/>
      <c r="D76" s="1"/>
      <c r="E76" s="1"/>
      <c r="F76" s="1"/>
      <c r="G76" s="1"/>
      <c r="H76" s="1"/>
      <c r="I76" s="1"/>
      <c r="J76" s="1"/>
      <c r="K76" s="1"/>
      <c r="L76" s="1"/>
      <c r="M76" s="1"/>
      <c r="N76" s="1"/>
      <c r="O76" s="1"/>
      <c r="P76" s="1"/>
      <c r="Q76" s="1"/>
      <c r="R76" s="1"/>
      <c r="S76" s="1"/>
      <c r="T76" s="1"/>
      <c r="U76" s="1"/>
      <c r="V76" s="1"/>
      <c r="W76" s="7"/>
      <c r="X76" s="7"/>
      <c r="Y76" s="7"/>
      <c r="Z76" s="7"/>
      <c r="AA76" s="7"/>
      <c r="AB76" s="7"/>
      <c r="AC76" s="7"/>
      <c r="AD76" s="7"/>
      <c r="AE76" s="7"/>
      <c r="AF76" s="7"/>
      <c r="AG76" s="7"/>
      <c r="AH76" s="7"/>
      <c r="AI76" s="7"/>
      <c r="AJ76" s="7"/>
      <c r="AK76" s="7"/>
      <c r="AL76" s="7"/>
      <c r="AM76" s="7"/>
      <c r="AN76" s="7"/>
      <c r="AO76" s="7"/>
      <c r="AP76" s="7"/>
      <c r="AQ76" s="7"/>
      <c r="AR76" s="7"/>
      <c r="AS76" s="7"/>
      <c r="AT76" s="32"/>
    </row>
    <row r="77" spans="1:46" customFormat="1" x14ac:dyDescent="0.2">
      <c r="A77" s="39"/>
      <c r="B77" s="39"/>
      <c r="C77" s="39"/>
      <c r="D77" s="1"/>
      <c r="E77" s="1"/>
      <c r="F77" s="1"/>
      <c r="G77" s="1"/>
      <c r="H77" s="1"/>
      <c r="I77" s="1"/>
      <c r="J77" s="1"/>
      <c r="K77" s="1"/>
      <c r="L77" s="1"/>
      <c r="M77" s="1"/>
      <c r="N77" s="1"/>
      <c r="O77" s="1"/>
      <c r="P77" s="1"/>
      <c r="Q77" s="1"/>
      <c r="R77" s="1"/>
      <c r="S77" s="1"/>
      <c r="T77" s="1"/>
      <c r="U77" s="1"/>
      <c r="V77" s="1"/>
      <c r="W77" s="7"/>
      <c r="X77" s="7"/>
      <c r="Y77" s="7"/>
      <c r="Z77" s="7"/>
      <c r="AA77" s="7"/>
      <c r="AB77" s="7"/>
      <c r="AC77" s="7"/>
      <c r="AD77" s="7"/>
      <c r="AE77" s="7"/>
      <c r="AF77" s="7"/>
      <c r="AG77" s="7"/>
      <c r="AH77" s="7"/>
      <c r="AI77" s="7"/>
      <c r="AJ77" s="7"/>
      <c r="AK77" s="7"/>
      <c r="AL77" s="7"/>
      <c r="AM77" s="7"/>
      <c r="AN77" s="7"/>
      <c r="AO77" s="7"/>
      <c r="AP77" s="7"/>
      <c r="AQ77" s="7"/>
      <c r="AR77" s="7"/>
      <c r="AS77" s="7"/>
      <c r="AT77" s="32"/>
    </row>
    <row r="78" spans="1:46" customFormat="1" x14ac:dyDescent="0.2">
      <c r="A78" s="39"/>
      <c r="B78" s="39"/>
      <c r="C78" s="39"/>
      <c r="D78" s="1"/>
      <c r="E78" s="1"/>
      <c r="F78" s="1"/>
      <c r="G78" s="1"/>
      <c r="H78" s="1"/>
      <c r="I78" s="1"/>
      <c r="J78" s="1"/>
      <c r="K78" s="1"/>
      <c r="L78" s="1"/>
      <c r="M78" s="1"/>
      <c r="N78" s="1"/>
      <c r="O78" s="1"/>
      <c r="P78" s="1"/>
      <c r="Q78" s="1"/>
      <c r="R78" s="1"/>
      <c r="S78" s="1"/>
      <c r="T78" s="1"/>
      <c r="U78" s="1"/>
      <c r="V78" s="1"/>
      <c r="W78" s="7"/>
      <c r="X78" s="7"/>
      <c r="Y78" s="7"/>
      <c r="Z78" s="7"/>
      <c r="AA78" s="7"/>
      <c r="AB78" s="7"/>
      <c r="AC78" s="7"/>
      <c r="AD78" s="7"/>
      <c r="AE78" s="7"/>
      <c r="AF78" s="7"/>
      <c r="AG78" s="7"/>
      <c r="AH78" s="7"/>
      <c r="AI78" s="7"/>
      <c r="AJ78" s="7"/>
      <c r="AK78" s="7"/>
      <c r="AL78" s="7"/>
      <c r="AM78" s="7"/>
      <c r="AN78" s="7"/>
      <c r="AO78" s="7"/>
      <c r="AP78" s="7"/>
      <c r="AQ78" s="7"/>
      <c r="AR78" s="7"/>
      <c r="AS78" s="7"/>
      <c r="AT78" s="32"/>
    </row>
    <row r="79" spans="1:46" customFormat="1" x14ac:dyDescent="0.2">
      <c r="A79" s="39"/>
      <c r="B79" s="39"/>
      <c r="C79" s="39"/>
      <c r="D79" s="1"/>
      <c r="E79" s="1"/>
      <c r="F79" s="1"/>
      <c r="G79" s="1"/>
      <c r="H79" s="1"/>
      <c r="I79" s="1"/>
      <c r="J79" s="1"/>
      <c r="K79" s="1"/>
      <c r="L79" s="1"/>
      <c r="M79" s="1"/>
      <c r="N79" s="1"/>
      <c r="O79" s="1"/>
      <c r="P79" s="1"/>
      <c r="Q79" s="1"/>
      <c r="R79" s="1"/>
      <c r="S79" s="1"/>
      <c r="T79" s="1"/>
      <c r="U79" s="1"/>
      <c r="V79" s="1"/>
      <c r="W79" s="7"/>
      <c r="X79" s="7"/>
      <c r="Y79" s="7"/>
      <c r="Z79" s="7"/>
      <c r="AA79" s="7"/>
      <c r="AB79" s="7"/>
      <c r="AC79" s="7"/>
      <c r="AD79" s="7"/>
      <c r="AE79" s="7"/>
      <c r="AF79" s="7"/>
      <c r="AG79" s="7"/>
      <c r="AH79" s="7"/>
      <c r="AI79" s="7"/>
      <c r="AJ79" s="7"/>
      <c r="AK79" s="7"/>
      <c r="AL79" s="7"/>
      <c r="AM79" s="7"/>
      <c r="AN79" s="7"/>
      <c r="AO79" s="7"/>
      <c r="AP79" s="7"/>
      <c r="AQ79" s="7"/>
      <c r="AR79" s="7"/>
      <c r="AS79" s="7"/>
      <c r="AT79" s="32"/>
    </row>
    <row r="80" spans="1:46" customFormat="1" x14ac:dyDescent="0.2">
      <c r="A80" s="39"/>
      <c r="B80" s="39"/>
      <c r="C80" s="39"/>
      <c r="D80" s="1"/>
      <c r="E80" s="1"/>
      <c r="F80" s="1"/>
      <c r="G80" s="1"/>
      <c r="H80" s="1"/>
      <c r="I80" s="1"/>
      <c r="J80" s="1"/>
      <c r="K80" s="1"/>
      <c r="L80" s="1"/>
      <c r="M80" s="1"/>
      <c r="N80" s="1"/>
      <c r="O80" s="1"/>
      <c r="P80" s="1"/>
      <c r="Q80" s="1"/>
      <c r="R80" s="1"/>
      <c r="S80" s="1"/>
      <c r="T80" s="1"/>
      <c r="U80" s="1"/>
      <c r="V80" s="1"/>
      <c r="W80" s="7"/>
      <c r="X80" s="7"/>
      <c r="Y80" s="7"/>
      <c r="Z80" s="7"/>
      <c r="AA80" s="7"/>
      <c r="AB80" s="7"/>
      <c r="AC80" s="7"/>
      <c r="AD80" s="7"/>
      <c r="AE80" s="7"/>
      <c r="AF80" s="7"/>
      <c r="AG80" s="7"/>
      <c r="AH80" s="7"/>
      <c r="AI80" s="7"/>
      <c r="AJ80" s="7"/>
      <c r="AK80" s="7"/>
      <c r="AL80" s="7"/>
      <c r="AM80" s="7"/>
      <c r="AN80" s="7"/>
      <c r="AO80" s="7"/>
      <c r="AP80" s="7"/>
      <c r="AQ80" s="7"/>
      <c r="AR80" s="7"/>
      <c r="AS80" s="7"/>
      <c r="AT80" s="32"/>
    </row>
    <row r="81" spans="1:52" customFormat="1" x14ac:dyDescent="0.2">
      <c r="A81" s="39"/>
      <c r="B81" s="39"/>
      <c r="C81" s="39"/>
      <c r="D81" s="1"/>
      <c r="E81" s="1"/>
      <c r="F81" s="1"/>
      <c r="G81" s="1"/>
      <c r="H81" s="1"/>
      <c r="I81" s="1"/>
      <c r="J81" s="1"/>
      <c r="K81" s="1"/>
      <c r="L81" s="1"/>
      <c r="M81" s="1"/>
      <c r="N81" s="1"/>
      <c r="O81" s="1"/>
      <c r="P81" s="1"/>
      <c r="Q81" s="1"/>
      <c r="R81" s="1"/>
      <c r="S81" s="1"/>
      <c r="T81" s="1"/>
      <c r="U81" s="1"/>
      <c r="V81" s="1"/>
      <c r="W81" s="7"/>
      <c r="X81" s="7"/>
      <c r="Y81" s="7"/>
      <c r="Z81" s="7"/>
      <c r="AA81" s="7"/>
      <c r="AB81" s="7"/>
      <c r="AC81" s="7"/>
      <c r="AD81" s="7"/>
      <c r="AE81" s="7"/>
      <c r="AF81" s="7"/>
      <c r="AG81" s="7"/>
      <c r="AH81" s="7"/>
      <c r="AI81" s="7"/>
      <c r="AJ81" s="7"/>
      <c r="AK81" s="7"/>
      <c r="AL81" s="7"/>
      <c r="AM81" s="7"/>
      <c r="AN81" s="7"/>
      <c r="AO81" s="7"/>
      <c r="AP81" s="7"/>
      <c r="AQ81" s="7"/>
      <c r="AR81" s="7"/>
      <c r="AS81" s="7"/>
      <c r="AT81" s="32"/>
    </row>
    <row r="82" spans="1:52" customFormat="1" x14ac:dyDescent="0.2">
      <c r="A82" s="39"/>
      <c r="B82" s="39"/>
      <c r="C82" s="39"/>
      <c r="D82" s="1"/>
      <c r="E82" s="1"/>
      <c r="F82" s="1"/>
      <c r="G82" s="1"/>
      <c r="H82" s="1"/>
      <c r="I82" s="1"/>
      <c r="J82" s="1"/>
      <c r="K82" s="1"/>
      <c r="L82" s="1"/>
      <c r="M82" s="1"/>
      <c r="N82" s="1"/>
      <c r="O82" s="1"/>
      <c r="P82" s="1"/>
      <c r="Q82" s="1"/>
      <c r="R82" s="1"/>
      <c r="S82" s="1"/>
      <c r="T82" s="1"/>
      <c r="U82" s="1"/>
      <c r="V82" s="1"/>
      <c r="W82" s="7"/>
      <c r="X82" s="7"/>
      <c r="Y82" s="7"/>
      <c r="Z82" s="7"/>
      <c r="AA82" s="7"/>
      <c r="AB82" s="7"/>
      <c r="AC82" s="7"/>
      <c r="AD82" s="7"/>
      <c r="AE82" s="7"/>
      <c r="AF82" s="7"/>
      <c r="AG82" s="7"/>
      <c r="AH82" s="7"/>
      <c r="AI82" s="7"/>
      <c r="AJ82" s="7"/>
      <c r="AK82" s="7"/>
      <c r="AL82" s="7"/>
      <c r="AM82" s="7"/>
      <c r="AN82" s="7"/>
      <c r="AO82" s="7"/>
      <c r="AP82" s="7"/>
      <c r="AQ82" s="7"/>
      <c r="AR82" s="7"/>
      <c r="AS82" s="7"/>
      <c r="AT82" s="32"/>
    </row>
    <row r="83" spans="1:52" customFormat="1" x14ac:dyDescent="0.2">
      <c r="A83" s="39"/>
      <c r="B83" s="39"/>
      <c r="C83" s="39"/>
      <c r="D83" s="1"/>
      <c r="E83" s="1"/>
      <c r="F83" s="1"/>
      <c r="G83" s="1"/>
      <c r="H83" s="1"/>
      <c r="I83" s="1"/>
      <c r="J83" s="1"/>
      <c r="K83" s="1"/>
      <c r="L83" s="1"/>
      <c r="M83" s="1"/>
      <c r="N83" s="1"/>
      <c r="O83" s="1"/>
      <c r="P83" s="1"/>
      <c r="Q83" s="1"/>
      <c r="R83" s="1"/>
      <c r="S83" s="1"/>
      <c r="T83" s="1"/>
      <c r="U83" s="1"/>
      <c r="V83" s="1"/>
      <c r="W83" s="7"/>
      <c r="X83" s="7"/>
      <c r="Y83" s="7"/>
      <c r="Z83" s="7"/>
      <c r="AA83" s="7"/>
      <c r="AB83" s="7"/>
      <c r="AC83" s="7"/>
      <c r="AD83" s="7"/>
      <c r="AE83" s="7"/>
      <c r="AF83" s="7"/>
      <c r="AG83" s="7"/>
      <c r="AH83" s="7"/>
      <c r="AI83" s="7"/>
      <c r="AJ83" s="7"/>
      <c r="AK83" s="7"/>
      <c r="AL83" s="7"/>
      <c r="AM83" s="7"/>
      <c r="AN83" s="7"/>
      <c r="AO83" s="7"/>
      <c r="AP83" s="7"/>
      <c r="AQ83" s="7"/>
      <c r="AR83" s="7"/>
      <c r="AS83" s="7"/>
      <c r="AT83" s="32"/>
    </row>
    <row r="84" spans="1:52" customFormat="1" x14ac:dyDescent="0.2">
      <c r="A84" s="39"/>
      <c r="B84" s="39"/>
      <c r="C84" s="39"/>
      <c r="D84" s="1"/>
      <c r="E84" s="1"/>
      <c r="F84" s="1"/>
      <c r="G84" s="1"/>
      <c r="H84" s="1"/>
      <c r="I84" s="1"/>
      <c r="J84" s="1"/>
      <c r="K84" s="1"/>
      <c r="L84" s="1"/>
      <c r="M84" s="1"/>
      <c r="N84" s="1"/>
      <c r="O84" s="1"/>
      <c r="P84" s="1"/>
      <c r="Q84" s="1"/>
      <c r="R84" s="1"/>
      <c r="S84" s="1"/>
      <c r="T84" s="1"/>
      <c r="U84" s="1"/>
      <c r="V84" s="1"/>
      <c r="W84" s="7"/>
      <c r="X84" s="7"/>
      <c r="Y84" s="7"/>
      <c r="Z84" s="7"/>
      <c r="AA84" s="7"/>
      <c r="AB84" s="7"/>
      <c r="AC84" s="7"/>
      <c r="AD84" s="7"/>
      <c r="AE84" s="7"/>
      <c r="AF84" s="7"/>
      <c r="AG84" s="7"/>
      <c r="AH84" s="7"/>
      <c r="AI84" s="7"/>
      <c r="AJ84" s="7"/>
      <c r="AK84" s="7"/>
      <c r="AL84" s="7"/>
      <c r="AM84" s="7"/>
      <c r="AN84" s="7"/>
      <c r="AO84" s="7"/>
      <c r="AP84" s="7"/>
      <c r="AQ84" s="7"/>
      <c r="AR84" s="7"/>
      <c r="AS84" s="7"/>
      <c r="AT84" s="32"/>
    </row>
    <row r="85" spans="1:52" ht="18.600000000000001" customHeight="1" x14ac:dyDescent="0.2">
      <c r="A85" s="7"/>
      <c r="B85" s="227" t="s">
        <v>210</v>
      </c>
      <c r="C85" s="227"/>
      <c r="D85" s="227"/>
      <c r="E85" s="227"/>
      <c r="F85" s="227"/>
      <c r="G85" s="227"/>
      <c r="H85" s="227"/>
      <c r="I85" s="227"/>
      <c r="J85" s="227"/>
      <c r="K85" s="227"/>
      <c r="L85" s="227"/>
      <c r="M85" s="227"/>
      <c r="N85" s="227"/>
      <c r="O85" s="227"/>
      <c r="P85" s="227"/>
      <c r="Q85" s="227"/>
      <c r="R85" s="227"/>
      <c r="S85" s="227"/>
      <c r="T85" s="227"/>
      <c r="U85" s="227"/>
      <c r="V85" s="227"/>
      <c r="W85" s="227"/>
      <c r="X85" s="227"/>
      <c r="Y85" s="227"/>
      <c r="Z85" s="227"/>
      <c r="AA85" s="227"/>
      <c r="AB85" s="227"/>
      <c r="AC85" s="227"/>
      <c r="AD85" s="227"/>
      <c r="AE85" s="227"/>
      <c r="AF85" s="227"/>
      <c r="AG85" s="227"/>
      <c r="AH85" s="227"/>
      <c r="AI85" s="227"/>
      <c r="AJ85" s="227"/>
      <c r="AK85" s="227"/>
      <c r="AL85" s="227"/>
      <c r="AM85" s="227"/>
      <c r="AN85" s="227"/>
      <c r="AO85" s="227"/>
      <c r="AP85" s="227"/>
      <c r="AQ85" s="227"/>
      <c r="AR85" s="227"/>
      <c r="AS85" s="227"/>
      <c r="AT85" s="227"/>
      <c r="AU85" s="7"/>
      <c r="AV85" s="7"/>
      <c r="AW85" s="7"/>
      <c r="AX85" s="7"/>
      <c r="AY85" s="7"/>
      <c r="AZ85" s="7"/>
    </row>
    <row r="86" spans="1:52" x14ac:dyDescent="0.2">
      <c r="A86" s="7"/>
      <c r="B86" s="206" t="s">
        <v>211</v>
      </c>
      <c r="C86" s="1"/>
      <c r="D86" s="1"/>
      <c r="E86" s="1"/>
      <c r="F86" s="1"/>
      <c r="G86" s="1"/>
      <c r="H86" s="1"/>
      <c r="I86" s="1"/>
      <c r="J86" s="1"/>
      <c r="K86" s="1"/>
      <c r="L86" s="1"/>
      <c r="M86" s="1"/>
      <c r="N86" s="1"/>
      <c r="O86" s="1"/>
      <c r="P86" s="1"/>
      <c r="Q86" s="1"/>
      <c r="R86" s="1"/>
      <c r="S86" s="1"/>
      <c r="T86" s="1"/>
      <c r="U86" s="1"/>
      <c r="V86" s="7"/>
      <c r="W86" s="69"/>
      <c r="X86" s="69"/>
      <c r="Y86" s="69"/>
      <c r="Z86" s="69"/>
      <c r="AA86" s="69"/>
      <c r="AB86" s="69"/>
      <c r="AC86" s="69"/>
      <c r="AD86" s="69"/>
      <c r="AE86" s="69"/>
      <c r="AF86" s="69"/>
      <c r="AG86" s="112"/>
      <c r="AT86" s="7"/>
      <c r="AU86" s="7"/>
      <c r="AV86" s="7"/>
      <c r="AW86" s="7"/>
      <c r="AX86" s="7"/>
      <c r="AY86" s="7"/>
      <c r="AZ86" s="7"/>
    </row>
    <row r="87" spans="1:52" customFormat="1" x14ac:dyDescent="0.2">
      <c r="A87" s="39"/>
      <c r="B87" s="39"/>
      <c r="C87" s="39"/>
      <c r="D87" s="1"/>
      <c r="E87" s="1"/>
      <c r="F87" s="1"/>
      <c r="G87" s="1"/>
      <c r="H87" s="1"/>
      <c r="I87" s="1"/>
      <c r="J87" s="1"/>
      <c r="K87" s="1"/>
      <c r="L87" s="1"/>
      <c r="M87" s="1"/>
      <c r="N87" s="1"/>
      <c r="O87" s="1"/>
      <c r="P87" s="1"/>
      <c r="Q87" s="1"/>
      <c r="R87" s="1"/>
      <c r="S87" s="1"/>
      <c r="T87" s="1"/>
      <c r="U87" s="1"/>
      <c r="V87" s="1"/>
      <c r="W87" s="7"/>
      <c r="X87" s="7"/>
      <c r="Y87" s="7"/>
      <c r="Z87" s="7"/>
      <c r="AA87" s="7"/>
      <c r="AB87" s="7"/>
      <c r="AC87" s="7"/>
      <c r="AD87" s="7"/>
      <c r="AE87" s="7"/>
      <c r="AF87" s="7"/>
      <c r="AG87" s="7"/>
      <c r="AH87" s="7"/>
      <c r="AI87" s="7"/>
      <c r="AJ87" s="7"/>
      <c r="AK87" s="7"/>
      <c r="AL87" s="7"/>
      <c r="AM87" s="7"/>
      <c r="AN87" s="7"/>
      <c r="AO87" s="7"/>
      <c r="AP87" s="7"/>
      <c r="AQ87" s="7"/>
      <c r="AR87" s="7"/>
      <c r="AS87" s="7"/>
      <c r="AT87" s="32"/>
    </row>
    <row r="88" spans="1:52" customFormat="1" x14ac:dyDescent="0.2">
      <c r="A88" s="39"/>
      <c r="B88" s="39"/>
      <c r="C88" s="39"/>
      <c r="D88" s="1"/>
      <c r="E88" s="1"/>
      <c r="F88" s="1"/>
      <c r="G88" s="1"/>
      <c r="H88" s="1"/>
      <c r="I88" s="1"/>
      <c r="J88" s="1"/>
      <c r="K88" s="1"/>
      <c r="L88" s="1"/>
      <c r="M88" s="1"/>
      <c r="N88" s="1"/>
      <c r="O88" s="1"/>
      <c r="P88" s="1"/>
      <c r="Q88" s="1"/>
      <c r="R88" s="1"/>
      <c r="S88" s="1"/>
      <c r="T88" s="1"/>
      <c r="U88" s="1"/>
      <c r="V88" s="1"/>
      <c r="W88" s="7"/>
      <c r="X88" s="7"/>
      <c r="Y88" s="7"/>
      <c r="Z88" s="7"/>
      <c r="AA88" s="7"/>
      <c r="AB88" s="7"/>
      <c r="AC88" s="7"/>
      <c r="AD88" s="7"/>
      <c r="AE88" s="7"/>
      <c r="AF88" s="7"/>
      <c r="AG88" s="7"/>
      <c r="AH88" s="7"/>
      <c r="AI88" s="7"/>
      <c r="AJ88" s="7"/>
      <c r="AK88" s="7"/>
      <c r="AL88" s="7"/>
      <c r="AM88" s="7"/>
      <c r="AN88" s="7"/>
      <c r="AO88" s="7"/>
      <c r="AP88" s="7"/>
      <c r="AQ88" s="7"/>
      <c r="AR88" s="7"/>
      <c r="AS88" s="7"/>
      <c r="AT88" s="32"/>
    </row>
    <row r="89" spans="1:52" customFormat="1" x14ac:dyDescent="0.2">
      <c r="A89" s="39"/>
      <c r="B89" s="39"/>
      <c r="C89" s="39"/>
      <c r="D89" s="1"/>
      <c r="E89" s="1"/>
      <c r="F89" s="1"/>
      <c r="G89" s="1"/>
      <c r="H89" s="1"/>
      <c r="I89" s="1"/>
      <c r="J89" s="1"/>
      <c r="K89" s="1"/>
      <c r="L89" s="1"/>
      <c r="M89" s="1"/>
      <c r="N89" s="1"/>
      <c r="O89" s="1"/>
      <c r="P89" s="1"/>
      <c r="Q89" s="1"/>
      <c r="R89" s="1"/>
      <c r="S89" s="1"/>
      <c r="T89" s="1"/>
      <c r="U89" s="1"/>
      <c r="V89" s="1"/>
      <c r="W89" s="7"/>
      <c r="X89" s="7"/>
      <c r="Y89" s="7"/>
      <c r="Z89" s="7"/>
      <c r="AA89" s="7"/>
      <c r="AB89" s="7"/>
      <c r="AC89" s="7"/>
      <c r="AD89" s="7"/>
      <c r="AE89" s="7"/>
      <c r="AF89" s="7"/>
      <c r="AG89" s="7"/>
      <c r="AH89" s="7"/>
      <c r="AI89" s="7"/>
      <c r="AJ89" s="7"/>
      <c r="AK89" s="7"/>
      <c r="AL89" s="7"/>
      <c r="AM89" s="7"/>
      <c r="AN89" s="7"/>
      <c r="AO89" s="7"/>
      <c r="AP89" s="7"/>
      <c r="AQ89" s="7"/>
      <c r="AR89" s="7"/>
      <c r="AS89" s="7"/>
      <c r="AT89" s="32"/>
    </row>
    <row r="90" spans="1:52" x14ac:dyDescent="0.2">
      <c r="D90" s="1"/>
      <c r="E90" s="1"/>
      <c r="F90" s="1"/>
      <c r="G90" s="1"/>
      <c r="H90" s="1"/>
      <c r="I90" s="1"/>
      <c r="J90" s="1"/>
      <c r="K90" s="1"/>
      <c r="L90" s="1"/>
      <c r="M90" s="1"/>
      <c r="N90" s="1"/>
      <c r="O90" s="1"/>
      <c r="P90" s="1"/>
      <c r="Q90" s="1"/>
      <c r="R90" s="1"/>
      <c r="S90" s="1"/>
      <c r="T90" s="1"/>
      <c r="U90" s="1"/>
      <c r="V90" s="1"/>
    </row>
    <row r="91" spans="1:52" x14ac:dyDescent="0.2">
      <c r="D91" s="1"/>
      <c r="E91" s="1"/>
      <c r="F91" s="1"/>
      <c r="G91" s="1"/>
      <c r="H91" s="1"/>
      <c r="I91" s="1"/>
      <c r="J91" s="1"/>
      <c r="K91" s="1"/>
      <c r="L91" s="1"/>
      <c r="M91" s="1"/>
      <c r="N91" s="1"/>
      <c r="O91" s="1"/>
      <c r="P91" s="1"/>
      <c r="Q91" s="1"/>
      <c r="R91" s="1"/>
      <c r="S91" s="1"/>
      <c r="T91" s="1"/>
      <c r="U91" s="1"/>
      <c r="V91" s="1"/>
    </row>
    <row r="92" spans="1:52" x14ac:dyDescent="0.2">
      <c r="D92" s="1"/>
      <c r="E92" s="1"/>
      <c r="F92" s="1"/>
      <c r="G92" s="1"/>
      <c r="H92" s="1"/>
      <c r="I92" s="1"/>
      <c r="J92" s="1"/>
      <c r="K92" s="1"/>
      <c r="L92" s="1"/>
      <c r="M92" s="1"/>
      <c r="N92" s="1"/>
      <c r="O92" s="1"/>
      <c r="P92" s="1"/>
      <c r="Q92" s="1"/>
      <c r="R92" s="1"/>
      <c r="S92" s="1"/>
      <c r="T92" s="1"/>
      <c r="U92" s="1"/>
      <c r="V92" s="1"/>
    </row>
    <row r="93" spans="1:52" x14ac:dyDescent="0.2">
      <c r="D93" s="1"/>
      <c r="E93" s="1"/>
      <c r="F93" s="1"/>
      <c r="G93" s="1"/>
      <c r="H93" s="1"/>
      <c r="I93" s="1"/>
      <c r="J93" s="1"/>
      <c r="K93" s="1"/>
      <c r="L93" s="1"/>
      <c r="M93" s="1"/>
      <c r="N93" s="1"/>
      <c r="O93" s="1"/>
      <c r="P93" s="1"/>
      <c r="Q93" s="1"/>
      <c r="R93" s="1"/>
      <c r="S93" s="1"/>
      <c r="T93" s="1"/>
      <c r="U93" s="1"/>
      <c r="V93" s="1"/>
    </row>
    <row r="94" spans="1:52" x14ac:dyDescent="0.2">
      <c r="D94" s="1"/>
      <c r="E94" s="1"/>
      <c r="F94" s="1"/>
      <c r="G94" s="1"/>
      <c r="H94" s="1"/>
      <c r="I94" s="1"/>
      <c r="J94" s="1"/>
      <c r="K94" s="1"/>
      <c r="L94" s="1"/>
      <c r="M94" s="1"/>
      <c r="N94" s="1"/>
      <c r="O94" s="1"/>
      <c r="P94" s="1"/>
      <c r="Q94" s="1"/>
      <c r="R94" s="1"/>
      <c r="S94" s="1"/>
      <c r="T94" s="1"/>
      <c r="U94" s="1"/>
      <c r="V94" s="1"/>
    </row>
    <row r="95" spans="1:52" x14ac:dyDescent="0.2">
      <c r="D95" s="1"/>
      <c r="E95" s="1"/>
      <c r="F95" s="1"/>
      <c r="G95" s="1"/>
      <c r="H95" s="1"/>
      <c r="I95" s="1"/>
      <c r="J95" s="1"/>
      <c r="K95" s="1"/>
      <c r="L95" s="1"/>
      <c r="M95" s="1"/>
      <c r="N95" s="1"/>
      <c r="O95" s="1"/>
      <c r="P95" s="1"/>
      <c r="Q95" s="1"/>
      <c r="R95" s="1"/>
      <c r="S95" s="1"/>
      <c r="T95" s="1"/>
      <c r="U95" s="1"/>
      <c r="V95" s="1"/>
    </row>
    <row r="96" spans="1:52" x14ac:dyDescent="0.2">
      <c r="D96" s="1"/>
      <c r="E96" s="1"/>
      <c r="F96" s="1"/>
      <c r="G96" s="1"/>
      <c r="H96" s="1"/>
      <c r="I96" s="1"/>
      <c r="J96" s="1"/>
      <c r="K96" s="1"/>
      <c r="L96" s="1"/>
      <c r="M96" s="1"/>
      <c r="N96" s="1"/>
      <c r="O96" s="1"/>
      <c r="P96" s="1"/>
      <c r="Q96" s="1"/>
      <c r="R96" s="1"/>
      <c r="S96" s="1"/>
      <c r="T96" s="1"/>
      <c r="U96" s="1"/>
      <c r="V96" s="1"/>
    </row>
    <row r="97" spans="4:22" x14ac:dyDescent="0.2">
      <c r="D97" s="1"/>
      <c r="E97" s="1"/>
      <c r="F97" s="1"/>
      <c r="G97" s="1"/>
      <c r="H97" s="1"/>
      <c r="I97" s="1"/>
      <c r="J97" s="1"/>
      <c r="K97" s="1"/>
      <c r="L97" s="1"/>
      <c r="M97" s="1"/>
      <c r="N97" s="1"/>
      <c r="O97" s="1"/>
      <c r="P97" s="1"/>
      <c r="Q97" s="1"/>
      <c r="R97" s="1"/>
      <c r="S97" s="1"/>
      <c r="T97" s="1"/>
      <c r="U97" s="1"/>
      <c r="V97" s="1"/>
    </row>
    <row r="98" spans="4:22" x14ac:dyDescent="0.2">
      <c r="D98" s="1"/>
      <c r="E98" s="1"/>
      <c r="F98" s="1"/>
      <c r="G98" s="1"/>
      <c r="H98" s="1"/>
      <c r="I98" s="1"/>
      <c r="J98" s="1"/>
      <c r="K98" s="1"/>
      <c r="L98" s="1"/>
      <c r="M98" s="1"/>
      <c r="N98" s="1"/>
      <c r="O98" s="1"/>
      <c r="P98" s="1"/>
      <c r="Q98" s="1"/>
      <c r="R98" s="1"/>
      <c r="S98" s="1"/>
      <c r="T98" s="1"/>
      <c r="U98" s="1"/>
      <c r="V98" s="1"/>
    </row>
    <row r="99" spans="4:22" x14ac:dyDescent="0.2">
      <c r="D99" s="1"/>
      <c r="E99" s="1"/>
      <c r="F99" s="1"/>
      <c r="G99" s="1"/>
      <c r="H99" s="1"/>
      <c r="I99" s="1"/>
      <c r="J99" s="1"/>
      <c r="K99" s="1"/>
      <c r="L99" s="1"/>
      <c r="M99" s="1"/>
      <c r="N99" s="1"/>
      <c r="O99" s="1"/>
      <c r="P99" s="1"/>
      <c r="Q99" s="1"/>
      <c r="R99" s="1"/>
      <c r="S99" s="1"/>
      <c r="T99" s="1"/>
      <c r="U99" s="1"/>
      <c r="V99" s="1"/>
    </row>
    <row r="100" spans="4:22" x14ac:dyDescent="0.2">
      <c r="D100" s="1"/>
      <c r="E100" s="1"/>
      <c r="F100" s="1"/>
      <c r="G100" s="1"/>
      <c r="H100" s="1"/>
      <c r="I100" s="1"/>
      <c r="J100" s="1"/>
      <c r="K100" s="1"/>
      <c r="L100" s="1"/>
      <c r="M100" s="1"/>
      <c r="N100" s="1"/>
      <c r="O100" s="1"/>
      <c r="P100" s="1"/>
      <c r="Q100" s="1"/>
      <c r="R100" s="1"/>
      <c r="S100" s="1"/>
      <c r="T100" s="1"/>
      <c r="U100" s="1"/>
      <c r="V100" s="1"/>
    </row>
    <row r="101" spans="4:22" x14ac:dyDescent="0.2">
      <c r="D101" s="1"/>
      <c r="E101" s="1"/>
      <c r="F101" s="1"/>
      <c r="G101" s="1"/>
      <c r="H101" s="1"/>
      <c r="I101" s="1"/>
      <c r="J101" s="1"/>
      <c r="K101" s="1"/>
      <c r="L101" s="1"/>
      <c r="M101" s="1"/>
      <c r="N101" s="1"/>
      <c r="O101" s="1"/>
      <c r="P101" s="1"/>
      <c r="Q101" s="1"/>
      <c r="R101" s="1"/>
      <c r="S101" s="1"/>
      <c r="T101" s="1"/>
      <c r="U101" s="1"/>
      <c r="V101" s="1"/>
    </row>
    <row r="102" spans="4:22" x14ac:dyDescent="0.2">
      <c r="D102" s="1"/>
      <c r="E102" s="1"/>
      <c r="F102" s="1"/>
      <c r="G102" s="1"/>
      <c r="H102" s="1"/>
      <c r="I102" s="1"/>
      <c r="J102" s="1"/>
      <c r="K102" s="1"/>
      <c r="L102" s="1"/>
      <c r="M102" s="1"/>
      <c r="N102" s="1"/>
      <c r="O102" s="1"/>
      <c r="P102" s="1"/>
      <c r="Q102" s="1"/>
      <c r="R102" s="1"/>
      <c r="S102" s="1"/>
      <c r="T102" s="1"/>
      <c r="U102" s="1"/>
      <c r="V102" s="1"/>
    </row>
    <row r="103" spans="4:22" x14ac:dyDescent="0.2">
      <c r="D103" s="1"/>
      <c r="E103" s="1"/>
      <c r="F103" s="1"/>
      <c r="G103" s="1"/>
      <c r="H103" s="1"/>
      <c r="I103" s="1"/>
      <c r="J103" s="1"/>
      <c r="K103" s="1"/>
      <c r="L103" s="1"/>
      <c r="M103" s="1"/>
      <c r="N103" s="1"/>
      <c r="O103" s="1"/>
      <c r="P103" s="1"/>
      <c r="Q103" s="1"/>
      <c r="R103" s="1"/>
      <c r="S103" s="1"/>
      <c r="T103" s="1"/>
      <c r="U103" s="1"/>
      <c r="V103" s="1"/>
    </row>
    <row r="104" spans="4:22" x14ac:dyDescent="0.2">
      <c r="D104" s="1"/>
      <c r="E104" s="1"/>
      <c r="F104" s="1"/>
      <c r="G104" s="1"/>
      <c r="H104" s="1"/>
      <c r="I104" s="1"/>
      <c r="J104" s="1"/>
      <c r="K104" s="1"/>
      <c r="L104" s="1"/>
      <c r="M104" s="1"/>
      <c r="N104" s="1"/>
      <c r="O104" s="1"/>
      <c r="P104" s="1"/>
      <c r="Q104" s="1"/>
      <c r="R104" s="1"/>
      <c r="S104" s="1"/>
      <c r="T104" s="1"/>
      <c r="U104" s="1"/>
      <c r="V104" s="1"/>
    </row>
    <row r="105" spans="4:22" x14ac:dyDescent="0.2">
      <c r="D105" s="1"/>
      <c r="E105" s="1"/>
      <c r="F105" s="1"/>
      <c r="G105" s="1"/>
      <c r="H105" s="1"/>
      <c r="I105" s="1"/>
      <c r="J105" s="1"/>
      <c r="K105" s="1"/>
      <c r="L105" s="1"/>
      <c r="M105" s="1"/>
      <c r="N105" s="1"/>
      <c r="O105" s="1"/>
      <c r="P105" s="1"/>
      <c r="Q105" s="1"/>
      <c r="R105" s="1"/>
      <c r="S105" s="1"/>
      <c r="T105" s="1"/>
      <c r="U105" s="1"/>
      <c r="V105" s="1"/>
    </row>
    <row r="106" spans="4:22" x14ac:dyDescent="0.2">
      <c r="D106" s="1"/>
      <c r="E106" s="1"/>
      <c r="F106" s="1"/>
      <c r="G106" s="1"/>
      <c r="H106" s="1"/>
      <c r="I106" s="1"/>
      <c r="J106" s="1"/>
      <c r="K106" s="1"/>
      <c r="L106" s="1"/>
      <c r="M106" s="1"/>
      <c r="N106" s="1"/>
      <c r="O106" s="1"/>
      <c r="P106" s="1"/>
      <c r="Q106" s="1"/>
      <c r="R106" s="1"/>
      <c r="S106" s="1"/>
      <c r="T106" s="1"/>
      <c r="U106" s="1"/>
      <c r="V106" s="1"/>
    </row>
    <row r="107" spans="4:22" x14ac:dyDescent="0.2">
      <c r="D107" s="1"/>
      <c r="E107" s="1"/>
      <c r="F107" s="1"/>
      <c r="G107" s="1"/>
      <c r="H107" s="1"/>
      <c r="I107" s="1"/>
      <c r="J107" s="1"/>
      <c r="K107" s="1"/>
      <c r="L107" s="1"/>
      <c r="M107" s="1"/>
      <c r="N107" s="1"/>
      <c r="O107" s="1"/>
      <c r="P107" s="1"/>
      <c r="Q107" s="1"/>
      <c r="R107" s="1"/>
      <c r="S107" s="1"/>
      <c r="T107" s="1"/>
      <c r="U107" s="1"/>
      <c r="V107" s="1"/>
    </row>
    <row r="108" spans="4:22" x14ac:dyDescent="0.2">
      <c r="D108" s="1"/>
      <c r="E108" s="1"/>
      <c r="F108" s="1"/>
      <c r="G108" s="1"/>
      <c r="H108" s="1"/>
      <c r="I108" s="1"/>
      <c r="J108" s="1"/>
      <c r="K108" s="1"/>
      <c r="L108" s="1"/>
      <c r="M108" s="1"/>
      <c r="N108" s="1"/>
      <c r="O108" s="1"/>
      <c r="P108" s="1"/>
      <c r="Q108" s="1"/>
      <c r="R108" s="1"/>
      <c r="S108" s="1"/>
      <c r="T108" s="1"/>
      <c r="U108" s="1"/>
      <c r="V108" s="1"/>
    </row>
    <row r="109" spans="4:22" x14ac:dyDescent="0.2">
      <c r="D109" s="1"/>
      <c r="E109" s="1"/>
      <c r="F109" s="1"/>
      <c r="G109" s="1"/>
      <c r="H109" s="1"/>
      <c r="I109" s="1"/>
      <c r="J109" s="1"/>
      <c r="K109" s="1"/>
      <c r="L109" s="1"/>
      <c r="M109" s="1"/>
      <c r="N109" s="1"/>
      <c r="O109" s="1"/>
      <c r="P109" s="1"/>
      <c r="Q109" s="1"/>
      <c r="R109" s="1"/>
      <c r="S109" s="1"/>
      <c r="T109" s="1"/>
      <c r="U109" s="1"/>
      <c r="V109" s="1"/>
    </row>
    <row r="110" spans="4:22" x14ac:dyDescent="0.2">
      <c r="D110" s="1"/>
      <c r="E110" s="1"/>
      <c r="F110" s="1"/>
      <c r="G110" s="1"/>
      <c r="H110" s="1"/>
      <c r="I110" s="1"/>
      <c r="J110" s="1"/>
      <c r="K110" s="1"/>
      <c r="L110" s="1"/>
      <c r="M110" s="1"/>
      <c r="N110" s="1"/>
      <c r="O110" s="1"/>
      <c r="P110" s="1"/>
      <c r="Q110" s="1"/>
      <c r="R110" s="1"/>
      <c r="S110" s="1"/>
      <c r="T110" s="1"/>
      <c r="U110" s="1"/>
      <c r="V110" s="1"/>
    </row>
    <row r="111" spans="4:22" x14ac:dyDescent="0.2">
      <c r="D111" s="1"/>
      <c r="E111" s="1"/>
      <c r="F111" s="1"/>
      <c r="G111" s="1"/>
      <c r="H111" s="1"/>
      <c r="I111" s="1"/>
      <c r="J111" s="1"/>
      <c r="K111" s="1"/>
      <c r="L111" s="1"/>
      <c r="M111" s="1"/>
      <c r="N111" s="1"/>
      <c r="O111" s="1"/>
      <c r="P111" s="1"/>
      <c r="Q111" s="1"/>
      <c r="R111" s="1"/>
      <c r="S111" s="1"/>
      <c r="T111" s="1"/>
      <c r="U111" s="1"/>
      <c r="V111" s="1"/>
    </row>
    <row r="112" spans="4:22" x14ac:dyDescent="0.2">
      <c r="D112" s="1"/>
      <c r="E112" s="1"/>
      <c r="F112" s="1"/>
      <c r="G112" s="1"/>
      <c r="H112" s="1"/>
      <c r="I112" s="1"/>
      <c r="J112" s="1"/>
      <c r="K112" s="1"/>
      <c r="L112" s="1"/>
      <c r="M112" s="1"/>
      <c r="N112" s="1"/>
      <c r="O112" s="1"/>
      <c r="P112" s="1"/>
      <c r="Q112" s="1"/>
      <c r="R112" s="1"/>
      <c r="S112" s="1"/>
      <c r="T112" s="1"/>
      <c r="U112" s="1"/>
      <c r="V112" s="1"/>
    </row>
    <row r="113" spans="4:22" x14ac:dyDescent="0.2">
      <c r="D113" s="1"/>
      <c r="E113" s="1"/>
      <c r="F113" s="1"/>
      <c r="G113" s="1"/>
      <c r="H113" s="1"/>
      <c r="I113" s="1"/>
      <c r="J113" s="1"/>
      <c r="K113" s="1"/>
      <c r="L113" s="1"/>
      <c r="M113" s="1"/>
      <c r="N113" s="1"/>
      <c r="O113" s="1"/>
      <c r="P113" s="1"/>
      <c r="Q113" s="1"/>
      <c r="R113" s="1"/>
      <c r="S113" s="1"/>
      <c r="T113" s="1"/>
      <c r="U113" s="1"/>
      <c r="V113" s="1"/>
    </row>
    <row r="114" spans="4:22" x14ac:dyDescent="0.2">
      <c r="D114" s="1"/>
      <c r="E114" s="1"/>
      <c r="F114" s="1"/>
      <c r="G114" s="1"/>
      <c r="H114" s="1"/>
      <c r="I114" s="1"/>
      <c r="J114" s="1"/>
      <c r="K114" s="1"/>
      <c r="L114" s="1"/>
      <c r="M114" s="1"/>
      <c r="N114" s="1"/>
      <c r="O114" s="1"/>
      <c r="P114" s="1"/>
      <c r="Q114" s="1"/>
      <c r="R114" s="1"/>
      <c r="S114" s="1"/>
      <c r="T114" s="1"/>
      <c r="U114" s="1"/>
      <c r="V114" s="1"/>
    </row>
    <row r="115" spans="4:22" x14ac:dyDescent="0.2">
      <c r="D115" s="1"/>
      <c r="E115" s="1"/>
      <c r="F115" s="1"/>
      <c r="G115" s="1"/>
      <c r="H115" s="1"/>
      <c r="I115" s="1"/>
      <c r="J115" s="1"/>
      <c r="K115" s="1"/>
      <c r="L115" s="1"/>
      <c r="M115" s="1"/>
      <c r="N115" s="1"/>
      <c r="O115" s="1"/>
      <c r="P115" s="1"/>
      <c r="Q115" s="1"/>
      <c r="R115" s="1"/>
      <c r="S115" s="1"/>
      <c r="T115" s="1"/>
      <c r="U115" s="1"/>
      <c r="V115" s="1"/>
    </row>
    <row r="116" spans="4:22" x14ac:dyDescent="0.2">
      <c r="D116" s="1"/>
      <c r="E116" s="1"/>
      <c r="F116" s="1"/>
      <c r="G116" s="1"/>
      <c r="H116" s="1"/>
      <c r="I116" s="1"/>
      <c r="J116" s="1"/>
      <c r="K116" s="1"/>
      <c r="L116" s="1"/>
      <c r="M116" s="1"/>
      <c r="N116" s="1"/>
      <c r="O116" s="1"/>
      <c r="P116" s="1"/>
      <c r="Q116" s="1"/>
      <c r="R116" s="1"/>
      <c r="S116" s="1"/>
      <c r="T116" s="1"/>
      <c r="U116" s="1"/>
      <c r="V116" s="1"/>
    </row>
    <row r="117" spans="4:22" x14ac:dyDescent="0.2">
      <c r="D117" s="1"/>
      <c r="E117" s="1"/>
      <c r="F117" s="1"/>
      <c r="G117" s="1"/>
      <c r="H117" s="1"/>
      <c r="I117" s="1"/>
      <c r="J117" s="1"/>
      <c r="K117" s="1"/>
      <c r="L117" s="1"/>
      <c r="M117" s="1"/>
      <c r="N117" s="1"/>
      <c r="O117" s="1"/>
      <c r="P117" s="1"/>
      <c r="Q117" s="1"/>
      <c r="R117" s="1"/>
      <c r="S117" s="1"/>
      <c r="T117" s="1"/>
      <c r="U117" s="1"/>
      <c r="V117" s="1"/>
    </row>
    <row r="118" spans="4:22" x14ac:dyDescent="0.2">
      <c r="D118" s="1"/>
      <c r="E118" s="1"/>
      <c r="F118" s="1"/>
      <c r="G118" s="1"/>
      <c r="H118" s="1"/>
      <c r="I118" s="1"/>
      <c r="J118" s="1"/>
      <c r="K118" s="1"/>
      <c r="L118" s="1"/>
      <c r="M118" s="1"/>
      <c r="N118" s="1"/>
      <c r="O118" s="1"/>
      <c r="P118" s="1"/>
      <c r="Q118" s="1"/>
      <c r="R118" s="1"/>
      <c r="S118" s="1"/>
      <c r="T118" s="1"/>
      <c r="U118" s="1"/>
      <c r="V118" s="1"/>
    </row>
    <row r="119" spans="4:22" x14ac:dyDescent="0.2">
      <c r="D119" s="1"/>
      <c r="E119" s="1"/>
      <c r="F119" s="1"/>
      <c r="G119" s="1"/>
      <c r="H119" s="1"/>
      <c r="I119" s="1"/>
      <c r="J119" s="1"/>
      <c r="K119" s="1"/>
      <c r="L119" s="1"/>
      <c r="M119" s="1"/>
      <c r="N119" s="1"/>
      <c r="O119" s="1"/>
      <c r="P119" s="1"/>
      <c r="Q119" s="1"/>
      <c r="R119" s="1"/>
      <c r="S119" s="1"/>
      <c r="T119" s="1"/>
      <c r="U119" s="1"/>
      <c r="V119" s="1"/>
    </row>
    <row r="120" spans="4:22" x14ac:dyDescent="0.2">
      <c r="D120" s="1"/>
      <c r="E120" s="1"/>
      <c r="F120" s="1"/>
      <c r="G120" s="1"/>
      <c r="H120" s="1"/>
      <c r="I120" s="1"/>
      <c r="J120" s="1"/>
      <c r="K120" s="1"/>
      <c r="L120" s="1"/>
      <c r="M120" s="1"/>
      <c r="N120" s="1"/>
      <c r="O120" s="1"/>
      <c r="P120" s="1"/>
      <c r="Q120" s="1"/>
      <c r="R120" s="1"/>
      <c r="S120" s="1"/>
      <c r="T120" s="1"/>
      <c r="U120" s="1"/>
      <c r="V120" s="1"/>
    </row>
    <row r="121" spans="4:22" x14ac:dyDescent="0.2">
      <c r="D121" s="1"/>
      <c r="E121" s="1"/>
      <c r="F121" s="1"/>
      <c r="G121" s="1"/>
      <c r="H121" s="1"/>
      <c r="I121" s="1"/>
      <c r="J121" s="1"/>
      <c r="K121" s="1"/>
      <c r="L121" s="1"/>
      <c r="M121" s="1"/>
      <c r="N121" s="1"/>
      <c r="O121" s="1"/>
      <c r="P121" s="1"/>
      <c r="Q121" s="1"/>
      <c r="R121" s="1"/>
      <c r="S121" s="1"/>
      <c r="T121" s="1"/>
      <c r="U121" s="1"/>
      <c r="V121" s="1"/>
    </row>
    <row r="122" spans="4:22" x14ac:dyDescent="0.2">
      <c r="D122" s="1"/>
      <c r="E122" s="1"/>
      <c r="F122" s="1"/>
      <c r="G122" s="1"/>
      <c r="H122" s="1"/>
      <c r="I122" s="1"/>
      <c r="J122" s="1"/>
      <c r="K122" s="1"/>
      <c r="L122" s="1"/>
      <c r="M122" s="1"/>
      <c r="N122" s="1"/>
      <c r="O122" s="1"/>
      <c r="P122" s="1"/>
      <c r="Q122" s="1"/>
      <c r="R122" s="1"/>
      <c r="S122" s="1"/>
      <c r="T122" s="1"/>
      <c r="U122" s="1"/>
      <c r="V122" s="1"/>
    </row>
    <row r="123" spans="4:22" x14ac:dyDescent="0.2">
      <c r="D123" s="1"/>
      <c r="E123" s="1"/>
      <c r="F123" s="1"/>
      <c r="G123" s="1"/>
      <c r="H123" s="1"/>
      <c r="I123" s="1"/>
      <c r="J123" s="1"/>
      <c r="K123" s="1"/>
      <c r="L123" s="1"/>
      <c r="M123" s="1"/>
      <c r="N123" s="1"/>
      <c r="O123" s="1"/>
      <c r="P123" s="1"/>
      <c r="Q123" s="1"/>
      <c r="R123" s="1"/>
      <c r="S123" s="1"/>
      <c r="T123" s="1"/>
      <c r="U123" s="1"/>
      <c r="V123" s="1"/>
    </row>
    <row r="124" spans="4:22" x14ac:dyDescent="0.2">
      <c r="D124" s="1"/>
      <c r="E124" s="1"/>
      <c r="F124" s="1"/>
      <c r="G124" s="1"/>
      <c r="H124" s="1"/>
      <c r="I124" s="1"/>
      <c r="J124" s="1"/>
      <c r="K124" s="1"/>
      <c r="L124" s="1"/>
      <c r="M124" s="1"/>
      <c r="N124" s="1"/>
      <c r="O124" s="1"/>
      <c r="P124" s="1"/>
      <c r="Q124" s="1"/>
      <c r="R124" s="1"/>
      <c r="S124" s="1"/>
      <c r="T124" s="1"/>
      <c r="U124" s="1"/>
      <c r="V124" s="1"/>
    </row>
    <row r="125" spans="4:22" x14ac:dyDescent="0.2">
      <c r="D125" s="1"/>
      <c r="E125" s="1"/>
      <c r="F125" s="1"/>
      <c r="G125" s="1"/>
      <c r="H125" s="1"/>
      <c r="I125" s="1"/>
      <c r="J125" s="1"/>
      <c r="K125" s="1"/>
      <c r="L125" s="1"/>
      <c r="M125" s="1"/>
      <c r="N125" s="1"/>
      <c r="O125" s="1"/>
      <c r="P125" s="1"/>
      <c r="Q125" s="1"/>
      <c r="R125" s="1"/>
      <c r="S125" s="1"/>
      <c r="T125" s="1"/>
      <c r="U125" s="1"/>
      <c r="V125" s="1"/>
    </row>
    <row r="126" spans="4:22" x14ac:dyDescent="0.2">
      <c r="D126" s="1"/>
      <c r="E126" s="1"/>
      <c r="F126" s="1"/>
      <c r="G126" s="1"/>
      <c r="H126" s="1"/>
      <c r="I126" s="1"/>
      <c r="J126" s="1"/>
      <c r="K126" s="1"/>
      <c r="L126" s="1"/>
      <c r="M126" s="1"/>
      <c r="N126" s="1"/>
      <c r="O126" s="1"/>
      <c r="P126" s="1"/>
      <c r="Q126" s="1"/>
      <c r="R126" s="1"/>
      <c r="S126" s="1"/>
      <c r="T126" s="1"/>
      <c r="U126" s="1"/>
      <c r="V126" s="1"/>
    </row>
    <row r="127" spans="4:22" x14ac:dyDescent="0.2">
      <c r="D127" s="1"/>
      <c r="E127" s="1"/>
      <c r="F127" s="1"/>
      <c r="G127" s="1"/>
      <c r="H127" s="1"/>
      <c r="I127" s="1"/>
      <c r="J127" s="1"/>
      <c r="K127" s="1"/>
      <c r="L127" s="1"/>
      <c r="M127" s="1"/>
      <c r="N127" s="1"/>
      <c r="O127" s="1"/>
      <c r="P127" s="1"/>
      <c r="Q127" s="1"/>
      <c r="R127" s="1"/>
      <c r="S127" s="1"/>
      <c r="T127" s="1"/>
      <c r="U127" s="1"/>
      <c r="V127" s="1"/>
    </row>
    <row r="128" spans="4:22" x14ac:dyDescent="0.2">
      <c r="D128" s="1"/>
      <c r="E128" s="1"/>
      <c r="F128" s="1"/>
      <c r="G128" s="1"/>
      <c r="H128" s="1"/>
      <c r="I128" s="1"/>
      <c r="J128" s="1"/>
      <c r="K128" s="1"/>
      <c r="L128" s="1"/>
      <c r="M128" s="1"/>
      <c r="N128" s="1"/>
      <c r="O128" s="1"/>
      <c r="P128" s="1"/>
      <c r="Q128" s="1"/>
      <c r="R128" s="1"/>
      <c r="S128" s="1"/>
      <c r="T128" s="1"/>
      <c r="U128" s="1"/>
      <c r="V128" s="1"/>
    </row>
    <row r="129" spans="4:22" x14ac:dyDescent="0.2">
      <c r="D129" s="1"/>
      <c r="E129" s="1"/>
      <c r="F129" s="1"/>
      <c r="G129" s="1"/>
      <c r="H129" s="1"/>
      <c r="I129" s="1"/>
      <c r="J129" s="1"/>
      <c r="K129" s="1"/>
      <c r="L129" s="1"/>
      <c r="M129" s="1"/>
      <c r="N129" s="1"/>
      <c r="O129" s="1"/>
      <c r="P129" s="1"/>
      <c r="Q129" s="1"/>
      <c r="R129" s="1"/>
      <c r="S129" s="1"/>
      <c r="T129" s="1"/>
      <c r="U129" s="1"/>
      <c r="V129" s="1"/>
    </row>
    <row r="130" spans="4:22" x14ac:dyDescent="0.2">
      <c r="D130" s="1"/>
      <c r="E130" s="1"/>
      <c r="F130" s="1"/>
      <c r="G130" s="1"/>
      <c r="H130" s="1"/>
      <c r="I130" s="1"/>
      <c r="J130" s="1"/>
      <c r="K130" s="1"/>
      <c r="L130" s="1"/>
      <c r="M130" s="1"/>
      <c r="N130" s="1"/>
      <c r="O130" s="1"/>
      <c r="P130" s="1"/>
      <c r="Q130" s="1"/>
      <c r="R130" s="1"/>
      <c r="S130" s="1"/>
      <c r="T130" s="1"/>
      <c r="U130" s="1"/>
      <c r="V130" s="1"/>
    </row>
    <row r="131" spans="4:22" x14ac:dyDescent="0.2">
      <c r="D131" s="1"/>
      <c r="E131" s="1"/>
      <c r="F131" s="1"/>
      <c r="G131" s="1"/>
      <c r="H131" s="1"/>
      <c r="I131" s="1"/>
      <c r="J131" s="1"/>
      <c r="K131" s="1"/>
      <c r="L131" s="1"/>
      <c r="M131" s="1"/>
      <c r="N131" s="1"/>
      <c r="O131" s="1"/>
      <c r="P131" s="1"/>
      <c r="Q131" s="1"/>
      <c r="R131" s="1"/>
      <c r="S131" s="1"/>
      <c r="T131" s="1"/>
      <c r="U131" s="1"/>
      <c r="V131" s="1"/>
    </row>
    <row r="132" spans="4:22" x14ac:dyDescent="0.2">
      <c r="D132" s="1"/>
      <c r="E132" s="1"/>
      <c r="F132" s="1"/>
      <c r="G132" s="1"/>
      <c r="H132" s="1"/>
      <c r="I132" s="1"/>
      <c r="J132" s="1"/>
      <c r="K132" s="1"/>
      <c r="L132" s="1"/>
      <c r="M132" s="1"/>
      <c r="N132" s="1"/>
      <c r="O132" s="1"/>
      <c r="P132" s="1"/>
      <c r="Q132" s="1"/>
      <c r="R132" s="1"/>
      <c r="S132" s="1"/>
      <c r="T132" s="1"/>
      <c r="U132" s="1"/>
      <c r="V132" s="1"/>
    </row>
    <row r="133" spans="4:22" x14ac:dyDescent="0.2">
      <c r="D133" s="1"/>
      <c r="E133" s="1"/>
      <c r="F133" s="1"/>
      <c r="G133" s="1"/>
      <c r="H133" s="1"/>
      <c r="I133" s="1"/>
      <c r="J133" s="1"/>
      <c r="K133" s="1"/>
      <c r="L133" s="1"/>
      <c r="M133" s="1"/>
      <c r="N133" s="1"/>
      <c r="O133" s="1"/>
      <c r="P133" s="1"/>
      <c r="Q133" s="1"/>
      <c r="R133" s="1"/>
      <c r="S133" s="1"/>
      <c r="T133" s="1"/>
      <c r="U133" s="1"/>
      <c r="V133" s="1"/>
    </row>
    <row r="134" spans="4:22" x14ac:dyDescent="0.2">
      <c r="D134" s="1"/>
      <c r="E134" s="1"/>
      <c r="F134" s="1"/>
      <c r="G134" s="1"/>
      <c r="H134" s="1"/>
      <c r="I134" s="1"/>
      <c r="J134" s="1"/>
      <c r="K134" s="1"/>
      <c r="L134" s="1"/>
      <c r="M134" s="1"/>
      <c r="N134" s="1"/>
      <c r="O134" s="1"/>
      <c r="P134" s="1"/>
      <c r="Q134" s="1"/>
      <c r="R134" s="1"/>
      <c r="S134" s="1"/>
      <c r="T134" s="1"/>
      <c r="U134" s="1"/>
      <c r="V134" s="1"/>
    </row>
    <row r="135" spans="4:22" x14ac:dyDescent="0.2">
      <c r="D135" s="1"/>
      <c r="E135" s="1"/>
      <c r="F135" s="1"/>
      <c r="G135" s="1"/>
      <c r="H135" s="1"/>
      <c r="I135" s="1"/>
      <c r="J135" s="1"/>
      <c r="K135" s="1"/>
      <c r="L135" s="1"/>
      <c r="M135" s="1"/>
      <c r="N135" s="1"/>
      <c r="O135" s="1"/>
      <c r="P135" s="1"/>
      <c r="Q135" s="1"/>
      <c r="R135" s="1"/>
      <c r="S135" s="1"/>
      <c r="T135" s="1"/>
      <c r="U135" s="1"/>
      <c r="V135" s="1"/>
    </row>
    <row r="136" spans="4:22" x14ac:dyDescent="0.2">
      <c r="D136" s="1"/>
      <c r="E136" s="1"/>
      <c r="F136" s="1"/>
      <c r="G136" s="1"/>
      <c r="H136" s="1"/>
      <c r="I136" s="1"/>
      <c r="J136" s="1"/>
      <c r="K136" s="1"/>
      <c r="L136" s="1"/>
      <c r="M136" s="1"/>
      <c r="N136" s="1"/>
      <c r="O136" s="1"/>
      <c r="P136" s="1"/>
      <c r="Q136" s="1"/>
      <c r="R136" s="1"/>
      <c r="S136" s="1"/>
      <c r="T136" s="1"/>
      <c r="U136" s="1"/>
      <c r="V136" s="1"/>
    </row>
    <row r="137" spans="4:22" x14ac:dyDescent="0.2">
      <c r="D137" s="1"/>
      <c r="E137" s="1"/>
      <c r="F137" s="1"/>
      <c r="G137" s="1"/>
      <c r="H137" s="1"/>
      <c r="I137" s="1"/>
      <c r="J137" s="1"/>
      <c r="K137" s="1"/>
      <c r="L137" s="1"/>
      <c r="M137" s="1"/>
      <c r="N137" s="1"/>
      <c r="O137" s="1"/>
      <c r="P137" s="1"/>
      <c r="Q137" s="1"/>
      <c r="R137" s="1"/>
      <c r="S137" s="1"/>
      <c r="T137" s="1"/>
      <c r="U137" s="1"/>
      <c r="V137" s="1"/>
    </row>
    <row r="138" spans="4:22" x14ac:dyDescent="0.2">
      <c r="D138" s="1"/>
      <c r="E138" s="1"/>
      <c r="F138" s="1"/>
      <c r="G138" s="1"/>
      <c r="H138" s="1"/>
      <c r="I138" s="1"/>
      <c r="J138" s="1"/>
      <c r="K138" s="1"/>
      <c r="L138" s="1"/>
      <c r="M138" s="1"/>
      <c r="N138" s="1"/>
      <c r="O138" s="1"/>
      <c r="P138" s="1"/>
      <c r="Q138" s="1"/>
      <c r="R138" s="1"/>
      <c r="S138" s="1"/>
      <c r="T138" s="1"/>
      <c r="U138" s="1"/>
      <c r="V138" s="1"/>
    </row>
    <row r="139" spans="4:22" x14ac:dyDescent="0.2">
      <c r="D139" s="1"/>
      <c r="E139" s="1"/>
      <c r="F139" s="1"/>
      <c r="G139" s="1"/>
      <c r="H139" s="1"/>
      <c r="I139" s="1"/>
      <c r="J139" s="1"/>
      <c r="K139" s="1"/>
      <c r="L139" s="1"/>
      <c r="M139" s="1"/>
      <c r="N139" s="1"/>
      <c r="O139" s="1"/>
      <c r="P139" s="1"/>
      <c r="Q139" s="1"/>
      <c r="R139" s="1"/>
      <c r="S139" s="1"/>
      <c r="T139" s="1"/>
      <c r="U139" s="1"/>
      <c r="V139" s="1"/>
    </row>
    <row r="140" spans="4:22" x14ac:dyDescent="0.2">
      <c r="D140" s="1"/>
      <c r="E140" s="1"/>
      <c r="F140" s="1"/>
      <c r="G140" s="1"/>
      <c r="H140" s="1"/>
      <c r="I140" s="1"/>
      <c r="J140" s="1"/>
      <c r="K140" s="1"/>
      <c r="L140" s="1"/>
      <c r="M140" s="1"/>
      <c r="N140" s="1"/>
      <c r="O140" s="1"/>
      <c r="P140" s="1"/>
      <c r="Q140" s="1"/>
      <c r="R140" s="1"/>
      <c r="S140" s="1"/>
      <c r="T140" s="1"/>
      <c r="U140" s="1"/>
      <c r="V140" s="1"/>
    </row>
    <row r="141" spans="4:22" x14ac:dyDescent="0.2">
      <c r="D141" s="1"/>
      <c r="E141" s="1"/>
      <c r="F141" s="1"/>
      <c r="G141" s="1"/>
      <c r="H141" s="1"/>
      <c r="I141" s="1"/>
      <c r="J141" s="1"/>
      <c r="K141" s="1"/>
      <c r="L141" s="1"/>
      <c r="M141" s="1"/>
      <c r="N141" s="1"/>
      <c r="O141" s="1"/>
      <c r="P141" s="1"/>
      <c r="Q141" s="1"/>
      <c r="R141" s="1"/>
      <c r="S141" s="1"/>
      <c r="T141" s="1"/>
      <c r="U141" s="1"/>
      <c r="V141" s="1"/>
    </row>
    <row r="142" spans="4:22" x14ac:dyDescent="0.2">
      <c r="D142" s="1"/>
      <c r="E142" s="1"/>
      <c r="F142" s="1"/>
      <c r="G142" s="1"/>
      <c r="H142" s="1"/>
      <c r="I142" s="1"/>
      <c r="J142" s="1"/>
      <c r="K142" s="1"/>
      <c r="L142" s="1"/>
      <c r="M142" s="1"/>
      <c r="N142" s="1"/>
      <c r="O142" s="1"/>
      <c r="P142" s="1"/>
      <c r="Q142" s="1"/>
      <c r="R142" s="1"/>
      <c r="S142" s="1"/>
      <c r="T142" s="1"/>
      <c r="U142" s="1"/>
      <c r="V142" s="1"/>
    </row>
    <row r="143" spans="4:22" x14ac:dyDescent="0.2">
      <c r="D143" s="1"/>
      <c r="E143" s="1"/>
      <c r="F143" s="1"/>
      <c r="G143" s="1"/>
      <c r="H143" s="1"/>
      <c r="I143" s="1"/>
      <c r="J143" s="1"/>
      <c r="K143" s="1"/>
      <c r="L143" s="1"/>
      <c r="M143" s="1"/>
      <c r="N143" s="1"/>
      <c r="O143" s="1"/>
      <c r="P143" s="1"/>
      <c r="Q143" s="1"/>
      <c r="R143" s="1"/>
      <c r="S143" s="1"/>
      <c r="T143" s="1"/>
      <c r="U143" s="1"/>
      <c r="V143" s="1"/>
    </row>
    <row r="144" spans="4:22" x14ac:dyDescent="0.2">
      <c r="D144" s="1"/>
      <c r="E144" s="1"/>
      <c r="F144" s="1"/>
      <c r="G144" s="1"/>
      <c r="H144" s="1"/>
      <c r="I144" s="1"/>
      <c r="J144" s="1"/>
      <c r="K144" s="1"/>
      <c r="L144" s="1"/>
      <c r="M144" s="1"/>
      <c r="N144" s="1"/>
      <c r="O144" s="1"/>
      <c r="P144" s="1"/>
      <c r="Q144" s="1"/>
      <c r="R144" s="1"/>
      <c r="S144" s="1"/>
      <c r="T144" s="1"/>
      <c r="U144" s="1"/>
      <c r="V144" s="1"/>
    </row>
    <row r="145" spans="4:22" x14ac:dyDescent="0.2">
      <c r="D145" s="1"/>
      <c r="E145" s="1"/>
      <c r="F145" s="1"/>
      <c r="G145" s="1"/>
      <c r="H145" s="1"/>
      <c r="I145" s="1"/>
      <c r="J145" s="1"/>
      <c r="K145" s="1"/>
      <c r="L145" s="1"/>
      <c r="M145" s="1"/>
      <c r="N145" s="1"/>
      <c r="O145" s="1"/>
      <c r="P145" s="1"/>
      <c r="Q145" s="1"/>
      <c r="R145" s="1"/>
      <c r="S145" s="1"/>
      <c r="T145" s="1"/>
      <c r="U145" s="1"/>
      <c r="V145" s="1"/>
    </row>
    <row r="146" spans="4:22" x14ac:dyDescent="0.2">
      <c r="D146" s="1"/>
      <c r="E146" s="1"/>
      <c r="F146" s="1"/>
      <c r="G146" s="1"/>
      <c r="H146" s="1"/>
      <c r="I146" s="1"/>
      <c r="J146" s="1"/>
      <c r="K146" s="1"/>
      <c r="L146" s="1"/>
      <c r="M146" s="1"/>
      <c r="N146" s="1"/>
      <c r="O146" s="1"/>
      <c r="P146" s="1"/>
      <c r="Q146" s="1"/>
      <c r="R146" s="1"/>
      <c r="S146" s="1"/>
      <c r="T146" s="1"/>
      <c r="U146" s="1"/>
      <c r="V146" s="1"/>
    </row>
    <row r="147" spans="4:22" x14ac:dyDescent="0.2">
      <c r="D147" s="1"/>
      <c r="E147" s="1"/>
      <c r="F147" s="1"/>
      <c r="G147" s="1"/>
      <c r="H147" s="1"/>
      <c r="I147" s="1"/>
      <c r="J147" s="1"/>
      <c r="K147" s="1"/>
      <c r="L147" s="1"/>
      <c r="M147" s="1"/>
      <c r="N147" s="1"/>
      <c r="O147" s="1"/>
      <c r="P147" s="1"/>
      <c r="Q147" s="1"/>
      <c r="R147" s="1"/>
      <c r="S147" s="1"/>
      <c r="T147" s="1"/>
      <c r="U147" s="1"/>
      <c r="V147" s="1"/>
    </row>
    <row r="148" spans="4:22" x14ac:dyDescent="0.2">
      <c r="D148" s="1"/>
      <c r="E148" s="1"/>
      <c r="F148" s="1"/>
      <c r="G148" s="1"/>
      <c r="H148" s="1"/>
      <c r="I148" s="1"/>
      <c r="J148" s="1"/>
      <c r="K148" s="1"/>
      <c r="L148" s="1"/>
      <c r="M148" s="1"/>
      <c r="N148" s="1"/>
      <c r="O148" s="1"/>
      <c r="P148" s="1"/>
      <c r="Q148" s="1"/>
      <c r="R148" s="1"/>
      <c r="S148" s="1"/>
      <c r="T148" s="1"/>
      <c r="U148" s="1"/>
      <c r="V148" s="1"/>
    </row>
    <row r="149" spans="4:22" x14ac:dyDescent="0.2">
      <c r="D149" s="1"/>
      <c r="E149" s="1"/>
      <c r="F149" s="1"/>
      <c r="G149" s="1"/>
      <c r="H149" s="1"/>
      <c r="I149" s="1"/>
      <c r="J149" s="1"/>
      <c r="K149" s="1"/>
      <c r="L149" s="1"/>
      <c r="M149" s="1"/>
      <c r="N149" s="1"/>
      <c r="O149" s="1"/>
      <c r="P149" s="1"/>
      <c r="Q149" s="1"/>
      <c r="R149" s="1"/>
      <c r="S149" s="1"/>
      <c r="T149" s="1"/>
      <c r="U149" s="1"/>
      <c r="V149" s="1"/>
    </row>
    <row r="150" spans="4:22" x14ac:dyDescent="0.2">
      <c r="D150" s="1"/>
      <c r="E150" s="1"/>
      <c r="F150" s="1"/>
      <c r="G150" s="1"/>
      <c r="H150" s="1"/>
      <c r="I150" s="1"/>
      <c r="J150" s="1"/>
      <c r="K150" s="1"/>
      <c r="L150" s="1"/>
      <c r="M150" s="1"/>
      <c r="N150" s="1"/>
      <c r="O150" s="1"/>
      <c r="P150" s="1"/>
      <c r="Q150" s="1"/>
      <c r="R150" s="1"/>
      <c r="S150" s="1"/>
      <c r="T150" s="1"/>
      <c r="U150" s="1"/>
      <c r="V150" s="1"/>
    </row>
    <row r="151" spans="4:22" x14ac:dyDescent="0.2">
      <c r="D151" s="1"/>
      <c r="E151" s="1"/>
      <c r="F151" s="1"/>
      <c r="G151" s="1"/>
      <c r="H151" s="1"/>
      <c r="I151" s="1"/>
      <c r="J151" s="1"/>
      <c r="K151" s="1"/>
      <c r="L151" s="1"/>
      <c r="M151" s="1"/>
      <c r="N151" s="1"/>
      <c r="O151" s="1"/>
      <c r="P151" s="1"/>
      <c r="Q151" s="1"/>
      <c r="R151" s="1"/>
      <c r="S151" s="1"/>
      <c r="T151" s="1"/>
      <c r="U151" s="1"/>
      <c r="V151" s="1"/>
    </row>
    <row r="152" spans="4:22" x14ac:dyDescent="0.2">
      <c r="D152" s="1"/>
      <c r="E152" s="1"/>
      <c r="F152" s="1"/>
      <c r="G152" s="1"/>
      <c r="H152" s="1"/>
      <c r="I152" s="1"/>
      <c r="J152" s="1"/>
      <c r="K152" s="1"/>
      <c r="L152" s="1"/>
      <c r="M152" s="1"/>
      <c r="N152" s="1"/>
      <c r="O152" s="1"/>
      <c r="P152" s="1"/>
      <c r="Q152" s="1"/>
      <c r="R152" s="1"/>
      <c r="S152" s="1"/>
      <c r="T152" s="1"/>
      <c r="U152" s="1"/>
      <c r="V152" s="1"/>
    </row>
    <row r="153" spans="4:22" x14ac:dyDescent="0.2">
      <c r="D153" s="1"/>
      <c r="E153" s="1"/>
      <c r="F153" s="1"/>
      <c r="G153" s="1"/>
      <c r="H153" s="1"/>
      <c r="I153" s="1"/>
      <c r="J153" s="1"/>
      <c r="K153" s="1"/>
      <c r="L153" s="1"/>
      <c r="M153" s="1"/>
      <c r="N153" s="1"/>
      <c r="O153" s="1"/>
      <c r="P153" s="1"/>
      <c r="Q153" s="1"/>
      <c r="R153" s="1"/>
      <c r="S153" s="1"/>
      <c r="T153" s="1"/>
      <c r="U153" s="1"/>
      <c r="V153" s="1"/>
    </row>
    <row r="154" spans="4:22" x14ac:dyDescent="0.2">
      <c r="D154" s="1"/>
      <c r="E154" s="1"/>
      <c r="F154" s="1"/>
      <c r="G154" s="1"/>
      <c r="H154" s="1"/>
      <c r="I154" s="1"/>
      <c r="J154" s="1"/>
      <c r="K154" s="1"/>
      <c r="L154" s="1"/>
      <c r="M154" s="1"/>
      <c r="N154" s="1"/>
      <c r="O154" s="1"/>
      <c r="P154" s="1"/>
      <c r="Q154" s="1"/>
      <c r="R154" s="1"/>
      <c r="S154" s="1"/>
      <c r="T154" s="1"/>
      <c r="U154" s="1"/>
      <c r="V154" s="1"/>
    </row>
    <row r="155" spans="4:22" x14ac:dyDescent="0.2">
      <c r="D155" s="1"/>
      <c r="E155" s="1"/>
      <c r="F155" s="1"/>
      <c r="G155" s="1"/>
      <c r="H155" s="1"/>
      <c r="I155" s="1"/>
      <c r="J155" s="1"/>
      <c r="K155" s="1"/>
      <c r="L155" s="1"/>
      <c r="M155" s="1"/>
      <c r="N155" s="1"/>
      <c r="O155" s="1"/>
      <c r="P155" s="1"/>
      <c r="Q155" s="1"/>
      <c r="R155" s="1"/>
      <c r="S155" s="1"/>
      <c r="T155" s="1"/>
      <c r="U155" s="1"/>
      <c r="V155" s="1"/>
    </row>
    <row r="156" spans="4:22" x14ac:dyDescent="0.2">
      <c r="D156" s="1"/>
      <c r="E156" s="1"/>
      <c r="F156" s="1"/>
      <c r="G156" s="1"/>
      <c r="H156" s="1"/>
      <c r="I156" s="1"/>
      <c r="J156" s="1"/>
      <c r="K156" s="1"/>
      <c r="L156" s="1"/>
      <c r="M156" s="1"/>
      <c r="N156" s="1"/>
      <c r="O156" s="1"/>
      <c r="P156" s="1"/>
      <c r="Q156" s="1"/>
      <c r="R156" s="1"/>
      <c r="S156" s="1"/>
      <c r="T156" s="1"/>
      <c r="U156" s="1"/>
      <c r="V156" s="1"/>
    </row>
    <row r="157" spans="4:22" x14ac:dyDescent="0.2">
      <c r="D157" s="1"/>
      <c r="E157" s="1"/>
      <c r="F157" s="1"/>
      <c r="G157" s="1"/>
      <c r="H157" s="1"/>
      <c r="I157" s="1"/>
      <c r="J157" s="1"/>
      <c r="K157" s="1"/>
      <c r="L157" s="1"/>
      <c r="M157" s="1"/>
      <c r="N157" s="1"/>
      <c r="O157" s="1"/>
      <c r="P157" s="1"/>
      <c r="Q157" s="1"/>
      <c r="R157" s="1"/>
      <c r="S157" s="1"/>
      <c r="T157" s="1"/>
      <c r="U157" s="1"/>
      <c r="V157" s="1"/>
    </row>
    <row r="158" spans="4:22" x14ac:dyDescent="0.2">
      <c r="D158" s="1"/>
      <c r="E158" s="1"/>
      <c r="F158" s="1"/>
      <c r="G158" s="1"/>
      <c r="H158" s="1"/>
      <c r="I158" s="1"/>
      <c r="J158" s="1"/>
      <c r="K158" s="1"/>
      <c r="L158" s="1"/>
      <c r="M158" s="1"/>
      <c r="N158" s="1"/>
      <c r="O158" s="1"/>
      <c r="P158" s="1"/>
      <c r="Q158" s="1"/>
      <c r="R158" s="1"/>
      <c r="S158" s="1"/>
      <c r="T158" s="1"/>
      <c r="U158" s="1"/>
      <c r="V158" s="1"/>
    </row>
    <row r="159" spans="4:22" x14ac:dyDescent="0.2">
      <c r="D159" s="1"/>
      <c r="E159" s="1"/>
      <c r="F159" s="1"/>
      <c r="G159" s="1"/>
      <c r="H159" s="1"/>
      <c r="I159" s="1"/>
      <c r="J159" s="1"/>
      <c r="K159" s="1"/>
      <c r="L159" s="1"/>
      <c r="M159" s="1"/>
      <c r="N159" s="1"/>
      <c r="O159" s="1"/>
      <c r="P159" s="1"/>
      <c r="Q159" s="1"/>
      <c r="R159" s="1"/>
      <c r="S159" s="1"/>
      <c r="T159" s="1"/>
      <c r="U159" s="1"/>
      <c r="V159" s="1"/>
    </row>
    <row r="160" spans="4:22" x14ac:dyDescent="0.2">
      <c r="D160" s="1"/>
      <c r="E160" s="1"/>
      <c r="F160" s="1"/>
      <c r="G160" s="1"/>
      <c r="H160" s="1"/>
      <c r="I160" s="1"/>
      <c r="J160" s="1"/>
      <c r="K160" s="1"/>
      <c r="L160" s="1"/>
      <c r="M160" s="1"/>
      <c r="N160" s="1"/>
      <c r="O160" s="1"/>
      <c r="P160" s="1"/>
      <c r="Q160" s="1"/>
      <c r="R160" s="1"/>
      <c r="S160" s="1"/>
      <c r="T160" s="1"/>
      <c r="U160" s="1"/>
      <c r="V160" s="1"/>
    </row>
    <row r="161" spans="4:22" x14ac:dyDescent="0.2">
      <c r="D161" s="1"/>
      <c r="E161" s="1"/>
      <c r="F161" s="1"/>
      <c r="G161" s="1"/>
      <c r="H161" s="1"/>
      <c r="I161" s="1"/>
      <c r="J161" s="1"/>
      <c r="K161" s="1"/>
      <c r="L161" s="1"/>
      <c r="M161" s="1"/>
      <c r="N161" s="1"/>
      <c r="O161" s="1"/>
      <c r="P161" s="1"/>
      <c r="Q161" s="1"/>
      <c r="R161" s="1"/>
      <c r="S161" s="1"/>
      <c r="T161" s="1"/>
      <c r="U161" s="1"/>
      <c r="V161" s="1"/>
    </row>
    <row r="162" spans="4:22" x14ac:dyDescent="0.2">
      <c r="D162" s="1"/>
      <c r="E162" s="1"/>
      <c r="F162" s="1"/>
      <c r="G162" s="1"/>
      <c r="H162" s="1"/>
      <c r="I162" s="1"/>
      <c r="J162" s="1"/>
      <c r="K162" s="1"/>
      <c r="L162" s="1"/>
      <c r="M162" s="1"/>
      <c r="N162" s="1"/>
      <c r="O162" s="1"/>
      <c r="P162" s="1"/>
      <c r="Q162" s="1"/>
      <c r="R162" s="1"/>
      <c r="S162" s="1"/>
      <c r="T162" s="1"/>
      <c r="U162" s="1"/>
      <c r="V162" s="1"/>
    </row>
    <row r="163" spans="4:22" x14ac:dyDescent="0.2">
      <c r="D163" s="1"/>
      <c r="E163" s="1"/>
      <c r="F163" s="1"/>
      <c r="G163" s="1"/>
      <c r="H163" s="1"/>
      <c r="I163" s="1"/>
      <c r="J163" s="1"/>
      <c r="K163" s="1"/>
      <c r="L163" s="1"/>
      <c r="M163" s="1"/>
      <c r="N163" s="1"/>
      <c r="O163" s="1"/>
      <c r="P163" s="1"/>
      <c r="Q163" s="1"/>
      <c r="R163" s="1"/>
      <c r="S163" s="1"/>
      <c r="T163" s="1"/>
      <c r="U163" s="1"/>
      <c r="V163" s="1"/>
    </row>
    <row r="164" spans="4:22" x14ac:dyDescent="0.2">
      <c r="D164" s="1"/>
      <c r="E164" s="1"/>
      <c r="F164" s="1"/>
      <c r="G164" s="1"/>
      <c r="H164" s="1"/>
      <c r="I164" s="1"/>
      <c r="J164" s="1"/>
      <c r="K164" s="1"/>
      <c r="L164" s="1"/>
      <c r="M164" s="1"/>
      <c r="N164" s="1"/>
      <c r="O164" s="1"/>
      <c r="P164" s="1"/>
      <c r="Q164" s="1"/>
      <c r="R164" s="1"/>
      <c r="S164" s="1"/>
      <c r="T164" s="1"/>
      <c r="U164" s="1"/>
      <c r="V164" s="1"/>
    </row>
    <row r="165" spans="4:22" x14ac:dyDescent="0.2">
      <c r="D165" s="1"/>
      <c r="E165" s="1"/>
      <c r="F165" s="1"/>
      <c r="G165" s="1"/>
      <c r="H165" s="1"/>
      <c r="I165" s="1"/>
      <c r="J165" s="1"/>
      <c r="K165" s="1"/>
      <c r="L165" s="1"/>
      <c r="M165" s="1"/>
      <c r="N165" s="1"/>
      <c r="O165" s="1"/>
      <c r="P165" s="1"/>
      <c r="Q165" s="1"/>
      <c r="R165" s="1"/>
      <c r="S165" s="1"/>
      <c r="T165" s="1"/>
      <c r="U165" s="1"/>
      <c r="V165" s="1"/>
    </row>
    <row r="166" spans="4:22" x14ac:dyDescent="0.2">
      <c r="D166" s="1"/>
      <c r="E166" s="1"/>
      <c r="F166" s="1"/>
      <c r="G166" s="1"/>
      <c r="H166" s="1"/>
      <c r="I166" s="1"/>
      <c r="J166" s="1"/>
      <c r="K166" s="1"/>
      <c r="L166" s="1"/>
      <c r="M166" s="1"/>
      <c r="N166" s="1"/>
      <c r="O166" s="1"/>
      <c r="P166" s="1"/>
      <c r="Q166" s="1"/>
      <c r="R166" s="1"/>
      <c r="S166" s="1"/>
      <c r="T166" s="1"/>
      <c r="U166" s="1"/>
      <c r="V166" s="1"/>
    </row>
    <row r="167" spans="4:22" x14ac:dyDescent="0.2">
      <c r="D167" s="1"/>
      <c r="E167" s="1"/>
      <c r="F167" s="1"/>
      <c r="G167" s="1"/>
      <c r="H167" s="1"/>
      <c r="I167" s="1"/>
      <c r="J167" s="1"/>
      <c r="K167" s="1"/>
      <c r="L167" s="1"/>
      <c r="M167" s="1"/>
      <c r="N167" s="1"/>
      <c r="O167" s="1"/>
      <c r="P167" s="1"/>
      <c r="Q167" s="1"/>
      <c r="R167" s="1"/>
      <c r="S167" s="1"/>
      <c r="T167" s="1"/>
      <c r="U167" s="1"/>
      <c r="V167" s="1"/>
    </row>
    <row r="168" spans="4:22" x14ac:dyDescent="0.2">
      <c r="D168" s="1"/>
      <c r="E168" s="1"/>
      <c r="F168" s="1"/>
      <c r="G168" s="1"/>
      <c r="H168" s="1"/>
      <c r="I168" s="1"/>
      <c r="J168" s="1"/>
      <c r="K168" s="1"/>
      <c r="L168" s="1"/>
      <c r="M168" s="1"/>
      <c r="N168" s="1"/>
      <c r="O168" s="1"/>
      <c r="P168" s="1"/>
      <c r="Q168" s="1"/>
      <c r="R168" s="1"/>
      <c r="S168" s="1"/>
      <c r="T168" s="1"/>
      <c r="U168" s="1"/>
      <c r="V168" s="1"/>
    </row>
    <row r="169" spans="4:22" x14ac:dyDescent="0.2">
      <c r="D169" s="1"/>
      <c r="E169" s="1"/>
      <c r="F169" s="1"/>
      <c r="G169" s="1"/>
      <c r="H169" s="1"/>
      <c r="I169" s="1"/>
      <c r="J169" s="1"/>
      <c r="K169" s="1"/>
      <c r="L169" s="1"/>
      <c r="M169" s="1"/>
      <c r="N169" s="1"/>
      <c r="O169" s="1"/>
      <c r="P169" s="1"/>
      <c r="Q169" s="1"/>
      <c r="R169" s="1"/>
      <c r="S169" s="1"/>
      <c r="T169" s="1"/>
      <c r="U169" s="1"/>
      <c r="V169" s="1"/>
    </row>
    <row r="170" spans="4:22" x14ac:dyDescent="0.2">
      <c r="D170" s="1"/>
      <c r="E170" s="1"/>
      <c r="F170" s="1"/>
      <c r="G170" s="1"/>
      <c r="H170" s="1"/>
      <c r="I170" s="1"/>
      <c r="J170" s="1"/>
      <c r="K170" s="1"/>
      <c r="L170" s="1"/>
      <c r="M170" s="1"/>
      <c r="N170" s="1"/>
      <c r="O170" s="1"/>
      <c r="P170" s="1"/>
      <c r="Q170" s="1"/>
      <c r="R170" s="1"/>
      <c r="S170" s="1"/>
      <c r="T170" s="1"/>
      <c r="U170" s="1"/>
      <c r="V170" s="1"/>
    </row>
    <row r="171" spans="4:22" x14ac:dyDescent="0.2">
      <c r="D171" s="1"/>
      <c r="E171" s="1"/>
      <c r="F171" s="1"/>
      <c r="G171" s="1"/>
      <c r="H171" s="1"/>
      <c r="I171" s="1"/>
      <c r="J171" s="1"/>
      <c r="K171" s="1"/>
      <c r="L171" s="1"/>
      <c r="M171" s="1"/>
      <c r="N171" s="1"/>
      <c r="O171" s="1"/>
      <c r="P171" s="1"/>
      <c r="Q171" s="1"/>
      <c r="R171" s="1"/>
      <c r="S171" s="1"/>
      <c r="T171" s="1"/>
      <c r="U171" s="1"/>
      <c r="V171" s="1"/>
    </row>
    <row r="172" spans="4:22" x14ac:dyDescent="0.2">
      <c r="D172" s="1"/>
      <c r="E172" s="1"/>
      <c r="F172" s="1"/>
      <c r="G172" s="1"/>
      <c r="H172" s="1"/>
      <c r="I172" s="1"/>
      <c r="J172" s="1"/>
      <c r="K172" s="1"/>
      <c r="L172" s="1"/>
      <c r="M172" s="1"/>
      <c r="N172" s="1"/>
      <c r="O172" s="1"/>
      <c r="P172" s="1"/>
      <c r="Q172" s="1"/>
      <c r="R172" s="1"/>
      <c r="S172" s="1"/>
      <c r="T172" s="1"/>
      <c r="U172" s="1"/>
      <c r="V172" s="1"/>
    </row>
    <row r="173" spans="4:22" x14ac:dyDescent="0.2">
      <c r="D173" s="1"/>
      <c r="E173" s="1"/>
      <c r="F173" s="1"/>
      <c r="G173" s="1"/>
      <c r="H173" s="1"/>
      <c r="I173" s="1"/>
      <c r="J173" s="1"/>
      <c r="K173" s="1"/>
      <c r="L173" s="1"/>
      <c r="M173" s="1"/>
      <c r="N173" s="1"/>
      <c r="O173" s="1"/>
      <c r="P173" s="1"/>
      <c r="Q173" s="1"/>
      <c r="R173" s="1"/>
      <c r="S173" s="1"/>
      <c r="T173" s="1"/>
      <c r="U173" s="1"/>
      <c r="V173" s="1"/>
    </row>
    <row r="174" spans="4:22" x14ac:dyDescent="0.2">
      <c r="D174" s="1"/>
      <c r="E174" s="1"/>
      <c r="F174" s="1"/>
      <c r="G174" s="1"/>
      <c r="H174" s="1"/>
      <c r="I174" s="1"/>
      <c r="J174" s="1"/>
      <c r="K174" s="1"/>
      <c r="L174" s="1"/>
      <c r="M174" s="1"/>
      <c r="N174" s="1"/>
      <c r="O174" s="1"/>
      <c r="P174" s="1"/>
      <c r="Q174" s="1"/>
      <c r="R174" s="1"/>
      <c r="S174" s="1"/>
      <c r="T174" s="1"/>
      <c r="U174" s="1"/>
      <c r="V174" s="1"/>
    </row>
    <row r="175" spans="4:22" x14ac:dyDescent="0.2">
      <c r="D175" s="1"/>
      <c r="E175" s="1"/>
      <c r="F175" s="1"/>
      <c r="G175" s="1"/>
      <c r="H175" s="1"/>
      <c r="I175" s="1"/>
      <c r="J175" s="1"/>
      <c r="K175" s="1"/>
      <c r="L175" s="1"/>
      <c r="M175" s="1"/>
      <c r="N175" s="1"/>
      <c r="O175" s="1"/>
      <c r="P175" s="1"/>
      <c r="Q175" s="1"/>
      <c r="R175" s="1"/>
      <c r="S175" s="1"/>
      <c r="T175" s="1"/>
      <c r="U175" s="1"/>
      <c r="V175" s="1"/>
    </row>
    <row r="176" spans="4:22" x14ac:dyDescent="0.2">
      <c r="D176" s="1"/>
      <c r="E176" s="1"/>
      <c r="F176" s="1"/>
      <c r="G176" s="1"/>
      <c r="H176" s="1"/>
      <c r="I176" s="1"/>
      <c r="J176" s="1"/>
      <c r="K176" s="1"/>
      <c r="L176" s="1"/>
      <c r="M176" s="1"/>
      <c r="N176" s="1"/>
      <c r="O176" s="1"/>
      <c r="P176" s="1"/>
      <c r="Q176" s="1"/>
      <c r="R176" s="1"/>
      <c r="S176" s="1"/>
      <c r="T176" s="1"/>
      <c r="U176" s="1"/>
      <c r="V176" s="1"/>
    </row>
    <row r="177" spans="4:22" x14ac:dyDescent="0.2">
      <c r="D177" s="1"/>
      <c r="E177" s="1"/>
      <c r="F177" s="1"/>
      <c r="G177" s="1"/>
      <c r="H177" s="1"/>
      <c r="I177" s="1"/>
      <c r="J177" s="1"/>
      <c r="K177" s="1"/>
      <c r="L177" s="1"/>
      <c r="M177" s="1"/>
      <c r="N177" s="1"/>
      <c r="O177" s="1"/>
      <c r="P177" s="1"/>
      <c r="Q177" s="1"/>
      <c r="R177" s="1"/>
      <c r="S177" s="1"/>
      <c r="T177" s="1"/>
      <c r="U177" s="1"/>
      <c r="V177" s="1"/>
    </row>
    <row r="178" spans="4:22" x14ac:dyDescent="0.2">
      <c r="D178" s="1"/>
      <c r="E178" s="1"/>
      <c r="F178" s="1"/>
      <c r="G178" s="1"/>
      <c r="H178" s="1"/>
      <c r="I178" s="1"/>
      <c r="J178" s="1"/>
      <c r="K178" s="1"/>
      <c r="L178" s="1"/>
      <c r="M178" s="1"/>
      <c r="N178" s="1"/>
      <c r="O178" s="1"/>
      <c r="P178" s="1"/>
      <c r="Q178" s="1"/>
      <c r="R178" s="1"/>
      <c r="S178" s="1"/>
      <c r="T178" s="1"/>
      <c r="U178" s="1"/>
      <c r="V178" s="1"/>
    </row>
    <row r="179" spans="4:22" x14ac:dyDescent="0.2">
      <c r="D179" s="1"/>
      <c r="E179" s="1"/>
      <c r="F179" s="1"/>
      <c r="G179" s="1"/>
      <c r="H179" s="1"/>
      <c r="I179" s="1"/>
      <c r="J179" s="1"/>
      <c r="K179" s="1"/>
      <c r="L179" s="1"/>
      <c r="M179" s="1"/>
      <c r="N179" s="1"/>
      <c r="O179" s="1"/>
      <c r="P179" s="1"/>
      <c r="Q179" s="1"/>
      <c r="R179" s="1"/>
      <c r="S179" s="1"/>
      <c r="T179" s="1"/>
      <c r="U179" s="1"/>
      <c r="V179" s="1"/>
    </row>
    <row r="180" spans="4:22" x14ac:dyDescent="0.2">
      <c r="D180" s="1"/>
      <c r="E180" s="1"/>
      <c r="F180" s="1"/>
      <c r="G180" s="1"/>
      <c r="H180" s="1"/>
      <c r="I180" s="1"/>
      <c r="J180" s="1"/>
      <c r="K180" s="1"/>
      <c r="L180" s="1"/>
      <c r="M180" s="1"/>
      <c r="N180" s="1"/>
      <c r="O180" s="1"/>
      <c r="P180" s="1"/>
      <c r="Q180" s="1"/>
      <c r="R180" s="1"/>
      <c r="S180" s="1"/>
      <c r="T180" s="1"/>
      <c r="U180" s="1"/>
      <c r="V180" s="1"/>
    </row>
    <row r="181" spans="4:22" x14ac:dyDescent="0.2">
      <c r="D181" s="1"/>
      <c r="E181" s="1"/>
      <c r="F181" s="1"/>
      <c r="G181" s="1"/>
      <c r="H181" s="1"/>
      <c r="I181" s="1"/>
      <c r="J181" s="1"/>
      <c r="K181" s="1"/>
      <c r="L181" s="1"/>
      <c r="M181" s="1"/>
      <c r="N181" s="1"/>
      <c r="O181" s="1"/>
      <c r="P181" s="1"/>
      <c r="Q181" s="1"/>
      <c r="R181" s="1"/>
      <c r="S181" s="1"/>
      <c r="T181" s="1"/>
      <c r="U181" s="1"/>
      <c r="V181" s="1"/>
    </row>
    <row r="182" spans="4:22" x14ac:dyDescent="0.2">
      <c r="D182" s="1"/>
      <c r="E182" s="1"/>
      <c r="F182" s="1"/>
      <c r="G182" s="1"/>
      <c r="H182" s="1"/>
      <c r="I182" s="1"/>
      <c r="J182" s="1"/>
      <c r="K182" s="1"/>
      <c r="L182" s="1"/>
      <c r="M182" s="1"/>
      <c r="N182" s="1"/>
      <c r="O182" s="1"/>
      <c r="P182" s="1"/>
      <c r="Q182" s="1"/>
      <c r="R182" s="1"/>
      <c r="S182" s="1"/>
      <c r="T182" s="1"/>
      <c r="U182" s="1"/>
      <c r="V182" s="1"/>
    </row>
    <row r="183" spans="4:22" x14ac:dyDescent="0.2">
      <c r="D183" s="1"/>
      <c r="E183" s="1"/>
      <c r="F183" s="1"/>
      <c r="G183" s="1"/>
      <c r="H183" s="1"/>
      <c r="I183" s="1"/>
      <c r="J183" s="1"/>
      <c r="K183" s="1"/>
      <c r="L183" s="1"/>
      <c r="M183" s="1"/>
      <c r="N183" s="1"/>
      <c r="O183" s="1"/>
      <c r="P183" s="1"/>
      <c r="Q183" s="1"/>
      <c r="R183" s="1"/>
      <c r="S183" s="1"/>
      <c r="T183" s="1"/>
      <c r="U183" s="1"/>
      <c r="V183" s="1"/>
    </row>
    <row r="184" spans="4:22" x14ac:dyDescent="0.2">
      <c r="D184" s="1"/>
      <c r="E184" s="1"/>
      <c r="F184" s="1"/>
      <c r="G184" s="1"/>
      <c r="H184" s="1"/>
      <c r="I184" s="1"/>
      <c r="J184" s="1"/>
      <c r="K184" s="1"/>
      <c r="L184" s="1"/>
      <c r="M184" s="1"/>
      <c r="N184" s="1"/>
      <c r="O184" s="1"/>
      <c r="P184" s="1"/>
      <c r="Q184" s="1"/>
      <c r="R184" s="1"/>
      <c r="S184" s="1"/>
      <c r="T184" s="1"/>
      <c r="U184" s="1"/>
      <c r="V184" s="1"/>
    </row>
    <row r="185" spans="4:22" x14ac:dyDescent="0.2">
      <c r="D185" s="1"/>
      <c r="E185" s="1"/>
      <c r="F185" s="1"/>
      <c r="G185" s="1"/>
      <c r="H185" s="1"/>
      <c r="I185" s="1"/>
      <c r="J185" s="1"/>
      <c r="K185" s="1"/>
      <c r="L185" s="1"/>
      <c r="M185" s="1"/>
      <c r="N185" s="1"/>
      <c r="O185" s="1"/>
      <c r="P185" s="1"/>
      <c r="Q185" s="1"/>
      <c r="R185" s="1"/>
      <c r="S185" s="1"/>
      <c r="T185" s="1"/>
      <c r="U185" s="1"/>
      <c r="V185" s="1"/>
    </row>
    <row r="186" spans="4:22" x14ac:dyDescent="0.2">
      <c r="D186" s="1"/>
      <c r="E186" s="1"/>
      <c r="F186" s="1"/>
      <c r="G186" s="1"/>
      <c r="H186" s="1"/>
      <c r="I186" s="1"/>
      <c r="J186" s="1"/>
      <c r="K186" s="1"/>
      <c r="L186" s="1"/>
      <c r="M186" s="1"/>
      <c r="N186" s="1"/>
      <c r="O186" s="1"/>
      <c r="P186" s="1"/>
      <c r="Q186" s="1"/>
      <c r="R186" s="1"/>
      <c r="S186" s="1"/>
      <c r="T186" s="1"/>
      <c r="U186" s="1"/>
      <c r="V186" s="1"/>
    </row>
    <row r="187" spans="4:22" x14ac:dyDescent="0.2">
      <c r="D187" s="1"/>
      <c r="E187" s="1"/>
      <c r="F187" s="1"/>
      <c r="G187" s="1"/>
      <c r="H187" s="1"/>
      <c r="I187" s="1"/>
      <c r="J187" s="1"/>
      <c r="K187" s="1"/>
      <c r="L187" s="1"/>
      <c r="M187" s="1"/>
      <c r="N187" s="1"/>
      <c r="O187" s="1"/>
      <c r="P187" s="1"/>
      <c r="Q187" s="1"/>
      <c r="R187" s="1"/>
      <c r="S187" s="1"/>
      <c r="T187" s="1"/>
      <c r="U187" s="1"/>
      <c r="V187" s="1"/>
    </row>
    <row r="188" spans="4:22" x14ac:dyDescent="0.2">
      <c r="D188" s="1"/>
      <c r="E188" s="1"/>
      <c r="F188" s="1"/>
      <c r="G188" s="1"/>
      <c r="H188" s="1"/>
      <c r="I188" s="1"/>
      <c r="J188" s="1"/>
      <c r="K188" s="1"/>
      <c r="L188" s="1"/>
      <c r="M188" s="1"/>
      <c r="N188" s="1"/>
      <c r="O188" s="1"/>
      <c r="P188" s="1"/>
      <c r="Q188" s="1"/>
      <c r="R188" s="1"/>
      <c r="S188" s="1"/>
      <c r="T188" s="1"/>
      <c r="U188" s="1"/>
      <c r="V188" s="1"/>
    </row>
    <row r="189" spans="4:22" x14ac:dyDescent="0.2">
      <c r="D189" s="1"/>
      <c r="E189" s="1"/>
      <c r="F189" s="1"/>
      <c r="G189" s="1"/>
      <c r="H189" s="1"/>
      <c r="I189" s="1"/>
      <c r="J189" s="1"/>
      <c r="K189" s="1"/>
      <c r="L189" s="1"/>
      <c r="M189" s="1"/>
      <c r="N189" s="1"/>
      <c r="O189" s="1"/>
      <c r="P189" s="1"/>
      <c r="Q189" s="1"/>
      <c r="R189" s="1"/>
      <c r="S189" s="1"/>
      <c r="T189" s="1"/>
      <c r="U189" s="1"/>
      <c r="V189" s="1"/>
    </row>
    <row r="190" spans="4:22" x14ac:dyDescent="0.2">
      <c r="D190" s="1"/>
      <c r="E190" s="1"/>
      <c r="F190" s="1"/>
      <c r="G190" s="1"/>
      <c r="H190" s="1"/>
      <c r="I190" s="1"/>
      <c r="J190" s="1"/>
      <c r="K190" s="1"/>
      <c r="L190" s="1"/>
      <c r="M190" s="1"/>
      <c r="N190" s="1"/>
      <c r="O190" s="1"/>
      <c r="P190" s="1"/>
      <c r="Q190" s="1"/>
      <c r="R190" s="1"/>
      <c r="S190" s="1"/>
      <c r="T190" s="1"/>
      <c r="U190" s="1"/>
      <c r="V190" s="1"/>
    </row>
    <row r="191" spans="4:22" x14ac:dyDescent="0.2">
      <c r="D191" s="1"/>
      <c r="E191" s="1"/>
      <c r="F191" s="1"/>
      <c r="G191" s="1"/>
      <c r="H191" s="1"/>
      <c r="I191" s="1"/>
      <c r="J191" s="1"/>
      <c r="K191" s="1"/>
      <c r="L191" s="1"/>
      <c r="M191" s="1"/>
      <c r="N191" s="1"/>
      <c r="O191" s="1"/>
      <c r="P191" s="1"/>
      <c r="Q191" s="1"/>
      <c r="R191" s="1"/>
      <c r="S191" s="1"/>
      <c r="T191" s="1"/>
      <c r="U191" s="1"/>
      <c r="V191" s="1"/>
    </row>
    <row r="192" spans="4:22" x14ac:dyDescent="0.2">
      <c r="D192" s="1"/>
      <c r="E192" s="1"/>
      <c r="F192" s="1"/>
      <c r="G192" s="1"/>
      <c r="H192" s="1"/>
      <c r="I192" s="1"/>
      <c r="J192" s="1"/>
      <c r="K192" s="1"/>
      <c r="L192" s="1"/>
      <c r="M192" s="1"/>
      <c r="N192" s="1"/>
      <c r="O192" s="1"/>
      <c r="P192" s="1"/>
      <c r="Q192" s="1"/>
      <c r="R192" s="1"/>
      <c r="S192" s="1"/>
      <c r="T192" s="1"/>
      <c r="U192" s="1"/>
      <c r="V192" s="1"/>
    </row>
    <row r="193" spans="4:22" x14ac:dyDescent="0.2">
      <c r="D193" s="1"/>
      <c r="E193" s="1"/>
      <c r="F193" s="1"/>
      <c r="G193" s="1"/>
      <c r="H193" s="1"/>
      <c r="I193" s="1"/>
      <c r="J193" s="1"/>
      <c r="K193" s="1"/>
      <c r="L193" s="1"/>
      <c r="M193" s="1"/>
      <c r="N193" s="1"/>
      <c r="O193" s="1"/>
      <c r="P193" s="1"/>
      <c r="Q193" s="1"/>
      <c r="R193" s="1"/>
      <c r="S193" s="1"/>
      <c r="T193" s="1"/>
      <c r="U193" s="1"/>
      <c r="V193" s="1"/>
    </row>
    <row r="194" spans="4:22" x14ac:dyDescent="0.2">
      <c r="D194" s="1"/>
      <c r="E194" s="1"/>
      <c r="F194" s="1"/>
      <c r="G194" s="1"/>
      <c r="H194" s="1"/>
      <c r="I194" s="1"/>
      <c r="J194" s="1"/>
      <c r="K194" s="1"/>
      <c r="L194" s="1"/>
      <c r="M194" s="1"/>
      <c r="N194" s="1"/>
      <c r="O194" s="1"/>
      <c r="P194" s="1"/>
      <c r="Q194" s="1"/>
      <c r="R194" s="1"/>
      <c r="S194" s="1"/>
      <c r="T194" s="1"/>
      <c r="U194" s="1"/>
      <c r="V194" s="1"/>
    </row>
    <row r="195" spans="4:22" x14ac:dyDescent="0.2">
      <c r="D195" s="1"/>
      <c r="E195" s="1"/>
      <c r="F195" s="1"/>
      <c r="G195" s="1"/>
      <c r="H195" s="1"/>
      <c r="I195" s="1"/>
      <c r="J195" s="1"/>
      <c r="K195" s="1"/>
      <c r="L195" s="1"/>
      <c r="M195" s="1"/>
      <c r="N195" s="1"/>
      <c r="O195" s="1"/>
      <c r="P195" s="1"/>
      <c r="Q195" s="1"/>
      <c r="R195" s="1"/>
      <c r="S195" s="1"/>
      <c r="T195" s="1"/>
      <c r="U195" s="1"/>
      <c r="V195" s="1"/>
    </row>
    <row r="196" spans="4:22" x14ac:dyDescent="0.2">
      <c r="D196" s="1"/>
      <c r="E196" s="1"/>
      <c r="F196" s="1"/>
      <c r="G196" s="1"/>
      <c r="H196" s="1"/>
      <c r="I196" s="1"/>
      <c r="J196" s="1"/>
      <c r="K196" s="1"/>
      <c r="L196" s="1"/>
      <c r="M196" s="1"/>
      <c r="N196" s="1"/>
      <c r="O196" s="1"/>
      <c r="P196" s="1"/>
      <c r="Q196" s="1"/>
      <c r="R196" s="1"/>
      <c r="S196" s="1"/>
      <c r="T196" s="1"/>
      <c r="U196" s="1"/>
      <c r="V196" s="1"/>
    </row>
    <row r="197" spans="4:22" x14ac:dyDescent="0.2">
      <c r="D197" s="1"/>
      <c r="E197" s="1"/>
      <c r="F197" s="1"/>
      <c r="G197" s="1"/>
      <c r="H197" s="1"/>
      <c r="I197" s="1"/>
      <c r="J197" s="1"/>
      <c r="K197" s="1"/>
      <c r="L197" s="1"/>
      <c r="M197" s="1"/>
      <c r="N197" s="1"/>
      <c r="O197" s="1"/>
      <c r="P197" s="1"/>
      <c r="Q197" s="1"/>
      <c r="R197" s="1"/>
      <c r="S197" s="1"/>
      <c r="T197" s="1"/>
      <c r="U197" s="1"/>
      <c r="V197" s="1"/>
    </row>
    <row r="198" spans="4:22" x14ac:dyDescent="0.2">
      <c r="D198" s="1"/>
      <c r="E198" s="1"/>
      <c r="F198" s="1"/>
      <c r="G198" s="1"/>
      <c r="H198" s="1"/>
      <c r="I198" s="1"/>
      <c r="J198" s="1"/>
      <c r="K198" s="1"/>
      <c r="L198" s="1"/>
      <c r="M198" s="1"/>
      <c r="N198" s="1"/>
      <c r="O198" s="1"/>
      <c r="P198" s="1"/>
      <c r="Q198" s="1"/>
      <c r="R198" s="1"/>
      <c r="S198" s="1"/>
      <c r="T198" s="1"/>
      <c r="U198" s="1"/>
      <c r="V198" s="1"/>
    </row>
    <row r="199" spans="4:22" x14ac:dyDescent="0.2">
      <c r="D199" s="1"/>
      <c r="E199" s="1"/>
      <c r="F199" s="1"/>
      <c r="G199" s="1"/>
      <c r="H199" s="1"/>
      <c r="I199" s="1"/>
      <c r="J199" s="1"/>
      <c r="K199" s="1"/>
      <c r="L199" s="1"/>
      <c r="M199" s="1"/>
      <c r="N199" s="1"/>
      <c r="O199" s="1"/>
      <c r="P199" s="1"/>
      <c r="Q199" s="1"/>
      <c r="R199" s="1"/>
      <c r="S199" s="1"/>
      <c r="T199" s="1"/>
      <c r="U199" s="1"/>
      <c r="V199" s="1"/>
    </row>
    <row r="200" spans="4:22" x14ac:dyDescent="0.2">
      <c r="D200" s="1"/>
      <c r="E200" s="1"/>
      <c r="F200" s="1"/>
      <c r="G200" s="1"/>
      <c r="H200" s="1"/>
      <c r="I200" s="1"/>
      <c r="J200" s="1"/>
      <c r="K200" s="1"/>
      <c r="L200" s="1"/>
      <c r="M200" s="1"/>
      <c r="N200" s="1"/>
      <c r="O200" s="1"/>
      <c r="P200" s="1"/>
      <c r="Q200" s="1"/>
      <c r="R200" s="1"/>
      <c r="S200" s="1"/>
      <c r="T200" s="1"/>
      <c r="U200" s="1"/>
      <c r="V200" s="1"/>
    </row>
    <row r="201" spans="4:22" x14ac:dyDescent="0.2">
      <c r="D201" s="1"/>
      <c r="E201" s="1"/>
      <c r="F201" s="1"/>
      <c r="G201" s="1"/>
      <c r="H201" s="1"/>
      <c r="I201" s="1"/>
      <c r="J201" s="1"/>
      <c r="K201" s="1"/>
      <c r="L201" s="1"/>
      <c r="M201" s="1"/>
      <c r="N201" s="1"/>
      <c r="O201" s="1"/>
      <c r="P201" s="1"/>
      <c r="Q201" s="1"/>
      <c r="R201" s="1"/>
      <c r="S201" s="1"/>
      <c r="T201" s="1"/>
      <c r="U201" s="1"/>
      <c r="V201" s="1"/>
    </row>
    <row r="202" spans="4:22" x14ac:dyDescent="0.2">
      <c r="D202" s="1"/>
      <c r="E202" s="1"/>
      <c r="F202" s="1"/>
      <c r="G202" s="1"/>
      <c r="H202" s="1"/>
      <c r="I202" s="1"/>
      <c r="J202" s="1"/>
      <c r="K202" s="1"/>
      <c r="L202" s="1"/>
      <c r="M202" s="1"/>
      <c r="N202" s="1"/>
      <c r="O202" s="1"/>
      <c r="P202" s="1"/>
      <c r="Q202" s="1"/>
      <c r="R202" s="1"/>
      <c r="S202" s="1"/>
      <c r="T202" s="1"/>
      <c r="U202" s="1"/>
      <c r="V202" s="1"/>
    </row>
    <row r="203" spans="4:22" x14ac:dyDescent="0.2">
      <c r="D203" s="1"/>
      <c r="E203" s="1"/>
      <c r="F203" s="1"/>
      <c r="G203" s="1"/>
      <c r="H203" s="1"/>
      <c r="I203" s="1"/>
      <c r="J203" s="1"/>
      <c r="K203" s="1"/>
      <c r="L203" s="1"/>
      <c r="M203" s="1"/>
      <c r="N203" s="1"/>
      <c r="O203" s="1"/>
      <c r="P203" s="1"/>
      <c r="Q203" s="1"/>
      <c r="R203" s="1"/>
      <c r="S203" s="1"/>
      <c r="T203" s="1"/>
      <c r="U203" s="1"/>
      <c r="V203" s="1"/>
    </row>
    <row r="204" spans="4:22" x14ac:dyDescent="0.2">
      <c r="D204" s="1"/>
      <c r="E204" s="1"/>
      <c r="F204" s="1"/>
      <c r="G204" s="1"/>
      <c r="H204" s="1"/>
      <c r="I204" s="1"/>
      <c r="J204" s="1"/>
      <c r="K204" s="1"/>
      <c r="L204" s="1"/>
      <c r="M204" s="1"/>
      <c r="N204" s="1"/>
      <c r="O204" s="1"/>
      <c r="P204" s="1"/>
      <c r="Q204" s="1"/>
      <c r="R204" s="1"/>
      <c r="S204" s="1"/>
      <c r="T204" s="1"/>
      <c r="U204" s="1"/>
      <c r="V204" s="1"/>
    </row>
    <row r="205" spans="4:22" x14ac:dyDescent="0.2">
      <c r="D205" s="1"/>
      <c r="E205" s="1"/>
      <c r="F205" s="1"/>
      <c r="G205" s="1"/>
      <c r="H205" s="1"/>
      <c r="I205" s="1"/>
      <c r="J205" s="1"/>
      <c r="K205" s="1"/>
      <c r="L205" s="1"/>
      <c r="M205" s="1"/>
      <c r="N205" s="1"/>
      <c r="O205" s="1"/>
      <c r="P205" s="1"/>
      <c r="Q205" s="1"/>
      <c r="R205" s="1"/>
      <c r="S205" s="1"/>
      <c r="T205" s="1"/>
      <c r="U205" s="1"/>
      <c r="V205" s="1"/>
    </row>
    <row r="206" spans="4:22" x14ac:dyDescent="0.2">
      <c r="D206" s="1"/>
      <c r="E206" s="1"/>
      <c r="F206" s="1"/>
      <c r="G206" s="1"/>
      <c r="H206" s="1"/>
      <c r="I206" s="1"/>
      <c r="J206" s="1"/>
      <c r="K206" s="1"/>
      <c r="L206" s="1"/>
      <c r="M206" s="1"/>
      <c r="N206" s="1"/>
      <c r="O206" s="1"/>
      <c r="P206" s="1"/>
      <c r="Q206" s="1"/>
      <c r="R206" s="1"/>
      <c r="S206" s="1"/>
      <c r="T206" s="1"/>
      <c r="U206" s="1"/>
      <c r="V206" s="1"/>
    </row>
    <row r="207" spans="4:22" x14ac:dyDescent="0.2">
      <c r="D207" s="1"/>
      <c r="E207" s="1"/>
      <c r="F207" s="1"/>
      <c r="G207" s="1"/>
      <c r="H207" s="1"/>
      <c r="I207" s="1"/>
      <c r="J207" s="1"/>
      <c r="K207" s="1"/>
      <c r="L207" s="1"/>
      <c r="M207" s="1"/>
      <c r="N207" s="1"/>
      <c r="O207" s="1"/>
      <c r="P207" s="1"/>
      <c r="Q207" s="1"/>
      <c r="R207" s="1"/>
      <c r="S207" s="1"/>
      <c r="T207" s="1"/>
      <c r="U207" s="1"/>
      <c r="V207" s="1"/>
    </row>
    <row r="208" spans="4:22" x14ac:dyDescent="0.2">
      <c r="D208" s="1"/>
      <c r="E208" s="1"/>
      <c r="F208" s="1"/>
      <c r="G208" s="1"/>
      <c r="H208" s="1"/>
      <c r="I208" s="1"/>
      <c r="J208" s="1"/>
      <c r="K208" s="1"/>
      <c r="L208" s="1"/>
      <c r="M208" s="1"/>
      <c r="N208" s="1"/>
      <c r="O208" s="1"/>
      <c r="P208" s="1"/>
      <c r="Q208" s="1"/>
      <c r="R208" s="1"/>
      <c r="S208" s="1"/>
      <c r="T208" s="1"/>
      <c r="U208" s="1"/>
      <c r="V208" s="1"/>
    </row>
    <row r="209" spans="4:22" x14ac:dyDescent="0.2">
      <c r="D209" s="1"/>
      <c r="E209" s="1"/>
      <c r="F209" s="1"/>
      <c r="G209" s="1"/>
      <c r="H209" s="1"/>
      <c r="I209" s="1"/>
      <c r="J209" s="1"/>
      <c r="K209" s="1"/>
      <c r="L209" s="1"/>
      <c r="M209" s="1"/>
      <c r="N209" s="1"/>
      <c r="O209" s="1"/>
      <c r="P209" s="1"/>
      <c r="Q209" s="1"/>
      <c r="R209" s="1"/>
      <c r="S209" s="1"/>
      <c r="T209" s="1"/>
      <c r="U209" s="1"/>
      <c r="V209" s="1"/>
    </row>
    <row r="210" spans="4:22" x14ac:dyDescent="0.2">
      <c r="D210" s="1"/>
      <c r="E210" s="1"/>
      <c r="F210" s="1"/>
      <c r="G210" s="1"/>
      <c r="H210" s="1"/>
      <c r="I210" s="1"/>
      <c r="J210" s="1"/>
      <c r="K210" s="1"/>
      <c r="L210" s="1"/>
      <c r="M210" s="1"/>
      <c r="N210" s="1"/>
      <c r="O210" s="1"/>
      <c r="P210" s="1"/>
      <c r="Q210" s="1"/>
      <c r="R210" s="1"/>
      <c r="S210" s="1"/>
      <c r="T210" s="1"/>
      <c r="U210" s="1"/>
      <c r="V210" s="1"/>
    </row>
    <row r="211" spans="4:22" x14ac:dyDescent="0.2">
      <c r="D211" s="1"/>
      <c r="E211" s="1"/>
      <c r="F211" s="1"/>
      <c r="G211" s="1"/>
      <c r="H211" s="1"/>
      <c r="I211" s="1"/>
      <c r="J211" s="1"/>
      <c r="K211" s="1"/>
      <c r="L211" s="1"/>
      <c r="M211" s="1"/>
      <c r="N211" s="1"/>
      <c r="O211" s="1"/>
      <c r="P211" s="1"/>
      <c r="Q211" s="1"/>
      <c r="R211" s="1"/>
      <c r="S211" s="1"/>
      <c r="T211" s="1"/>
      <c r="U211" s="1"/>
      <c r="V211" s="1"/>
    </row>
    <row r="212" spans="4:22" x14ac:dyDescent="0.2">
      <c r="D212" s="1"/>
      <c r="E212" s="1"/>
      <c r="F212" s="1"/>
      <c r="G212" s="1"/>
      <c r="H212" s="1"/>
      <c r="I212" s="1"/>
      <c r="J212" s="1"/>
      <c r="K212" s="1"/>
      <c r="L212" s="1"/>
      <c r="M212" s="1"/>
      <c r="N212" s="1"/>
      <c r="O212" s="1"/>
      <c r="P212" s="1"/>
      <c r="Q212" s="1"/>
      <c r="R212" s="1"/>
      <c r="S212" s="1"/>
      <c r="T212" s="1"/>
      <c r="U212" s="1"/>
      <c r="V212" s="1"/>
    </row>
    <row r="213" spans="4:22" x14ac:dyDescent="0.2">
      <c r="D213" s="1"/>
      <c r="E213" s="1"/>
      <c r="F213" s="1"/>
      <c r="G213" s="1"/>
      <c r="H213" s="1"/>
      <c r="I213" s="1"/>
      <c r="J213" s="1"/>
      <c r="K213" s="1"/>
      <c r="L213" s="1"/>
      <c r="M213" s="1"/>
      <c r="N213" s="1"/>
      <c r="O213" s="1"/>
      <c r="P213" s="1"/>
      <c r="Q213" s="1"/>
      <c r="R213" s="1"/>
      <c r="S213" s="1"/>
      <c r="T213" s="1"/>
      <c r="U213" s="1"/>
      <c r="V213" s="1"/>
    </row>
    <row r="214" spans="4:22" x14ac:dyDescent="0.2">
      <c r="D214" s="1"/>
      <c r="E214" s="1"/>
      <c r="F214" s="1"/>
      <c r="G214" s="1"/>
      <c r="H214" s="1"/>
      <c r="I214" s="1"/>
      <c r="J214" s="1"/>
      <c r="K214" s="1"/>
      <c r="L214" s="1"/>
      <c r="M214" s="1"/>
      <c r="N214" s="1"/>
      <c r="O214" s="1"/>
      <c r="P214" s="1"/>
      <c r="Q214" s="1"/>
      <c r="R214" s="1"/>
      <c r="S214" s="1"/>
      <c r="T214" s="1"/>
      <c r="U214" s="1"/>
      <c r="V214" s="1"/>
    </row>
    <row r="215" spans="4:22" x14ac:dyDescent="0.2">
      <c r="D215" s="1"/>
      <c r="E215" s="1"/>
      <c r="F215" s="1"/>
      <c r="G215" s="1"/>
      <c r="H215" s="1"/>
      <c r="I215" s="1"/>
      <c r="J215" s="1"/>
      <c r="K215" s="1"/>
      <c r="L215" s="1"/>
      <c r="M215" s="1"/>
      <c r="N215" s="1"/>
      <c r="O215" s="1"/>
      <c r="P215" s="1"/>
      <c r="Q215" s="1"/>
      <c r="R215" s="1"/>
      <c r="S215" s="1"/>
      <c r="T215" s="1"/>
      <c r="U215" s="1"/>
      <c r="V215" s="1"/>
    </row>
    <row r="216" spans="4:22" x14ac:dyDescent="0.2">
      <c r="D216" s="1"/>
      <c r="E216" s="1"/>
      <c r="F216" s="1"/>
      <c r="G216" s="1"/>
      <c r="H216" s="1"/>
      <c r="I216" s="1"/>
      <c r="J216" s="1"/>
      <c r="K216" s="1"/>
      <c r="L216" s="1"/>
      <c r="M216" s="1"/>
      <c r="N216" s="1"/>
      <c r="O216" s="1"/>
      <c r="P216" s="1"/>
      <c r="Q216" s="1"/>
      <c r="R216" s="1"/>
      <c r="S216" s="1"/>
      <c r="T216" s="1"/>
      <c r="U216" s="1"/>
      <c r="V216" s="1"/>
    </row>
    <row r="217" spans="4:22" x14ac:dyDescent="0.2">
      <c r="D217" s="1"/>
      <c r="E217" s="1"/>
      <c r="F217" s="1"/>
      <c r="G217" s="1"/>
      <c r="H217" s="1"/>
      <c r="I217" s="1"/>
      <c r="J217" s="1"/>
      <c r="K217" s="1"/>
      <c r="L217" s="1"/>
      <c r="M217" s="1"/>
      <c r="N217" s="1"/>
      <c r="O217" s="1"/>
      <c r="P217" s="1"/>
      <c r="Q217" s="1"/>
      <c r="R217" s="1"/>
      <c r="S217" s="1"/>
      <c r="T217" s="1"/>
      <c r="U217" s="1"/>
      <c r="V217" s="1"/>
    </row>
    <row r="218" spans="4:22" x14ac:dyDescent="0.2">
      <c r="D218" s="1"/>
      <c r="E218" s="1"/>
      <c r="F218" s="1"/>
      <c r="G218" s="1"/>
      <c r="H218" s="1"/>
      <c r="I218" s="1"/>
      <c r="J218" s="1"/>
      <c r="K218" s="1"/>
      <c r="L218" s="1"/>
      <c r="M218" s="1"/>
      <c r="N218" s="1"/>
      <c r="O218" s="1"/>
      <c r="P218" s="1"/>
      <c r="Q218" s="1"/>
      <c r="R218" s="1"/>
      <c r="S218" s="1"/>
      <c r="T218" s="1"/>
      <c r="U218" s="1"/>
      <c r="V218" s="1"/>
    </row>
    <row r="219" spans="4:22" x14ac:dyDescent="0.2">
      <c r="D219" s="1"/>
      <c r="E219" s="1"/>
      <c r="F219" s="1"/>
      <c r="G219" s="1"/>
      <c r="H219" s="1"/>
      <c r="I219" s="1"/>
      <c r="J219" s="1"/>
      <c r="K219" s="1"/>
      <c r="L219" s="1"/>
      <c r="M219" s="1"/>
      <c r="N219" s="1"/>
      <c r="O219" s="1"/>
      <c r="P219" s="1"/>
      <c r="Q219" s="1"/>
      <c r="R219" s="1"/>
      <c r="S219" s="1"/>
      <c r="T219" s="1"/>
      <c r="U219" s="1"/>
      <c r="V219" s="1"/>
    </row>
    <row r="220" spans="4:22" x14ac:dyDescent="0.2">
      <c r="D220" s="1"/>
      <c r="E220" s="1"/>
      <c r="F220" s="1"/>
      <c r="G220" s="1"/>
      <c r="H220" s="1"/>
      <c r="I220" s="1"/>
      <c r="J220" s="1"/>
      <c r="K220" s="1"/>
      <c r="L220" s="1"/>
      <c r="M220" s="1"/>
      <c r="N220" s="1"/>
      <c r="O220" s="1"/>
      <c r="P220" s="1"/>
      <c r="Q220" s="1"/>
      <c r="R220" s="1"/>
      <c r="S220" s="1"/>
      <c r="T220" s="1"/>
      <c r="U220" s="1"/>
      <c r="V220" s="1"/>
    </row>
    <row r="221" spans="4:22" x14ac:dyDescent="0.2">
      <c r="D221" s="1"/>
      <c r="E221" s="1"/>
      <c r="F221" s="1"/>
      <c r="G221" s="1"/>
      <c r="H221" s="1"/>
      <c r="I221" s="1"/>
      <c r="J221" s="1"/>
      <c r="K221" s="1"/>
      <c r="L221" s="1"/>
      <c r="M221" s="1"/>
      <c r="N221" s="1"/>
      <c r="O221" s="1"/>
      <c r="P221" s="1"/>
      <c r="Q221" s="1"/>
      <c r="R221" s="1"/>
      <c r="S221" s="1"/>
      <c r="T221" s="1"/>
      <c r="U221" s="1"/>
      <c r="V221" s="1"/>
    </row>
    <row r="222" spans="4:22" x14ac:dyDescent="0.2">
      <c r="D222" s="1"/>
      <c r="E222" s="1"/>
      <c r="F222" s="1"/>
      <c r="G222" s="1"/>
      <c r="H222" s="1"/>
      <c r="I222" s="1"/>
      <c r="J222" s="1"/>
      <c r="K222" s="1"/>
      <c r="L222" s="1"/>
      <c r="M222" s="1"/>
      <c r="N222" s="1"/>
      <c r="O222" s="1"/>
      <c r="P222" s="1"/>
      <c r="Q222" s="1"/>
      <c r="R222" s="1"/>
      <c r="S222" s="1"/>
      <c r="T222" s="1"/>
      <c r="U222" s="1"/>
      <c r="V222" s="1"/>
    </row>
    <row r="223" spans="4:22" x14ac:dyDescent="0.2">
      <c r="D223" s="1"/>
      <c r="E223" s="1"/>
      <c r="F223" s="1"/>
      <c r="G223" s="1"/>
      <c r="H223" s="1"/>
      <c r="I223" s="1"/>
      <c r="J223" s="1"/>
      <c r="K223" s="1"/>
      <c r="L223" s="1"/>
      <c r="M223" s="1"/>
      <c r="N223" s="1"/>
      <c r="O223" s="1"/>
      <c r="P223" s="1"/>
      <c r="Q223" s="1"/>
      <c r="R223" s="1"/>
      <c r="S223" s="1"/>
      <c r="T223" s="1"/>
      <c r="U223" s="1"/>
      <c r="V223" s="1"/>
    </row>
    <row r="224" spans="4:22" x14ac:dyDescent="0.2">
      <c r="D224" s="1"/>
      <c r="E224" s="1"/>
      <c r="F224" s="1"/>
      <c r="G224" s="1"/>
      <c r="H224" s="1"/>
      <c r="I224" s="1"/>
      <c r="J224" s="1"/>
      <c r="K224" s="1"/>
      <c r="L224" s="1"/>
      <c r="M224" s="1"/>
      <c r="N224" s="1"/>
      <c r="O224" s="1"/>
      <c r="P224" s="1"/>
      <c r="Q224" s="1"/>
      <c r="R224" s="1"/>
      <c r="S224" s="1"/>
      <c r="T224" s="1"/>
      <c r="U224" s="1"/>
      <c r="V224" s="1"/>
    </row>
    <row r="225" spans="4:22" x14ac:dyDescent="0.2">
      <c r="D225" s="1"/>
      <c r="E225" s="1"/>
      <c r="F225" s="1"/>
      <c r="G225" s="1"/>
      <c r="H225" s="1"/>
      <c r="I225" s="1"/>
      <c r="J225" s="1"/>
      <c r="K225" s="1"/>
      <c r="L225" s="1"/>
      <c r="M225" s="1"/>
      <c r="N225" s="1"/>
      <c r="O225" s="1"/>
      <c r="P225" s="1"/>
      <c r="Q225" s="1"/>
      <c r="R225" s="1"/>
      <c r="S225" s="1"/>
      <c r="T225" s="1"/>
      <c r="U225" s="1"/>
      <c r="V225" s="1"/>
    </row>
    <row r="226" spans="4:22" x14ac:dyDescent="0.2">
      <c r="D226" s="1"/>
      <c r="E226" s="1"/>
      <c r="F226" s="1"/>
      <c r="G226" s="1"/>
      <c r="H226" s="1"/>
      <c r="I226" s="1"/>
      <c r="J226" s="1"/>
      <c r="K226" s="1"/>
      <c r="L226" s="1"/>
      <c r="M226" s="1"/>
      <c r="N226" s="1"/>
      <c r="O226" s="1"/>
      <c r="P226" s="1"/>
      <c r="Q226" s="1"/>
      <c r="R226" s="1"/>
      <c r="S226" s="1"/>
      <c r="T226" s="1"/>
      <c r="U226" s="1"/>
      <c r="V226" s="1"/>
    </row>
    <row r="227" spans="4:22" x14ac:dyDescent="0.2">
      <c r="D227" s="1"/>
      <c r="E227" s="1"/>
      <c r="F227" s="1"/>
      <c r="G227" s="1"/>
      <c r="H227" s="1"/>
      <c r="I227" s="1"/>
      <c r="J227" s="1"/>
      <c r="K227" s="1"/>
      <c r="L227" s="1"/>
      <c r="M227" s="1"/>
      <c r="N227" s="1"/>
      <c r="O227" s="1"/>
      <c r="P227" s="1"/>
      <c r="Q227" s="1"/>
      <c r="R227" s="1"/>
      <c r="S227" s="1"/>
      <c r="T227" s="1"/>
      <c r="U227" s="1"/>
      <c r="V227" s="1"/>
    </row>
    <row r="228" spans="4:22" x14ac:dyDescent="0.2">
      <c r="D228" s="1"/>
      <c r="E228" s="1"/>
      <c r="F228" s="1"/>
      <c r="G228" s="1"/>
      <c r="H228" s="1"/>
      <c r="I228" s="1"/>
      <c r="J228" s="1"/>
      <c r="K228" s="1"/>
      <c r="L228" s="1"/>
      <c r="M228" s="1"/>
      <c r="N228" s="1"/>
      <c r="O228" s="1"/>
      <c r="P228" s="1"/>
      <c r="Q228" s="1"/>
      <c r="R228" s="1"/>
      <c r="S228" s="1"/>
      <c r="T228" s="1"/>
      <c r="U228" s="1"/>
      <c r="V228" s="1"/>
    </row>
    <row r="229" spans="4:22" x14ac:dyDescent="0.2">
      <c r="D229" s="1"/>
      <c r="E229" s="1"/>
      <c r="F229" s="1"/>
      <c r="G229" s="1"/>
      <c r="H229" s="1"/>
      <c r="I229" s="1"/>
      <c r="J229" s="1"/>
      <c r="K229" s="1"/>
      <c r="L229" s="1"/>
      <c r="M229" s="1"/>
      <c r="N229" s="1"/>
      <c r="O229" s="1"/>
      <c r="P229" s="1"/>
      <c r="Q229" s="1"/>
      <c r="R229" s="1"/>
      <c r="S229" s="1"/>
      <c r="T229" s="1"/>
      <c r="U229" s="1"/>
      <c r="V229" s="1"/>
    </row>
    <row r="230" spans="4:22" x14ac:dyDescent="0.2">
      <c r="D230" s="1"/>
      <c r="E230" s="1"/>
      <c r="F230" s="1"/>
      <c r="G230" s="1"/>
      <c r="H230" s="1"/>
      <c r="I230" s="1"/>
      <c r="J230" s="1"/>
      <c r="K230" s="1"/>
      <c r="L230" s="1"/>
      <c r="M230" s="1"/>
      <c r="N230" s="1"/>
      <c r="O230" s="1"/>
      <c r="P230" s="1"/>
      <c r="Q230" s="1"/>
      <c r="R230" s="1"/>
      <c r="S230" s="1"/>
      <c r="T230" s="1"/>
      <c r="U230" s="1"/>
      <c r="V230" s="1"/>
    </row>
    <row r="231" spans="4:22" x14ac:dyDescent="0.2">
      <c r="D231" s="1"/>
      <c r="E231" s="1"/>
      <c r="F231" s="1"/>
      <c r="G231" s="1"/>
      <c r="H231" s="1"/>
      <c r="I231" s="1"/>
      <c r="J231" s="1"/>
      <c r="K231" s="1"/>
      <c r="L231" s="1"/>
      <c r="M231" s="1"/>
      <c r="N231" s="1"/>
      <c r="O231" s="1"/>
      <c r="P231" s="1"/>
      <c r="Q231" s="1"/>
      <c r="R231" s="1"/>
      <c r="S231" s="1"/>
      <c r="T231" s="1"/>
      <c r="U231" s="1"/>
      <c r="V231" s="1"/>
    </row>
    <row r="232" spans="4:22" x14ac:dyDescent="0.2">
      <c r="D232" s="1"/>
      <c r="E232" s="1"/>
      <c r="F232" s="1"/>
      <c r="G232" s="1"/>
      <c r="H232" s="1"/>
      <c r="I232" s="1"/>
      <c r="J232" s="1"/>
      <c r="K232" s="1"/>
      <c r="L232" s="1"/>
      <c r="M232" s="1"/>
      <c r="N232" s="1"/>
      <c r="O232" s="1"/>
      <c r="P232" s="1"/>
      <c r="Q232" s="1"/>
      <c r="R232" s="1"/>
      <c r="S232" s="1"/>
      <c r="T232" s="1"/>
      <c r="U232" s="1"/>
      <c r="V232" s="1"/>
    </row>
    <row r="233" spans="4:22" x14ac:dyDescent="0.2">
      <c r="D233" s="1"/>
      <c r="E233" s="1"/>
      <c r="F233" s="1"/>
      <c r="G233" s="1"/>
      <c r="H233" s="1"/>
      <c r="I233" s="1"/>
      <c r="J233" s="1"/>
      <c r="K233" s="1"/>
      <c r="L233" s="1"/>
      <c r="M233" s="1"/>
      <c r="N233" s="1"/>
      <c r="O233" s="1"/>
      <c r="P233" s="1"/>
      <c r="Q233" s="1"/>
      <c r="R233" s="1"/>
      <c r="S233" s="1"/>
      <c r="T233" s="1"/>
      <c r="U233" s="1"/>
      <c r="V233" s="1"/>
    </row>
    <row r="234" spans="4:22" x14ac:dyDescent="0.2">
      <c r="D234" s="1"/>
      <c r="E234" s="1"/>
      <c r="F234" s="1"/>
      <c r="G234" s="1"/>
      <c r="H234" s="1"/>
      <c r="I234" s="1"/>
      <c r="J234" s="1"/>
      <c r="K234" s="1"/>
      <c r="L234" s="1"/>
      <c r="M234" s="1"/>
      <c r="N234" s="1"/>
      <c r="O234" s="1"/>
      <c r="P234" s="1"/>
      <c r="Q234" s="1"/>
      <c r="R234" s="1"/>
      <c r="S234" s="1"/>
      <c r="T234" s="1"/>
      <c r="U234" s="1"/>
      <c r="V234" s="1"/>
    </row>
    <row r="235" spans="4:22" x14ac:dyDescent="0.2">
      <c r="D235" s="1"/>
      <c r="E235" s="1"/>
      <c r="F235" s="1"/>
      <c r="G235" s="1"/>
      <c r="H235" s="1"/>
      <c r="I235" s="1"/>
      <c r="J235" s="1"/>
      <c r="K235" s="1"/>
      <c r="L235" s="1"/>
      <c r="M235" s="1"/>
      <c r="N235" s="1"/>
      <c r="O235" s="1"/>
      <c r="P235" s="1"/>
      <c r="Q235" s="1"/>
      <c r="R235" s="1"/>
      <c r="S235" s="1"/>
      <c r="T235" s="1"/>
      <c r="U235" s="1"/>
      <c r="V235" s="1"/>
    </row>
    <row r="236" spans="4:22" x14ac:dyDescent="0.2">
      <c r="D236" s="1"/>
      <c r="E236" s="1"/>
      <c r="F236" s="1"/>
      <c r="G236" s="1"/>
      <c r="H236" s="1"/>
      <c r="I236" s="1"/>
      <c r="J236" s="1"/>
      <c r="K236" s="1"/>
      <c r="L236" s="1"/>
      <c r="M236" s="1"/>
      <c r="N236" s="1"/>
      <c r="O236" s="1"/>
      <c r="P236" s="1"/>
      <c r="Q236" s="1"/>
      <c r="R236" s="1"/>
      <c r="S236" s="1"/>
      <c r="T236" s="1"/>
      <c r="U236" s="1"/>
      <c r="V236" s="1"/>
    </row>
    <row r="237" spans="4:22" x14ac:dyDescent="0.2">
      <c r="D237" s="1"/>
      <c r="E237" s="1"/>
      <c r="F237" s="1"/>
      <c r="G237" s="1"/>
      <c r="H237" s="1"/>
      <c r="I237" s="1"/>
      <c r="J237" s="1"/>
      <c r="K237" s="1"/>
      <c r="L237" s="1"/>
      <c r="M237" s="1"/>
      <c r="N237" s="1"/>
      <c r="O237" s="1"/>
      <c r="P237" s="1"/>
      <c r="Q237" s="1"/>
      <c r="R237" s="1"/>
      <c r="S237" s="1"/>
      <c r="T237" s="1"/>
      <c r="U237" s="1"/>
      <c r="V237" s="1"/>
    </row>
    <row r="238" spans="4:22" x14ac:dyDescent="0.2">
      <c r="D238" s="1"/>
      <c r="E238" s="1"/>
      <c r="F238" s="1"/>
      <c r="G238" s="1"/>
      <c r="H238" s="1"/>
      <c r="I238" s="1"/>
      <c r="J238" s="1"/>
      <c r="K238" s="1"/>
      <c r="L238" s="1"/>
      <c r="M238" s="1"/>
      <c r="N238" s="1"/>
      <c r="O238" s="1"/>
      <c r="P238" s="1"/>
      <c r="Q238" s="1"/>
      <c r="R238" s="1"/>
      <c r="S238" s="1"/>
      <c r="T238" s="1"/>
      <c r="U238" s="1"/>
      <c r="V238" s="1"/>
    </row>
    <row r="239" spans="4:22" x14ac:dyDescent="0.2">
      <c r="D239" s="1"/>
      <c r="E239" s="1"/>
      <c r="F239" s="1"/>
      <c r="G239" s="1"/>
      <c r="H239" s="1"/>
      <c r="I239" s="1"/>
      <c r="J239" s="1"/>
      <c r="K239" s="1"/>
      <c r="L239" s="1"/>
      <c r="M239" s="1"/>
      <c r="N239" s="1"/>
      <c r="O239" s="1"/>
      <c r="P239" s="1"/>
      <c r="Q239" s="1"/>
      <c r="R239" s="1"/>
      <c r="S239" s="1"/>
      <c r="T239" s="1"/>
      <c r="U239" s="1"/>
      <c r="V239" s="1"/>
    </row>
    <row r="240" spans="4:22" x14ac:dyDescent="0.2">
      <c r="D240" s="1"/>
      <c r="E240" s="1"/>
      <c r="F240" s="1"/>
      <c r="G240" s="1"/>
      <c r="H240" s="1"/>
      <c r="I240" s="1"/>
      <c r="J240" s="1"/>
      <c r="K240" s="1"/>
      <c r="L240" s="1"/>
      <c r="M240" s="1"/>
      <c r="N240" s="1"/>
      <c r="O240" s="1"/>
      <c r="P240" s="1"/>
      <c r="Q240" s="1"/>
      <c r="R240" s="1"/>
      <c r="S240" s="1"/>
      <c r="T240" s="1"/>
      <c r="U240" s="1"/>
      <c r="V240" s="1"/>
    </row>
    <row r="241" spans="4:22" x14ac:dyDescent="0.2">
      <c r="D241" s="1"/>
      <c r="E241" s="1"/>
      <c r="F241" s="1"/>
      <c r="G241" s="1"/>
      <c r="H241" s="1"/>
      <c r="I241" s="1"/>
      <c r="J241" s="1"/>
      <c r="K241" s="1"/>
      <c r="L241" s="1"/>
      <c r="M241" s="1"/>
      <c r="N241" s="1"/>
      <c r="O241" s="1"/>
      <c r="P241" s="1"/>
      <c r="Q241" s="1"/>
      <c r="R241" s="1"/>
      <c r="S241" s="1"/>
      <c r="T241" s="1"/>
      <c r="U241" s="1"/>
      <c r="V241" s="1"/>
    </row>
    <row r="242" spans="4:22" x14ac:dyDescent="0.2">
      <c r="D242" s="1"/>
      <c r="E242" s="1"/>
      <c r="F242" s="1"/>
      <c r="G242" s="1"/>
      <c r="H242" s="1"/>
      <c r="I242" s="1"/>
      <c r="J242" s="1"/>
      <c r="K242" s="1"/>
      <c r="L242" s="1"/>
      <c r="M242" s="1"/>
      <c r="N242" s="1"/>
      <c r="O242" s="1"/>
      <c r="P242" s="1"/>
      <c r="Q242" s="1"/>
      <c r="R242" s="1"/>
      <c r="S242" s="1"/>
      <c r="T242" s="1"/>
      <c r="U242" s="1"/>
      <c r="V242" s="1"/>
    </row>
    <row r="243" spans="4:22" x14ac:dyDescent="0.2">
      <c r="D243" s="1"/>
      <c r="E243" s="1"/>
      <c r="F243" s="1"/>
      <c r="G243" s="1"/>
      <c r="H243" s="1"/>
      <c r="I243" s="1"/>
      <c r="J243" s="1"/>
      <c r="K243" s="1"/>
      <c r="L243" s="1"/>
      <c r="M243" s="1"/>
      <c r="N243" s="1"/>
      <c r="O243" s="1"/>
      <c r="P243" s="1"/>
      <c r="Q243" s="1"/>
      <c r="R243" s="1"/>
      <c r="S243" s="1"/>
      <c r="T243" s="1"/>
      <c r="U243" s="1"/>
      <c r="V243" s="1"/>
    </row>
    <row r="244" spans="4:22" x14ac:dyDescent="0.2">
      <c r="D244" s="1"/>
      <c r="E244" s="1"/>
      <c r="F244" s="1"/>
      <c r="G244" s="1"/>
      <c r="H244" s="1"/>
      <c r="I244" s="1"/>
      <c r="J244" s="1"/>
      <c r="K244" s="1"/>
      <c r="L244" s="1"/>
      <c r="M244" s="1"/>
      <c r="N244" s="1"/>
      <c r="O244" s="1"/>
      <c r="P244" s="1"/>
      <c r="Q244" s="1"/>
      <c r="R244" s="1"/>
      <c r="S244" s="1"/>
      <c r="T244" s="1"/>
      <c r="U244" s="1"/>
      <c r="V244" s="1"/>
    </row>
    <row r="245" spans="4:22" x14ac:dyDescent="0.2">
      <c r="D245" s="1"/>
      <c r="E245" s="1"/>
      <c r="F245" s="1"/>
      <c r="G245" s="1"/>
      <c r="H245" s="1"/>
      <c r="I245" s="1"/>
      <c r="J245" s="1"/>
      <c r="K245" s="1"/>
      <c r="L245" s="1"/>
      <c r="M245" s="1"/>
      <c r="N245" s="1"/>
      <c r="O245" s="1"/>
      <c r="P245" s="1"/>
      <c r="Q245" s="1"/>
      <c r="R245" s="1"/>
      <c r="S245" s="1"/>
      <c r="T245" s="1"/>
      <c r="U245" s="1"/>
      <c r="V245" s="1"/>
    </row>
    <row r="246" spans="4:22" x14ac:dyDescent="0.2">
      <c r="D246" s="1"/>
      <c r="E246" s="1"/>
      <c r="F246" s="1"/>
      <c r="G246" s="1"/>
      <c r="H246" s="1"/>
      <c r="I246" s="1"/>
      <c r="J246" s="1"/>
      <c r="K246" s="1"/>
      <c r="L246" s="1"/>
      <c r="M246" s="1"/>
      <c r="N246" s="1"/>
      <c r="O246" s="1"/>
      <c r="P246" s="1"/>
      <c r="Q246" s="1"/>
      <c r="R246" s="1"/>
      <c r="S246" s="1"/>
      <c r="T246" s="1"/>
      <c r="U246" s="1"/>
      <c r="V246" s="1"/>
    </row>
    <row r="247" spans="4:22" x14ac:dyDescent="0.2">
      <c r="D247" s="1"/>
      <c r="E247" s="1"/>
      <c r="F247" s="1"/>
      <c r="G247" s="1"/>
      <c r="H247" s="1"/>
      <c r="I247" s="1"/>
      <c r="J247" s="1"/>
      <c r="K247" s="1"/>
      <c r="L247" s="1"/>
      <c r="M247" s="1"/>
      <c r="N247" s="1"/>
      <c r="O247" s="1"/>
      <c r="P247" s="1"/>
      <c r="Q247" s="1"/>
      <c r="R247" s="1"/>
      <c r="S247" s="1"/>
      <c r="T247" s="1"/>
      <c r="U247" s="1"/>
      <c r="V247" s="1"/>
    </row>
    <row r="248" spans="4:22" x14ac:dyDescent="0.2">
      <c r="D248" s="1"/>
      <c r="E248" s="1"/>
      <c r="F248" s="1"/>
      <c r="G248" s="1"/>
      <c r="H248" s="1"/>
      <c r="I248" s="1"/>
      <c r="J248" s="1"/>
      <c r="K248" s="1"/>
      <c r="L248" s="1"/>
      <c r="M248" s="1"/>
      <c r="N248" s="1"/>
      <c r="O248" s="1"/>
      <c r="P248" s="1"/>
      <c r="Q248" s="1"/>
      <c r="R248" s="1"/>
      <c r="S248" s="1"/>
      <c r="T248" s="1"/>
      <c r="U248" s="1"/>
      <c r="V248" s="1"/>
    </row>
    <row r="249" spans="4:22" x14ac:dyDescent="0.2">
      <c r="D249" s="1"/>
      <c r="E249" s="1"/>
      <c r="F249" s="1"/>
      <c r="G249" s="1"/>
      <c r="H249" s="1"/>
      <c r="I249" s="1"/>
      <c r="J249" s="1"/>
      <c r="K249" s="1"/>
      <c r="L249" s="1"/>
      <c r="M249" s="1"/>
      <c r="N249" s="1"/>
      <c r="O249" s="1"/>
      <c r="P249" s="1"/>
      <c r="Q249" s="1"/>
      <c r="R249" s="1"/>
      <c r="S249" s="1"/>
      <c r="T249" s="1"/>
      <c r="U249" s="1"/>
      <c r="V249" s="1"/>
    </row>
    <row r="250" spans="4:22" x14ac:dyDescent="0.2">
      <c r="D250" s="1"/>
      <c r="E250" s="1"/>
      <c r="F250" s="1"/>
      <c r="G250" s="1"/>
      <c r="H250" s="1"/>
      <c r="I250" s="1"/>
      <c r="J250" s="1"/>
      <c r="K250" s="1"/>
      <c r="L250" s="1"/>
      <c r="M250" s="1"/>
      <c r="N250" s="1"/>
      <c r="O250" s="1"/>
      <c r="P250" s="1"/>
      <c r="Q250" s="1"/>
      <c r="R250" s="1"/>
      <c r="S250" s="1"/>
      <c r="T250" s="1"/>
      <c r="U250" s="1"/>
      <c r="V250" s="1"/>
    </row>
    <row r="251" spans="4:22" x14ac:dyDescent="0.2">
      <c r="D251" s="1"/>
      <c r="E251" s="1"/>
      <c r="F251" s="1"/>
      <c r="G251" s="1"/>
      <c r="H251" s="1"/>
      <c r="I251" s="1"/>
      <c r="J251" s="1"/>
      <c r="K251" s="1"/>
      <c r="L251" s="1"/>
      <c r="M251" s="1"/>
      <c r="N251" s="1"/>
      <c r="O251" s="1"/>
      <c r="P251" s="1"/>
      <c r="Q251" s="1"/>
      <c r="R251" s="1"/>
      <c r="S251" s="1"/>
      <c r="T251" s="1"/>
      <c r="U251" s="1"/>
      <c r="V251" s="1"/>
    </row>
    <row r="252" spans="4:22" x14ac:dyDescent="0.2">
      <c r="D252" s="1"/>
      <c r="E252" s="1"/>
      <c r="F252" s="1"/>
      <c r="G252" s="1"/>
      <c r="H252" s="1"/>
      <c r="I252" s="1"/>
      <c r="J252" s="1"/>
      <c r="K252" s="1"/>
      <c r="L252" s="1"/>
      <c r="M252" s="1"/>
      <c r="N252" s="1"/>
      <c r="O252" s="1"/>
      <c r="P252" s="1"/>
      <c r="Q252" s="1"/>
      <c r="R252" s="1"/>
      <c r="S252" s="1"/>
      <c r="T252" s="1"/>
      <c r="U252" s="1"/>
      <c r="V252" s="1"/>
    </row>
    <row r="253" spans="4:22" x14ac:dyDescent="0.2">
      <c r="D253" s="1"/>
      <c r="E253" s="1"/>
      <c r="F253" s="1"/>
      <c r="G253" s="1"/>
      <c r="H253" s="1"/>
      <c r="I253" s="1"/>
      <c r="J253" s="1"/>
      <c r="K253" s="1"/>
      <c r="L253" s="1"/>
      <c r="M253" s="1"/>
      <c r="N253" s="1"/>
      <c r="O253" s="1"/>
      <c r="P253" s="1"/>
      <c r="Q253" s="1"/>
      <c r="R253" s="1"/>
      <c r="S253" s="1"/>
      <c r="T253" s="1"/>
      <c r="U253" s="1"/>
      <c r="V253" s="1"/>
    </row>
    <row r="254" spans="4:22" x14ac:dyDescent="0.2">
      <c r="D254" s="1"/>
      <c r="E254" s="1"/>
      <c r="F254" s="1"/>
      <c r="G254" s="1"/>
      <c r="H254" s="1"/>
      <c r="I254" s="1"/>
      <c r="J254" s="1"/>
      <c r="K254" s="1"/>
      <c r="L254" s="1"/>
      <c r="M254" s="1"/>
      <c r="N254" s="1"/>
      <c r="O254" s="1"/>
      <c r="P254" s="1"/>
      <c r="Q254" s="1"/>
      <c r="R254" s="1"/>
      <c r="S254" s="1"/>
      <c r="T254" s="1"/>
      <c r="U254" s="1"/>
      <c r="V254" s="1"/>
    </row>
    <row r="255" spans="4:22" x14ac:dyDescent="0.2">
      <c r="D255" s="1"/>
      <c r="E255" s="1"/>
      <c r="F255" s="1"/>
      <c r="G255" s="1"/>
      <c r="H255" s="1"/>
      <c r="I255" s="1"/>
      <c r="J255" s="1"/>
      <c r="K255" s="1"/>
      <c r="L255" s="1"/>
      <c r="M255" s="1"/>
      <c r="N255" s="1"/>
      <c r="O255" s="1"/>
      <c r="P255" s="1"/>
      <c r="Q255" s="1"/>
      <c r="R255" s="1"/>
      <c r="S255" s="1"/>
      <c r="T255" s="1"/>
      <c r="U255" s="1"/>
      <c r="V255" s="1"/>
    </row>
    <row r="256" spans="4:22" x14ac:dyDescent="0.2">
      <c r="D256" s="1"/>
      <c r="E256" s="1"/>
      <c r="F256" s="1"/>
      <c r="G256" s="1"/>
      <c r="H256" s="1"/>
      <c r="I256" s="1"/>
      <c r="J256" s="1"/>
      <c r="K256" s="1"/>
      <c r="L256" s="1"/>
      <c r="M256" s="1"/>
      <c r="N256" s="1"/>
      <c r="O256" s="1"/>
      <c r="P256" s="1"/>
      <c r="Q256" s="1"/>
      <c r="R256" s="1"/>
      <c r="S256" s="1"/>
      <c r="T256" s="1"/>
      <c r="U256" s="1"/>
      <c r="V256" s="1"/>
    </row>
    <row r="257" spans="4:22" x14ac:dyDescent="0.2">
      <c r="D257" s="1"/>
      <c r="E257" s="1"/>
      <c r="F257" s="1"/>
      <c r="G257" s="1"/>
      <c r="H257" s="1"/>
      <c r="I257" s="1"/>
      <c r="J257" s="1"/>
      <c r="K257" s="1"/>
      <c r="L257" s="1"/>
      <c r="M257" s="1"/>
      <c r="N257" s="1"/>
      <c r="O257" s="1"/>
      <c r="P257" s="1"/>
      <c r="Q257" s="1"/>
      <c r="R257" s="1"/>
      <c r="S257" s="1"/>
      <c r="T257" s="1"/>
      <c r="U257" s="1"/>
      <c r="V257" s="1"/>
    </row>
    <row r="258" spans="4:22" x14ac:dyDescent="0.2">
      <c r="D258" s="1"/>
      <c r="E258" s="1"/>
      <c r="F258" s="1"/>
      <c r="G258" s="1"/>
      <c r="H258" s="1"/>
      <c r="I258" s="1"/>
      <c r="J258" s="1"/>
      <c r="K258" s="1"/>
      <c r="L258" s="1"/>
      <c r="M258" s="1"/>
      <c r="N258" s="1"/>
      <c r="O258" s="1"/>
      <c r="P258" s="1"/>
      <c r="Q258" s="1"/>
      <c r="R258" s="1"/>
      <c r="S258" s="1"/>
      <c r="T258" s="1"/>
      <c r="U258" s="1"/>
      <c r="V258" s="1"/>
    </row>
    <row r="259" spans="4:22" x14ac:dyDescent="0.2">
      <c r="D259" s="1"/>
      <c r="E259" s="1"/>
      <c r="F259" s="1"/>
      <c r="G259" s="1"/>
      <c r="H259" s="1"/>
      <c r="I259" s="1"/>
      <c r="J259" s="1"/>
      <c r="K259" s="1"/>
      <c r="L259" s="1"/>
      <c r="M259" s="1"/>
      <c r="N259" s="1"/>
      <c r="O259" s="1"/>
      <c r="P259" s="1"/>
      <c r="Q259" s="1"/>
      <c r="R259" s="1"/>
      <c r="S259" s="1"/>
      <c r="T259" s="1"/>
      <c r="U259" s="1"/>
      <c r="V259" s="1"/>
    </row>
    <row r="260" spans="4:22" x14ac:dyDescent="0.2">
      <c r="D260" s="1"/>
      <c r="E260" s="1"/>
      <c r="F260" s="1"/>
      <c r="G260" s="1"/>
      <c r="H260" s="1"/>
      <c r="I260" s="1"/>
      <c r="J260" s="1"/>
      <c r="K260" s="1"/>
      <c r="L260" s="1"/>
      <c r="M260" s="1"/>
      <c r="N260" s="1"/>
      <c r="O260" s="1"/>
      <c r="P260" s="1"/>
      <c r="Q260" s="1"/>
      <c r="R260" s="1"/>
      <c r="S260" s="1"/>
      <c r="T260" s="1"/>
      <c r="U260" s="1"/>
      <c r="V260" s="1"/>
    </row>
    <row r="261" spans="4:22" x14ac:dyDescent="0.2">
      <c r="D261" s="1"/>
      <c r="E261" s="1"/>
      <c r="F261" s="1"/>
      <c r="G261" s="1"/>
      <c r="H261" s="1"/>
      <c r="I261" s="1"/>
      <c r="J261" s="1"/>
      <c r="K261" s="1"/>
      <c r="L261" s="1"/>
      <c r="M261" s="1"/>
      <c r="N261" s="1"/>
      <c r="O261" s="1"/>
      <c r="P261" s="1"/>
      <c r="Q261" s="1"/>
      <c r="R261" s="1"/>
      <c r="S261" s="1"/>
      <c r="T261" s="1"/>
      <c r="U261" s="1"/>
      <c r="V261" s="1"/>
    </row>
    <row r="262" spans="4:22" x14ac:dyDescent="0.2">
      <c r="D262" s="1"/>
      <c r="E262" s="1"/>
      <c r="F262" s="1"/>
      <c r="G262" s="1"/>
      <c r="H262" s="1"/>
      <c r="I262" s="1"/>
      <c r="J262" s="1"/>
      <c r="K262" s="1"/>
      <c r="L262" s="1"/>
      <c r="M262" s="1"/>
      <c r="N262" s="1"/>
      <c r="O262" s="1"/>
      <c r="P262" s="1"/>
      <c r="Q262" s="1"/>
      <c r="R262" s="1"/>
      <c r="S262" s="1"/>
      <c r="T262" s="1"/>
      <c r="U262" s="1"/>
      <c r="V262" s="1"/>
    </row>
    <row r="263" spans="4:22" x14ac:dyDescent="0.2">
      <c r="D263" s="1"/>
      <c r="E263" s="1"/>
      <c r="F263" s="1"/>
      <c r="G263" s="1"/>
      <c r="H263" s="1"/>
      <c r="I263" s="1"/>
      <c r="J263" s="1"/>
      <c r="K263" s="1"/>
      <c r="L263" s="1"/>
      <c r="M263" s="1"/>
      <c r="N263" s="1"/>
      <c r="O263" s="1"/>
      <c r="P263" s="1"/>
      <c r="Q263" s="1"/>
      <c r="R263" s="1"/>
      <c r="S263" s="1"/>
      <c r="T263" s="1"/>
      <c r="U263" s="1"/>
      <c r="V263" s="1"/>
    </row>
    <row r="264" spans="4:22" x14ac:dyDescent="0.2">
      <c r="D264" s="1"/>
      <c r="E264" s="1"/>
      <c r="F264" s="1"/>
      <c r="G264" s="1"/>
      <c r="H264" s="1"/>
      <c r="I264" s="1"/>
      <c r="J264" s="1"/>
      <c r="K264" s="1"/>
      <c r="L264" s="1"/>
      <c r="M264" s="1"/>
      <c r="N264" s="1"/>
      <c r="O264" s="1"/>
      <c r="P264" s="1"/>
      <c r="Q264" s="1"/>
      <c r="R264" s="1"/>
      <c r="S264" s="1"/>
      <c r="T264" s="1"/>
      <c r="U264" s="1"/>
      <c r="V264" s="1"/>
    </row>
    <row r="265" spans="4:22" x14ac:dyDescent="0.2">
      <c r="D265" s="1"/>
      <c r="E265" s="1"/>
      <c r="F265" s="1"/>
      <c r="G265" s="1"/>
      <c r="H265" s="1"/>
      <c r="I265" s="1"/>
      <c r="J265" s="1"/>
      <c r="K265" s="1"/>
      <c r="L265" s="1"/>
      <c r="M265" s="1"/>
      <c r="N265" s="1"/>
      <c r="O265" s="1"/>
      <c r="P265" s="1"/>
      <c r="Q265" s="1"/>
      <c r="R265" s="1"/>
      <c r="S265" s="1"/>
      <c r="T265" s="1"/>
      <c r="U265" s="1"/>
      <c r="V265" s="1"/>
    </row>
    <row r="266" spans="4:22" x14ac:dyDescent="0.2">
      <c r="D266" s="1"/>
      <c r="E266" s="1"/>
      <c r="F266" s="1"/>
      <c r="G266" s="1"/>
      <c r="H266" s="1"/>
      <c r="I266" s="1"/>
      <c r="J266" s="1"/>
      <c r="K266" s="1"/>
      <c r="L266" s="1"/>
      <c r="M266" s="1"/>
      <c r="N266" s="1"/>
      <c r="O266" s="1"/>
      <c r="P266" s="1"/>
      <c r="Q266" s="1"/>
      <c r="R266" s="1"/>
      <c r="S266" s="1"/>
      <c r="T266" s="1"/>
      <c r="U266" s="1"/>
      <c r="V266" s="1"/>
    </row>
    <row r="267" spans="4:22" x14ac:dyDescent="0.2">
      <c r="D267" s="1"/>
      <c r="E267" s="1"/>
      <c r="F267" s="1"/>
      <c r="G267" s="1"/>
      <c r="H267" s="1"/>
      <c r="I267" s="1"/>
      <c r="J267" s="1"/>
      <c r="K267" s="1"/>
      <c r="L267" s="1"/>
      <c r="M267" s="1"/>
      <c r="N267" s="1"/>
      <c r="O267" s="1"/>
      <c r="P267" s="1"/>
      <c r="Q267" s="1"/>
      <c r="R267" s="1"/>
      <c r="S267" s="1"/>
      <c r="T267" s="1"/>
      <c r="U267" s="1"/>
      <c r="V267" s="1"/>
    </row>
    <row r="268" spans="4:22" x14ac:dyDescent="0.2">
      <c r="D268" s="1"/>
      <c r="E268" s="1"/>
      <c r="F268" s="1"/>
      <c r="G268" s="1"/>
      <c r="H268" s="1"/>
      <c r="I268" s="1"/>
      <c r="J268" s="1"/>
      <c r="K268" s="1"/>
      <c r="L268" s="1"/>
      <c r="M268" s="1"/>
      <c r="N268" s="1"/>
      <c r="O268" s="1"/>
      <c r="P268" s="1"/>
      <c r="Q268" s="1"/>
      <c r="R268" s="1"/>
      <c r="S268" s="1"/>
      <c r="T268" s="1"/>
      <c r="U268" s="1"/>
      <c r="V268" s="1"/>
    </row>
    <row r="269" spans="4:22" x14ac:dyDescent="0.2">
      <c r="D269" s="1"/>
      <c r="E269" s="1"/>
      <c r="F269" s="1"/>
      <c r="G269" s="1"/>
      <c r="H269" s="1"/>
      <c r="I269" s="1"/>
      <c r="J269" s="1"/>
      <c r="K269" s="1"/>
      <c r="L269" s="1"/>
      <c r="M269" s="1"/>
      <c r="N269" s="1"/>
      <c r="O269" s="1"/>
      <c r="P269" s="1"/>
      <c r="Q269" s="1"/>
      <c r="R269" s="1"/>
      <c r="S269" s="1"/>
      <c r="T269" s="1"/>
      <c r="U269" s="1"/>
      <c r="V269" s="1"/>
    </row>
    <row r="270" spans="4:22" x14ac:dyDescent="0.2">
      <c r="D270" s="1"/>
      <c r="E270" s="1"/>
      <c r="F270" s="1"/>
      <c r="G270" s="1"/>
      <c r="H270" s="1"/>
      <c r="I270" s="1"/>
      <c r="J270" s="1"/>
      <c r="K270" s="1"/>
      <c r="L270" s="1"/>
      <c r="M270" s="1"/>
      <c r="N270" s="1"/>
      <c r="O270" s="1"/>
      <c r="P270" s="1"/>
      <c r="Q270" s="1"/>
      <c r="R270" s="1"/>
      <c r="S270" s="1"/>
      <c r="T270" s="1"/>
      <c r="U270" s="1"/>
      <c r="V270" s="1"/>
    </row>
    <row r="271" spans="4:22" x14ac:dyDescent="0.2">
      <c r="D271" s="1"/>
      <c r="E271" s="1"/>
      <c r="F271" s="1"/>
      <c r="G271" s="1"/>
      <c r="H271" s="1"/>
      <c r="I271" s="1"/>
      <c r="J271" s="1"/>
      <c r="K271" s="1"/>
      <c r="L271" s="1"/>
      <c r="M271" s="1"/>
      <c r="N271" s="1"/>
      <c r="O271" s="1"/>
      <c r="P271" s="1"/>
      <c r="Q271" s="1"/>
      <c r="R271" s="1"/>
      <c r="S271" s="1"/>
      <c r="T271" s="1"/>
      <c r="U271" s="1"/>
      <c r="V271" s="1"/>
    </row>
    <row r="272" spans="4:22" x14ac:dyDescent="0.2">
      <c r="D272" s="1"/>
      <c r="E272" s="1"/>
      <c r="F272" s="1"/>
      <c r="G272" s="1"/>
      <c r="H272" s="1"/>
      <c r="I272" s="1"/>
      <c r="J272" s="1"/>
      <c r="K272" s="1"/>
      <c r="L272" s="1"/>
      <c r="M272" s="1"/>
      <c r="N272" s="1"/>
      <c r="O272" s="1"/>
      <c r="P272" s="1"/>
      <c r="Q272" s="1"/>
      <c r="R272" s="1"/>
      <c r="S272" s="1"/>
      <c r="T272" s="1"/>
      <c r="U272" s="1"/>
      <c r="V272" s="1"/>
    </row>
    <row r="273" spans="4:22" x14ac:dyDescent="0.2">
      <c r="D273" s="1"/>
      <c r="E273" s="1"/>
      <c r="F273" s="1"/>
      <c r="G273" s="1"/>
      <c r="H273" s="1"/>
      <c r="I273" s="1"/>
      <c r="J273" s="1"/>
      <c r="K273" s="1"/>
      <c r="L273" s="1"/>
      <c r="M273" s="1"/>
      <c r="N273" s="1"/>
      <c r="O273" s="1"/>
      <c r="P273" s="1"/>
      <c r="Q273" s="1"/>
      <c r="R273" s="1"/>
      <c r="S273" s="1"/>
      <c r="T273" s="1"/>
      <c r="U273" s="1"/>
      <c r="V273" s="1"/>
    </row>
    <row r="274" spans="4:22" x14ac:dyDescent="0.2">
      <c r="D274" s="1"/>
      <c r="E274" s="1"/>
      <c r="F274" s="1"/>
      <c r="G274" s="1"/>
      <c r="H274" s="1"/>
      <c r="I274" s="1"/>
      <c r="J274" s="1"/>
      <c r="K274" s="1"/>
      <c r="L274" s="1"/>
      <c r="M274" s="1"/>
      <c r="N274" s="1"/>
      <c r="O274" s="1"/>
      <c r="P274" s="1"/>
      <c r="Q274" s="1"/>
      <c r="R274" s="1"/>
      <c r="S274" s="1"/>
      <c r="T274" s="1"/>
      <c r="U274" s="1"/>
      <c r="V274" s="1"/>
    </row>
    <row r="275" spans="4:22" x14ac:dyDescent="0.2">
      <c r="D275" s="1"/>
      <c r="E275" s="1"/>
      <c r="F275" s="1"/>
      <c r="G275" s="1"/>
      <c r="H275" s="1"/>
      <c r="I275" s="1"/>
      <c r="J275" s="1"/>
      <c r="K275" s="1"/>
      <c r="L275" s="1"/>
      <c r="M275" s="1"/>
      <c r="N275" s="1"/>
      <c r="O275" s="1"/>
      <c r="P275" s="1"/>
      <c r="Q275" s="1"/>
      <c r="R275" s="1"/>
      <c r="S275" s="1"/>
      <c r="T275" s="1"/>
      <c r="U275" s="1"/>
      <c r="V275" s="1"/>
    </row>
    <row r="276" spans="4:22" x14ac:dyDescent="0.2">
      <c r="D276" s="1"/>
      <c r="E276" s="1"/>
      <c r="F276" s="1"/>
      <c r="G276" s="1"/>
      <c r="H276" s="1"/>
      <c r="I276" s="1"/>
      <c r="J276" s="1"/>
      <c r="K276" s="1"/>
      <c r="L276" s="1"/>
      <c r="M276" s="1"/>
      <c r="N276" s="1"/>
      <c r="O276" s="1"/>
      <c r="P276" s="1"/>
      <c r="Q276" s="1"/>
      <c r="R276" s="1"/>
      <c r="S276" s="1"/>
      <c r="T276" s="1"/>
      <c r="U276" s="1"/>
      <c r="V276" s="1"/>
    </row>
    <row r="277" spans="4:22" x14ac:dyDescent="0.2">
      <c r="D277" s="1"/>
      <c r="E277" s="1"/>
      <c r="F277" s="1"/>
      <c r="G277" s="1"/>
      <c r="H277" s="1"/>
      <c r="I277" s="1"/>
      <c r="J277" s="1"/>
      <c r="K277" s="1"/>
      <c r="L277" s="1"/>
      <c r="M277" s="1"/>
      <c r="N277" s="1"/>
      <c r="O277" s="1"/>
      <c r="P277" s="1"/>
      <c r="Q277" s="1"/>
      <c r="R277" s="1"/>
      <c r="S277" s="1"/>
      <c r="T277" s="1"/>
      <c r="U277" s="1"/>
      <c r="V277" s="1"/>
    </row>
    <row r="278" spans="4:22" x14ac:dyDescent="0.2">
      <c r="D278" s="1"/>
      <c r="E278" s="1"/>
      <c r="F278" s="1"/>
      <c r="G278" s="1"/>
      <c r="H278" s="1"/>
      <c r="I278" s="1"/>
      <c r="J278" s="1"/>
      <c r="K278" s="1"/>
      <c r="L278" s="1"/>
      <c r="M278" s="1"/>
      <c r="N278" s="1"/>
      <c r="O278" s="1"/>
      <c r="P278" s="1"/>
      <c r="Q278" s="1"/>
      <c r="R278" s="1"/>
      <c r="S278" s="1"/>
      <c r="T278" s="1"/>
      <c r="U278" s="1"/>
      <c r="V278" s="1"/>
    </row>
    <row r="279" spans="4:22" x14ac:dyDescent="0.2">
      <c r="D279" s="1"/>
      <c r="E279" s="1"/>
      <c r="F279" s="1"/>
      <c r="G279" s="1"/>
      <c r="H279" s="1"/>
      <c r="I279" s="1"/>
      <c r="J279" s="1"/>
      <c r="K279" s="1"/>
      <c r="L279" s="1"/>
      <c r="M279" s="1"/>
      <c r="N279" s="1"/>
      <c r="O279" s="1"/>
      <c r="P279" s="1"/>
      <c r="Q279" s="1"/>
      <c r="R279" s="1"/>
      <c r="S279" s="1"/>
      <c r="T279" s="1"/>
      <c r="U279" s="1"/>
      <c r="V279" s="1"/>
    </row>
    <row r="280" spans="4:22" x14ac:dyDescent="0.2">
      <c r="D280" s="1"/>
      <c r="E280" s="1"/>
      <c r="F280" s="1"/>
      <c r="G280" s="1"/>
      <c r="H280" s="1"/>
      <c r="I280" s="1"/>
      <c r="J280" s="1"/>
      <c r="K280" s="1"/>
      <c r="L280" s="1"/>
      <c r="M280" s="1"/>
      <c r="N280" s="1"/>
      <c r="O280" s="1"/>
      <c r="P280" s="1"/>
      <c r="Q280" s="1"/>
      <c r="R280" s="1"/>
      <c r="S280" s="1"/>
      <c r="T280" s="1"/>
      <c r="U280" s="1"/>
      <c r="V280" s="1"/>
    </row>
    <row r="281" spans="4:22" x14ac:dyDescent="0.2">
      <c r="D281" s="1"/>
      <c r="E281" s="1"/>
      <c r="F281" s="1"/>
      <c r="G281" s="1"/>
      <c r="H281" s="1"/>
      <c r="I281" s="1"/>
      <c r="J281" s="1"/>
      <c r="K281" s="1"/>
      <c r="L281" s="1"/>
      <c r="M281" s="1"/>
      <c r="N281" s="1"/>
      <c r="O281" s="1"/>
      <c r="P281" s="1"/>
      <c r="Q281" s="1"/>
      <c r="R281" s="1"/>
      <c r="S281" s="1"/>
      <c r="T281" s="1"/>
      <c r="U281" s="1"/>
      <c r="V281" s="1"/>
    </row>
    <row r="282" spans="4:22" x14ac:dyDescent="0.2">
      <c r="D282" s="1"/>
      <c r="E282" s="1"/>
      <c r="F282" s="1"/>
      <c r="G282" s="1"/>
      <c r="H282" s="1"/>
      <c r="I282" s="1"/>
      <c r="J282" s="1"/>
      <c r="K282" s="1"/>
      <c r="L282" s="1"/>
      <c r="M282" s="1"/>
      <c r="N282" s="1"/>
      <c r="O282" s="1"/>
      <c r="P282" s="1"/>
      <c r="Q282" s="1"/>
      <c r="R282" s="1"/>
      <c r="S282" s="1"/>
      <c r="T282" s="1"/>
      <c r="U282" s="1"/>
      <c r="V282" s="1"/>
    </row>
    <row r="283" spans="4:22" x14ac:dyDescent="0.2">
      <c r="D283" s="1"/>
      <c r="E283" s="1"/>
      <c r="F283" s="1"/>
      <c r="G283" s="1"/>
      <c r="H283" s="1"/>
      <c r="I283" s="1"/>
      <c r="J283" s="1"/>
      <c r="K283" s="1"/>
      <c r="L283" s="1"/>
      <c r="M283" s="1"/>
      <c r="N283" s="1"/>
      <c r="O283" s="1"/>
      <c r="P283" s="1"/>
      <c r="Q283" s="1"/>
      <c r="R283" s="1"/>
      <c r="S283" s="1"/>
      <c r="T283" s="1"/>
      <c r="U283" s="1"/>
      <c r="V283" s="1"/>
    </row>
    <row r="284" spans="4:22" x14ac:dyDescent="0.2">
      <c r="D284" s="1"/>
      <c r="E284" s="1"/>
      <c r="F284" s="1"/>
      <c r="G284" s="1"/>
      <c r="H284" s="1"/>
      <c r="I284" s="1"/>
      <c r="J284" s="1"/>
      <c r="K284" s="1"/>
      <c r="L284" s="1"/>
      <c r="M284" s="1"/>
      <c r="N284" s="1"/>
      <c r="O284" s="1"/>
      <c r="P284" s="1"/>
      <c r="Q284" s="1"/>
      <c r="R284" s="1"/>
      <c r="S284" s="1"/>
      <c r="T284" s="1"/>
      <c r="U284" s="1"/>
      <c r="V284" s="1"/>
    </row>
    <row r="285" spans="4:22" x14ac:dyDescent="0.2">
      <c r="D285" s="1"/>
      <c r="E285" s="1"/>
      <c r="F285" s="1"/>
      <c r="G285" s="1"/>
      <c r="H285" s="1"/>
      <c r="I285" s="1"/>
      <c r="J285" s="1"/>
      <c r="K285" s="1"/>
      <c r="L285" s="1"/>
      <c r="M285" s="1"/>
      <c r="N285" s="1"/>
      <c r="O285" s="1"/>
      <c r="P285" s="1"/>
      <c r="Q285" s="1"/>
      <c r="R285" s="1"/>
      <c r="S285" s="1"/>
      <c r="T285" s="1"/>
      <c r="U285" s="1"/>
      <c r="V285" s="1"/>
    </row>
    <row r="286" spans="4:22" x14ac:dyDescent="0.2">
      <c r="D286" s="1"/>
      <c r="E286" s="1"/>
      <c r="F286" s="1"/>
      <c r="G286" s="1"/>
      <c r="H286" s="1"/>
      <c r="I286" s="1"/>
      <c r="J286" s="1"/>
      <c r="K286" s="1"/>
      <c r="L286" s="1"/>
      <c r="M286" s="1"/>
      <c r="N286" s="1"/>
      <c r="O286" s="1"/>
      <c r="P286" s="1"/>
      <c r="Q286" s="1"/>
      <c r="R286" s="1"/>
      <c r="S286" s="1"/>
      <c r="T286" s="1"/>
      <c r="U286" s="1"/>
      <c r="V286" s="1"/>
    </row>
    <row r="287" spans="4:22" x14ac:dyDescent="0.2">
      <c r="D287" s="1"/>
      <c r="E287" s="1"/>
      <c r="F287" s="1"/>
      <c r="G287" s="1"/>
      <c r="H287" s="1"/>
      <c r="I287" s="1"/>
      <c r="J287" s="1"/>
      <c r="K287" s="1"/>
      <c r="L287" s="1"/>
      <c r="M287" s="1"/>
      <c r="N287" s="1"/>
      <c r="O287" s="1"/>
      <c r="P287" s="1"/>
      <c r="Q287" s="1"/>
      <c r="R287" s="1"/>
      <c r="S287" s="1"/>
      <c r="T287" s="1"/>
      <c r="U287" s="1"/>
      <c r="V287" s="1"/>
    </row>
    <row r="288" spans="4:22" x14ac:dyDescent="0.2">
      <c r="D288" s="1"/>
      <c r="E288" s="1"/>
      <c r="F288" s="1"/>
      <c r="G288" s="1"/>
      <c r="H288" s="1"/>
      <c r="I288" s="1"/>
      <c r="J288" s="1"/>
      <c r="K288" s="1"/>
      <c r="L288" s="1"/>
      <c r="M288" s="1"/>
      <c r="N288" s="1"/>
      <c r="O288" s="1"/>
      <c r="P288" s="1"/>
      <c r="Q288" s="1"/>
      <c r="R288" s="1"/>
      <c r="S288" s="1"/>
      <c r="T288" s="1"/>
      <c r="U288" s="1"/>
      <c r="V288" s="1"/>
    </row>
    <row r="289" spans="4:22" x14ac:dyDescent="0.2">
      <c r="D289" s="1"/>
      <c r="E289" s="1"/>
      <c r="F289" s="1"/>
      <c r="G289" s="1"/>
      <c r="H289" s="1"/>
      <c r="I289" s="1"/>
      <c r="J289" s="1"/>
      <c r="K289" s="1"/>
      <c r="L289" s="1"/>
      <c r="M289" s="1"/>
      <c r="N289" s="1"/>
      <c r="O289" s="1"/>
      <c r="P289" s="1"/>
      <c r="Q289" s="1"/>
      <c r="R289" s="1"/>
      <c r="S289" s="1"/>
      <c r="T289" s="1"/>
      <c r="U289" s="1"/>
      <c r="V289" s="1"/>
    </row>
    <row r="290" spans="4:22" x14ac:dyDescent="0.2">
      <c r="D290" s="1"/>
      <c r="E290" s="1"/>
      <c r="F290" s="1"/>
      <c r="G290" s="1"/>
      <c r="H290" s="1"/>
      <c r="I290" s="1"/>
      <c r="J290" s="1"/>
      <c r="K290" s="1"/>
      <c r="L290" s="1"/>
      <c r="M290" s="1"/>
      <c r="N290" s="1"/>
      <c r="O290" s="1"/>
      <c r="P290" s="1"/>
      <c r="Q290" s="1"/>
      <c r="R290" s="1"/>
      <c r="S290" s="1"/>
      <c r="T290" s="1"/>
      <c r="U290" s="1"/>
      <c r="V290" s="1"/>
    </row>
    <row r="291" spans="4:22" x14ac:dyDescent="0.2">
      <c r="D291" s="1"/>
      <c r="E291" s="1"/>
      <c r="F291" s="1"/>
      <c r="G291" s="1"/>
      <c r="H291" s="1"/>
      <c r="I291" s="1"/>
      <c r="J291" s="1"/>
      <c r="K291" s="1"/>
      <c r="L291" s="1"/>
      <c r="M291" s="1"/>
      <c r="N291" s="1"/>
      <c r="O291" s="1"/>
      <c r="P291" s="1"/>
      <c r="Q291" s="1"/>
      <c r="R291" s="1"/>
      <c r="S291" s="1"/>
      <c r="T291" s="1"/>
      <c r="U291" s="1"/>
      <c r="V291" s="1"/>
    </row>
    <row r="292" spans="4:22" x14ac:dyDescent="0.2">
      <c r="D292" s="1"/>
      <c r="E292" s="1"/>
      <c r="F292" s="1"/>
      <c r="G292" s="1"/>
      <c r="H292" s="1"/>
      <c r="I292" s="1"/>
      <c r="J292" s="1"/>
      <c r="K292" s="1"/>
      <c r="L292" s="1"/>
      <c r="M292" s="1"/>
      <c r="N292" s="1"/>
      <c r="O292" s="1"/>
      <c r="P292" s="1"/>
      <c r="Q292" s="1"/>
      <c r="R292" s="1"/>
      <c r="S292" s="1"/>
      <c r="T292" s="1"/>
      <c r="U292" s="1"/>
      <c r="V292" s="1"/>
    </row>
    <row r="293" spans="4:22" x14ac:dyDescent="0.2">
      <c r="D293" s="1"/>
      <c r="E293" s="1"/>
      <c r="F293" s="1"/>
      <c r="G293" s="1"/>
      <c r="H293" s="1"/>
      <c r="I293" s="1"/>
      <c r="J293" s="1"/>
      <c r="K293" s="1"/>
      <c r="L293" s="1"/>
      <c r="M293" s="1"/>
      <c r="N293" s="1"/>
      <c r="O293" s="1"/>
      <c r="P293" s="1"/>
      <c r="Q293" s="1"/>
      <c r="R293" s="1"/>
      <c r="S293" s="1"/>
      <c r="T293" s="1"/>
      <c r="U293" s="1"/>
      <c r="V293" s="1"/>
    </row>
    <row r="294" spans="4:22" x14ac:dyDescent="0.2">
      <c r="D294" s="1"/>
      <c r="E294" s="1"/>
      <c r="F294" s="1"/>
      <c r="G294" s="1"/>
      <c r="H294" s="1"/>
      <c r="I294" s="1"/>
      <c r="J294" s="1"/>
      <c r="K294" s="1"/>
      <c r="L294" s="1"/>
      <c r="M294" s="1"/>
      <c r="N294" s="1"/>
      <c r="O294" s="1"/>
      <c r="P294" s="1"/>
      <c r="Q294" s="1"/>
      <c r="R294" s="1"/>
      <c r="S294" s="1"/>
      <c r="T294" s="1"/>
      <c r="U294" s="1"/>
      <c r="V294" s="1"/>
    </row>
    <row r="295" spans="4:22" x14ac:dyDescent="0.2">
      <c r="D295" s="1"/>
      <c r="E295" s="1"/>
      <c r="F295" s="1"/>
      <c r="G295" s="1"/>
      <c r="H295" s="1"/>
      <c r="I295" s="1"/>
      <c r="J295" s="1"/>
      <c r="K295" s="1"/>
      <c r="L295" s="1"/>
      <c r="M295" s="1"/>
      <c r="N295" s="1"/>
      <c r="O295" s="1"/>
      <c r="P295" s="1"/>
      <c r="Q295" s="1"/>
      <c r="R295" s="1"/>
      <c r="S295" s="1"/>
      <c r="T295" s="1"/>
      <c r="U295" s="1"/>
      <c r="V295" s="1"/>
    </row>
    <row r="296" spans="4:22" x14ac:dyDescent="0.2">
      <c r="D296" s="1"/>
      <c r="E296" s="1"/>
      <c r="F296" s="1"/>
      <c r="G296" s="1"/>
      <c r="H296" s="1"/>
      <c r="I296" s="1"/>
      <c r="J296" s="1"/>
      <c r="K296" s="1"/>
      <c r="L296" s="1"/>
      <c r="M296" s="1"/>
      <c r="N296" s="1"/>
      <c r="O296" s="1"/>
      <c r="P296" s="1"/>
      <c r="Q296" s="1"/>
      <c r="R296" s="1"/>
      <c r="S296" s="1"/>
      <c r="T296" s="1"/>
      <c r="U296" s="1"/>
      <c r="V296" s="1"/>
    </row>
    <row r="297" spans="4:22" x14ac:dyDescent="0.2">
      <c r="D297" s="1"/>
      <c r="E297" s="1"/>
      <c r="F297" s="1"/>
      <c r="G297" s="1"/>
      <c r="H297" s="1"/>
      <c r="I297" s="1"/>
      <c r="J297" s="1"/>
      <c r="K297" s="1"/>
      <c r="L297" s="1"/>
      <c r="M297" s="1"/>
      <c r="N297" s="1"/>
      <c r="O297" s="1"/>
      <c r="P297" s="1"/>
      <c r="Q297" s="1"/>
      <c r="R297" s="1"/>
      <c r="S297" s="1"/>
      <c r="T297" s="1"/>
      <c r="U297" s="1"/>
      <c r="V297" s="1"/>
    </row>
    <row r="298" spans="4:22" x14ac:dyDescent="0.2">
      <c r="D298" s="1"/>
      <c r="E298" s="1"/>
      <c r="F298" s="1"/>
      <c r="G298" s="1"/>
      <c r="H298" s="1"/>
      <c r="I298" s="1"/>
      <c r="J298" s="1"/>
      <c r="K298" s="1"/>
      <c r="L298" s="1"/>
      <c r="M298" s="1"/>
      <c r="N298" s="1"/>
      <c r="O298" s="1"/>
      <c r="P298" s="1"/>
      <c r="Q298" s="1"/>
      <c r="R298" s="1"/>
      <c r="S298" s="1"/>
      <c r="T298" s="1"/>
      <c r="U298" s="1"/>
      <c r="V298" s="1"/>
    </row>
    <row r="299" spans="4:22" x14ac:dyDescent="0.2">
      <c r="D299" s="1"/>
      <c r="E299" s="1"/>
      <c r="F299" s="1"/>
      <c r="G299" s="1"/>
      <c r="H299" s="1"/>
      <c r="I299" s="1"/>
      <c r="J299" s="1"/>
      <c r="K299" s="1"/>
      <c r="L299" s="1"/>
      <c r="M299" s="1"/>
      <c r="N299" s="1"/>
      <c r="O299" s="1"/>
      <c r="P299" s="1"/>
      <c r="Q299" s="1"/>
      <c r="R299" s="1"/>
      <c r="S299" s="1"/>
      <c r="T299" s="1"/>
      <c r="U299" s="1"/>
      <c r="V299" s="1"/>
    </row>
    <row r="300" spans="4:22" x14ac:dyDescent="0.2">
      <c r="D300" s="1"/>
      <c r="E300" s="1"/>
      <c r="F300" s="1"/>
      <c r="G300" s="1"/>
      <c r="H300" s="1"/>
      <c r="I300" s="1"/>
      <c r="J300" s="1"/>
      <c r="K300" s="1"/>
      <c r="L300" s="1"/>
      <c r="M300" s="1"/>
      <c r="N300" s="1"/>
      <c r="O300" s="1"/>
      <c r="P300" s="1"/>
      <c r="Q300" s="1"/>
      <c r="R300" s="1"/>
      <c r="S300" s="1"/>
      <c r="T300" s="1"/>
      <c r="U300" s="1"/>
      <c r="V300" s="1"/>
    </row>
    <row r="301" spans="4:22" x14ac:dyDescent="0.2">
      <c r="D301" s="1"/>
      <c r="E301" s="1"/>
      <c r="F301" s="1"/>
      <c r="G301" s="1"/>
      <c r="H301" s="1"/>
      <c r="I301" s="1"/>
      <c r="J301" s="1"/>
      <c r="K301" s="1"/>
      <c r="L301" s="1"/>
      <c r="M301" s="1"/>
      <c r="N301" s="1"/>
      <c r="O301" s="1"/>
      <c r="P301" s="1"/>
      <c r="Q301" s="1"/>
      <c r="R301" s="1"/>
      <c r="S301" s="1"/>
      <c r="T301" s="1"/>
      <c r="U301" s="1"/>
      <c r="V301" s="1"/>
    </row>
    <row r="302" spans="4:22" x14ac:dyDescent="0.2">
      <c r="D302" s="1"/>
      <c r="E302" s="1"/>
      <c r="F302" s="1"/>
      <c r="G302" s="1"/>
      <c r="H302" s="1"/>
      <c r="I302" s="1"/>
      <c r="J302" s="1"/>
      <c r="K302" s="1"/>
      <c r="L302" s="1"/>
      <c r="M302" s="1"/>
      <c r="N302" s="1"/>
      <c r="O302" s="1"/>
      <c r="P302" s="1"/>
      <c r="Q302" s="1"/>
      <c r="R302" s="1"/>
      <c r="S302" s="1"/>
      <c r="T302" s="1"/>
      <c r="U302" s="1"/>
      <c r="V302" s="1"/>
    </row>
    <row r="303" spans="4:22" x14ac:dyDescent="0.2">
      <c r="D303" s="1"/>
      <c r="E303" s="1"/>
      <c r="F303" s="1"/>
      <c r="G303" s="1"/>
      <c r="H303" s="1"/>
      <c r="I303" s="1"/>
      <c r="J303" s="1"/>
      <c r="K303" s="1"/>
      <c r="L303" s="1"/>
      <c r="M303" s="1"/>
      <c r="N303" s="1"/>
      <c r="O303" s="1"/>
      <c r="P303" s="1"/>
      <c r="Q303" s="1"/>
      <c r="R303" s="1"/>
      <c r="S303" s="1"/>
      <c r="T303" s="1"/>
      <c r="U303" s="1"/>
      <c r="V303" s="1"/>
    </row>
    <row r="304" spans="4:22" x14ac:dyDescent="0.2">
      <c r="D304" s="1"/>
      <c r="E304" s="1"/>
      <c r="F304" s="1"/>
      <c r="G304" s="1"/>
      <c r="H304" s="1"/>
      <c r="I304" s="1"/>
      <c r="J304" s="1"/>
      <c r="K304" s="1"/>
      <c r="L304" s="1"/>
      <c r="M304" s="1"/>
      <c r="N304" s="1"/>
      <c r="O304" s="1"/>
      <c r="P304" s="1"/>
      <c r="Q304" s="1"/>
      <c r="R304" s="1"/>
      <c r="S304" s="1"/>
      <c r="T304" s="1"/>
      <c r="U304" s="1"/>
      <c r="V304" s="1"/>
    </row>
    <row r="305" spans="4:22" x14ac:dyDescent="0.2">
      <c r="D305" s="1"/>
      <c r="E305" s="1"/>
      <c r="F305" s="1"/>
      <c r="G305" s="1"/>
      <c r="H305" s="1"/>
      <c r="I305" s="1"/>
      <c r="J305" s="1"/>
      <c r="K305" s="1"/>
      <c r="L305" s="1"/>
      <c r="M305" s="1"/>
      <c r="N305" s="1"/>
      <c r="O305" s="1"/>
      <c r="P305" s="1"/>
      <c r="Q305" s="1"/>
      <c r="R305" s="1"/>
      <c r="S305" s="1"/>
      <c r="T305" s="1"/>
      <c r="U305" s="1"/>
      <c r="V305" s="1"/>
    </row>
    <row r="306" spans="4:22" x14ac:dyDescent="0.2">
      <c r="D306" s="1"/>
      <c r="E306" s="1"/>
      <c r="F306" s="1"/>
      <c r="G306" s="1"/>
      <c r="H306" s="1"/>
      <c r="I306" s="1"/>
      <c r="J306" s="1"/>
      <c r="K306" s="1"/>
      <c r="L306" s="1"/>
      <c r="M306" s="1"/>
      <c r="N306" s="1"/>
      <c r="O306" s="1"/>
      <c r="P306" s="1"/>
      <c r="Q306" s="1"/>
      <c r="R306" s="1"/>
      <c r="S306" s="1"/>
      <c r="T306" s="1"/>
      <c r="U306" s="1"/>
      <c r="V306" s="1"/>
    </row>
    <row r="307" spans="4:22" x14ac:dyDescent="0.2">
      <c r="D307" s="1"/>
      <c r="E307" s="1"/>
      <c r="F307" s="1"/>
      <c r="G307" s="1"/>
      <c r="H307" s="1"/>
      <c r="I307" s="1"/>
      <c r="J307" s="1"/>
      <c r="K307" s="1"/>
      <c r="L307" s="1"/>
      <c r="M307" s="1"/>
      <c r="N307" s="1"/>
      <c r="O307" s="1"/>
      <c r="P307" s="1"/>
      <c r="Q307" s="1"/>
      <c r="R307" s="1"/>
      <c r="S307" s="1"/>
      <c r="T307" s="1"/>
      <c r="U307" s="1"/>
      <c r="V307" s="1"/>
    </row>
    <row r="308" spans="4:22" x14ac:dyDescent="0.2">
      <c r="D308" s="1"/>
      <c r="E308" s="1"/>
      <c r="F308" s="1"/>
      <c r="G308" s="1"/>
      <c r="H308" s="1"/>
      <c r="I308" s="1"/>
      <c r="J308" s="1"/>
      <c r="K308" s="1"/>
      <c r="L308" s="1"/>
      <c r="M308" s="1"/>
      <c r="N308" s="1"/>
      <c r="O308" s="1"/>
      <c r="P308" s="1"/>
      <c r="Q308" s="1"/>
      <c r="R308" s="1"/>
      <c r="S308" s="1"/>
      <c r="T308" s="1"/>
      <c r="U308" s="1"/>
      <c r="V308" s="1"/>
    </row>
    <row r="309" spans="4:22" x14ac:dyDescent="0.2">
      <c r="D309" s="1"/>
      <c r="E309" s="1"/>
      <c r="F309" s="1"/>
      <c r="G309" s="1"/>
      <c r="H309" s="1"/>
      <c r="I309" s="1"/>
      <c r="J309" s="1"/>
      <c r="K309" s="1"/>
      <c r="L309" s="1"/>
      <c r="M309" s="1"/>
      <c r="N309" s="1"/>
      <c r="O309" s="1"/>
      <c r="P309" s="1"/>
      <c r="Q309" s="1"/>
      <c r="R309" s="1"/>
      <c r="S309" s="1"/>
      <c r="T309" s="1"/>
      <c r="U309" s="1"/>
      <c r="V309" s="1"/>
    </row>
    <row r="310" spans="4:22" x14ac:dyDescent="0.2">
      <c r="D310" s="1"/>
      <c r="E310" s="1"/>
      <c r="F310" s="1"/>
      <c r="G310" s="1"/>
      <c r="H310" s="1"/>
      <c r="I310" s="1"/>
      <c r="J310" s="1"/>
      <c r="K310" s="1"/>
      <c r="L310" s="1"/>
      <c r="M310" s="1"/>
      <c r="N310" s="1"/>
      <c r="O310" s="1"/>
      <c r="P310" s="1"/>
      <c r="Q310" s="1"/>
      <c r="R310" s="1"/>
      <c r="S310" s="1"/>
      <c r="T310" s="1"/>
      <c r="U310" s="1"/>
      <c r="V310" s="1"/>
    </row>
    <row r="311" spans="4:22" x14ac:dyDescent="0.2">
      <c r="D311" s="1"/>
      <c r="E311" s="1"/>
      <c r="F311" s="1"/>
      <c r="G311" s="1"/>
      <c r="H311" s="1"/>
      <c r="I311" s="1"/>
      <c r="J311" s="1"/>
      <c r="K311" s="1"/>
      <c r="L311" s="1"/>
      <c r="M311" s="1"/>
      <c r="N311" s="1"/>
      <c r="O311" s="1"/>
      <c r="P311" s="1"/>
      <c r="Q311" s="1"/>
      <c r="R311" s="1"/>
      <c r="S311" s="1"/>
      <c r="T311" s="1"/>
      <c r="U311" s="1"/>
      <c r="V311" s="1"/>
    </row>
    <row r="312" spans="4:22" x14ac:dyDescent="0.2">
      <c r="D312" s="1"/>
      <c r="E312" s="1"/>
      <c r="F312" s="1"/>
      <c r="G312" s="1"/>
      <c r="H312" s="1"/>
      <c r="I312" s="1"/>
      <c r="J312" s="1"/>
      <c r="K312" s="1"/>
      <c r="L312" s="1"/>
      <c r="M312" s="1"/>
      <c r="N312" s="1"/>
      <c r="O312" s="1"/>
      <c r="P312" s="1"/>
      <c r="Q312" s="1"/>
      <c r="R312" s="1"/>
      <c r="S312" s="1"/>
      <c r="T312" s="1"/>
      <c r="U312" s="1"/>
      <c r="V312" s="1"/>
    </row>
    <row r="313" spans="4:22" x14ac:dyDescent="0.2">
      <c r="D313" s="1"/>
      <c r="E313" s="1"/>
      <c r="F313" s="1"/>
      <c r="G313" s="1"/>
      <c r="H313" s="1"/>
      <c r="I313" s="1"/>
      <c r="J313" s="1"/>
      <c r="K313" s="1"/>
      <c r="L313" s="1"/>
      <c r="M313" s="1"/>
      <c r="N313" s="1"/>
      <c r="O313" s="1"/>
      <c r="P313" s="1"/>
      <c r="Q313" s="1"/>
      <c r="R313" s="1"/>
      <c r="S313" s="1"/>
      <c r="T313" s="1"/>
      <c r="U313" s="1"/>
      <c r="V313" s="1"/>
    </row>
    <row r="314" spans="4:22" x14ac:dyDescent="0.2">
      <c r="D314" s="1"/>
      <c r="E314" s="1"/>
      <c r="F314" s="1"/>
      <c r="G314" s="1"/>
      <c r="H314" s="1"/>
      <c r="I314" s="1"/>
      <c r="J314" s="1"/>
      <c r="K314" s="1"/>
      <c r="L314" s="1"/>
      <c r="M314" s="1"/>
      <c r="N314" s="1"/>
      <c r="O314" s="1"/>
      <c r="P314" s="1"/>
      <c r="Q314" s="1"/>
      <c r="R314" s="1"/>
      <c r="S314" s="1"/>
      <c r="T314" s="1"/>
      <c r="U314" s="1"/>
      <c r="V314" s="1"/>
    </row>
    <row r="315" spans="4:22" x14ac:dyDescent="0.2">
      <c r="D315" s="1"/>
      <c r="E315" s="1"/>
      <c r="F315" s="1"/>
      <c r="G315" s="1"/>
      <c r="H315" s="1"/>
      <c r="I315" s="1"/>
      <c r="J315" s="1"/>
      <c r="K315" s="1"/>
      <c r="L315" s="1"/>
      <c r="M315" s="1"/>
      <c r="N315" s="1"/>
      <c r="O315" s="1"/>
      <c r="P315" s="1"/>
      <c r="Q315" s="1"/>
      <c r="R315" s="1"/>
      <c r="S315" s="1"/>
      <c r="T315" s="1"/>
      <c r="U315" s="1"/>
      <c r="V315" s="1"/>
    </row>
    <row r="316" spans="4:22" x14ac:dyDescent="0.2">
      <c r="D316" s="1"/>
      <c r="E316" s="1"/>
      <c r="F316" s="1"/>
      <c r="G316" s="1"/>
      <c r="H316" s="1"/>
      <c r="I316" s="1"/>
      <c r="J316" s="1"/>
      <c r="K316" s="1"/>
      <c r="L316" s="1"/>
      <c r="M316" s="1"/>
      <c r="N316" s="1"/>
      <c r="O316" s="1"/>
      <c r="P316" s="1"/>
      <c r="Q316" s="1"/>
      <c r="R316" s="1"/>
      <c r="S316" s="1"/>
      <c r="T316" s="1"/>
      <c r="U316" s="1"/>
      <c r="V316" s="1"/>
    </row>
    <row r="317" spans="4:22" x14ac:dyDescent="0.2">
      <c r="D317" s="1"/>
      <c r="E317" s="1"/>
      <c r="F317" s="1"/>
      <c r="G317" s="1"/>
      <c r="H317" s="1"/>
      <c r="I317" s="1"/>
      <c r="J317" s="1"/>
      <c r="K317" s="1"/>
      <c r="L317" s="1"/>
      <c r="M317" s="1"/>
      <c r="N317" s="1"/>
      <c r="O317" s="1"/>
      <c r="P317" s="1"/>
      <c r="Q317" s="1"/>
      <c r="R317" s="1"/>
      <c r="S317" s="1"/>
      <c r="T317" s="1"/>
      <c r="U317" s="1"/>
      <c r="V317" s="1"/>
    </row>
    <row r="318" spans="4:22" x14ac:dyDescent="0.2">
      <c r="D318" s="1"/>
      <c r="E318" s="1"/>
      <c r="F318" s="1"/>
      <c r="G318" s="1"/>
      <c r="H318" s="1"/>
      <c r="I318" s="1"/>
      <c r="J318" s="1"/>
      <c r="K318" s="1"/>
      <c r="L318" s="1"/>
      <c r="M318" s="1"/>
      <c r="N318" s="1"/>
      <c r="O318" s="1"/>
      <c r="P318" s="1"/>
      <c r="Q318" s="1"/>
      <c r="R318" s="1"/>
      <c r="S318" s="1"/>
      <c r="T318" s="1"/>
      <c r="U318" s="1"/>
      <c r="V318" s="1"/>
    </row>
    <row r="319" spans="4:22" x14ac:dyDescent="0.2">
      <c r="D319" s="1"/>
      <c r="E319" s="1"/>
      <c r="F319" s="1"/>
      <c r="G319" s="1"/>
      <c r="H319" s="1"/>
      <c r="I319" s="1"/>
      <c r="J319" s="1"/>
      <c r="K319" s="1"/>
      <c r="L319" s="1"/>
      <c r="M319" s="1"/>
      <c r="N319" s="1"/>
      <c r="O319" s="1"/>
      <c r="P319" s="1"/>
      <c r="Q319" s="1"/>
      <c r="R319" s="1"/>
      <c r="S319" s="1"/>
      <c r="T319" s="1"/>
      <c r="U319" s="1"/>
      <c r="V319" s="1"/>
    </row>
    <row r="320" spans="4:22" x14ac:dyDescent="0.2">
      <c r="D320" s="1"/>
      <c r="E320" s="1"/>
      <c r="F320" s="1"/>
      <c r="G320" s="1"/>
      <c r="H320" s="1"/>
      <c r="I320" s="1"/>
      <c r="J320" s="1"/>
      <c r="K320" s="1"/>
      <c r="L320" s="1"/>
      <c r="M320" s="1"/>
      <c r="N320" s="1"/>
      <c r="O320" s="1"/>
      <c r="P320" s="1"/>
      <c r="Q320" s="1"/>
      <c r="R320" s="1"/>
      <c r="S320" s="1"/>
      <c r="T320" s="1"/>
      <c r="U320" s="1"/>
      <c r="V320" s="1"/>
    </row>
    <row r="321" spans="4:22" x14ac:dyDescent="0.2">
      <c r="D321" s="1"/>
      <c r="E321" s="1"/>
      <c r="F321" s="1"/>
      <c r="G321" s="1"/>
      <c r="H321" s="1"/>
      <c r="I321" s="1"/>
      <c r="J321" s="1"/>
      <c r="K321" s="1"/>
      <c r="L321" s="1"/>
      <c r="M321" s="1"/>
      <c r="N321" s="1"/>
      <c r="O321" s="1"/>
      <c r="P321" s="1"/>
      <c r="Q321" s="1"/>
      <c r="R321" s="1"/>
      <c r="S321" s="1"/>
      <c r="T321" s="1"/>
      <c r="U321" s="1"/>
      <c r="V321" s="1"/>
    </row>
    <row r="322" spans="4:22" x14ac:dyDescent="0.2">
      <c r="D322" s="1"/>
      <c r="E322" s="1"/>
      <c r="F322" s="1"/>
      <c r="G322" s="1"/>
      <c r="H322" s="1"/>
      <c r="I322" s="1"/>
      <c r="J322" s="1"/>
      <c r="K322" s="1"/>
      <c r="L322" s="1"/>
      <c r="M322" s="1"/>
      <c r="N322" s="1"/>
      <c r="O322" s="1"/>
      <c r="P322" s="1"/>
      <c r="Q322" s="1"/>
      <c r="R322" s="1"/>
      <c r="S322" s="1"/>
      <c r="T322" s="1"/>
      <c r="U322" s="1"/>
      <c r="V322" s="1"/>
    </row>
    <row r="323" spans="4:22" x14ac:dyDescent="0.2">
      <c r="D323" s="1"/>
      <c r="E323" s="1"/>
      <c r="F323" s="1"/>
      <c r="G323" s="1"/>
      <c r="H323" s="1"/>
      <c r="I323" s="1"/>
      <c r="J323" s="1"/>
      <c r="K323" s="1"/>
      <c r="L323" s="1"/>
      <c r="M323" s="1"/>
      <c r="N323" s="1"/>
      <c r="O323" s="1"/>
      <c r="P323" s="1"/>
      <c r="Q323" s="1"/>
      <c r="R323" s="1"/>
      <c r="S323" s="1"/>
      <c r="T323" s="1"/>
      <c r="U323" s="1"/>
      <c r="V323" s="1"/>
    </row>
    <row r="324" spans="4:22" x14ac:dyDescent="0.2">
      <c r="D324" s="1"/>
      <c r="E324" s="1"/>
      <c r="F324" s="1"/>
      <c r="G324" s="1"/>
      <c r="H324" s="1"/>
      <c r="I324" s="1"/>
      <c r="J324" s="1"/>
      <c r="K324" s="1"/>
      <c r="L324" s="1"/>
      <c r="M324" s="1"/>
      <c r="N324" s="1"/>
      <c r="O324" s="1"/>
      <c r="P324" s="1"/>
      <c r="Q324" s="1"/>
      <c r="R324" s="1"/>
      <c r="S324" s="1"/>
      <c r="T324" s="1"/>
      <c r="U324" s="1"/>
      <c r="V324" s="1"/>
    </row>
    <row r="325" spans="4:22" x14ac:dyDescent="0.2">
      <c r="D325" s="1"/>
      <c r="E325" s="1"/>
      <c r="F325" s="1"/>
      <c r="G325" s="1"/>
      <c r="H325" s="1"/>
      <c r="I325" s="1"/>
      <c r="J325" s="1"/>
      <c r="K325" s="1"/>
      <c r="L325" s="1"/>
      <c r="M325" s="1"/>
      <c r="N325" s="1"/>
      <c r="O325" s="1"/>
      <c r="P325" s="1"/>
      <c r="Q325" s="1"/>
      <c r="R325" s="1"/>
      <c r="S325" s="1"/>
      <c r="T325" s="1"/>
      <c r="U325" s="1"/>
      <c r="V325" s="1"/>
    </row>
    <row r="326" spans="4:22" x14ac:dyDescent="0.2">
      <c r="D326" s="1"/>
      <c r="E326" s="1"/>
      <c r="F326" s="1"/>
      <c r="G326" s="1"/>
      <c r="H326" s="1"/>
      <c r="I326" s="1"/>
      <c r="J326" s="1"/>
      <c r="K326" s="1"/>
      <c r="L326" s="1"/>
      <c r="M326" s="1"/>
      <c r="N326" s="1"/>
      <c r="O326" s="1"/>
      <c r="P326" s="1"/>
      <c r="Q326" s="1"/>
      <c r="R326" s="1"/>
      <c r="S326" s="1"/>
      <c r="T326" s="1"/>
      <c r="U326" s="1"/>
      <c r="V326" s="1"/>
    </row>
    <row r="327" spans="4:22" x14ac:dyDescent="0.2">
      <c r="D327" s="1"/>
      <c r="E327" s="1"/>
      <c r="F327" s="1"/>
      <c r="G327" s="1"/>
      <c r="H327" s="1"/>
      <c r="I327" s="1"/>
      <c r="J327" s="1"/>
      <c r="K327" s="1"/>
      <c r="L327" s="1"/>
      <c r="M327" s="1"/>
      <c r="N327" s="1"/>
      <c r="O327" s="1"/>
      <c r="P327" s="1"/>
      <c r="Q327" s="1"/>
      <c r="R327" s="1"/>
      <c r="S327" s="1"/>
      <c r="T327" s="1"/>
      <c r="U327" s="1"/>
      <c r="V327" s="1"/>
    </row>
    <row r="328" spans="4:22" x14ac:dyDescent="0.2">
      <c r="D328" s="1"/>
      <c r="E328" s="1"/>
      <c r="F328" s="1"/>
      <c r="G328" s="1"/>
      <c r="H328" s="1"/>
      <c r="I328" s="1"/>
      <c r="J328" s="1"/>
      <c r="K328" s="1"/>
      <c r="L328" s="1"/>
      <c r="M328" s="1"/>
      <c r="N328" s="1"/>
      <c r="O328" s="1"/>
      <c r="P328" s="1"/>
      <c r="Q328" s="1"/>
      <c r="R328" s="1"/>
      <c r="S328" s="1"/>
      <c r="T328" s="1"/>
      <c r="U328" s="1"/>
      <c r="V328" s="1"/>
    </row>
    <row r="329" spans="4:22" x14ac:dyDescent="0.2">
      <c r="D329" s="1"/>
      <c r="E329" s="1"/>
      <c r="F329" s="1"/>
      <c r="G329" s="1"/>
      <c r="H329" s="1"/>
      <c r="I329" s="1"/>
      <c r="J329" s="1"/>
      <c r="K329" s="1"/>
      <c r="L329" s="1"/>
      <c r="M329" s="1"/>
      <c r="N329" s="1"/>
      <c r="O329" s="1"/>
      <c r="P329" s="1"/>
      <c r="Q329" s="1"/>
      <c r="R329" s="1"/>
      <c r="S329" s="1"/>
      <c r="T329" s="1"/>
      <c r="U329" s="1"/>
      <c r="V329" s="1"/>
    </row>
    <row r="330" spans="4:22" x14ac:dyDescent="0.2">
      <c r="D330" s="1"/>
      <c r="E330" s="1"/>
      <c r="F330" s="1"/>
      <c r="G330" s="1"/>
      <c r="H330" s="1"/>
      <c r="I330" s="1"/>
      <c r="J330" s="1"/>
      <c r="K330" s="1"/>
      <c r="L330" s="1"/>
      <c r="M330" s="1"/>
      <c r="N330" s="1"/>
      <c r="O330" s="1"/>
      <c r="P330" s="1"/>
      <c r="Q330" s="1"/>
      <c r="R330" s="1"/>
      <c r="S330" s="1"/>
      <c r="T330" s="1"/>
      <c r="U330" s="1"/>
      <c r="V330" s="1"/>
    </row>
    <row r="331" spans="4:22" x14ac:dyDescent="0.2">
      <c r="D331" s="1"/>
      <c r="E331" s="1"/>
      <c r="F331" s="1"/>
      <c r="G331" s="1"/>
      <c r="H331" s="1"/>
      <c r="I331" s="1"/>
      <c r="J331" s="1"/>
      <c r="K331" s="1"/>
      <c r="L331" s="1"/>
      <c r="M331" s="1"/>
      <c r="N331" s="1"/>
      <c r="O331" s="1"/>
      <c r="P331" s="1"/>
      <c r="Q331" s="1"/>
      <c r="R331" s="1"/>
      <c r="S331" s="1"/>
      <c r="T331" s="1"/>
      <c r="U331" s="1"/>
      <c r="V331" s="1"/>
    </row>
    <row r="332" spans="4:22" x14ac:dyDescent="0.2">
      <c r="D332" s="1"/>
      <c r="E332" s="1"/>
      <c r="F332" s="1"/>
      <c r="G332" s="1"/>
      <c r="H332" s="1"/>
      <c r="I332" s="1"/>
      <c r="J332" s="1"/>
      <c r="K332" s="1"/>
      <c r="L332" s="1"/>
      <c r="M332" s="1"/>
      <c r="N332" s="1"/>
      <c r="O332" s="1"/>
      <c r="P332" s="1"/>
      <c r="Q332" s="1"/>
      <c r="R332" s="1"/>
      <c r="S332" s="1"/>
      <c r="T332" s="1"/>
      <c r="U332" s="1"/>
      <c r="V332" s="1"/>
    </row>
    <row r="333" spans="4:22" x14ac:dyDescent="0.2">
      <c r="D333" s="1"/>
      <c r="E333" s="1"/>
      <c r="F333" s="1"/>
      <c r="G333" s="1"/>
      <c r="H333" s="1"/>
      <c r="I333" s="1"/>
      <c r="J333" s="1"/>
      <c r="K333" s="1"/>
      <c r="L333" s="1"/>
      <c r="M333" s="1"/>
      <c r="N333" s="1"/>
      <c r="O333" s="1"/>
      <c r="P333" s="1"/>
      <c r="Q333" s="1"/>
      <c r="R333" s="1"/>
      <c r="S333" s="1"/>
      <c r="T333" s="1"/>
      <c r="U333" s="1"/>
      <c r="V333" s="1"/>
    </row>
    <row r="334" spans="4:22" x14ac:dyDescent="0.2">
      <c r="D334" s="1"/>
      <c r="E334" s="1"/>
      <c r="F334" s="1"/>
      <c r="G334" s="1"/>
      <c r="H334" s="1"/>
      <c r="I334" s="1"/>
      <c r="J334" s="1"/>
      <c r="K334" s="1"/>
      <c r="L334" s="1"/>
      <c r="M334" s="1"/>
      <c r="N334" s="1"/>
      <c r="O334" s="1"/>
      <c r="P334" s="1"/>
      <c r="Q334" s="1"/>
      <c r="R334" s="1"/>
      <c r="S334" s="1"/>
      <c r="T334" s="1"/>
      <c r="U334" s="1"/>
      <c r="V334" s="1"/>
    </row>
    <row r="335" spans="4:22" x14ac:dyDescent="0.2">
      <c r="D335" s="1"/>
      <c r="E335" s="1"/>
      <c r="F335" s="1"/>
      <c r="G335" s="1"/>
      <c r="H335" s="1"/>
      <c r="I335" s="1"/>
      <c r="J335" s="1"/>
      <c r="K335" s="1"/>
      <c r="L335" s="1"/>
      <c r="M335" s="1"/>
      <c r="N335" s="1"/>
      <c r="O335" s="1"/>
      <c r="P335" s="1"/>
      <c r="Q335" s="1"/>
      <c r="R335" s="1"/>
      <c r="S335" s="1"/>
      <c r="T335" s="1"/>
      <c r="U335" s="1"/>
      <c r="V335" s="1"/>
    </row>
    <row r="336" spans="4:22" x14ac:dyDescent="0.2">
      <c r="D336" s="1"/>
      <c r="E336" s="1"/>
      <c r="F336" s="1"/>
      <c r="G336" s="1"/>
      <c r="H336" s="1"/>
      <c r="I336" s="1"/>
      <c r="J336" s="1"/>
      <c r="K336" s="1"/>
      <c r="L336" s="1"/>
      <c r="M336" s="1"/>
      <c r="N336" s="1"/>
      <c r="O336" s="1"/>
      <c r="P336" s="1"/>
      <c r="Q336" s="1"/>
      <c r="R336" s="1"/>
      <c r="S336" s="1"/>
      <c r="T336" s="1"/>
      <c r="U336" s="1"/>
      <c r="V336" s="1"/>
    </row>
    <row r="337" spans="4:22" x14ac:dyDescent="0.2">
      <c r="D337" s="1"/>
      <c r="E337" s="1"/>
      <c r="F337" s="1"/>
      <c r="G337" s="1"/>
      <c r="H337" s="1"/>
      <c r="I337" s="1"/>
      <c r="J337" s="1"/>
      <c r="K337" s="1"/>
      <c r="L337" s="1"/>
      <c r="M337" s="1"/>
      <c r="N337" s="1"/>
      <c r="O337" s="1"/>
      <c r="P337" s="1"/>
      <c r="Q337" s="1"/>
      <c r="R337" s="1"/>
      <c r="S337" s="1"/>
      <c r="T337" s="1"/>
      <c r="U337" s="1"/>
      <c r="V337" s="1"/>
    </row>
    <row r="338" spans="4:22" x14ac:dyDescent="0.2">
      <c r="D338" s="1"/>
      <c r="E338" s="1"/>
      <c r="F338" s="1"/>
      <c r="G338" s="1"/>
      <c r="H338" s="1"/>
      <c r="I338" s="1"/>
      <c r="J338" s="1"/>
      <c r="K338" s="1"/>
      <c r="L338" s="1"/>
      <c r="M338" s="1"/>
      <c r="N338" s="1"/>
      <c r="O338" s="1"/>
      <c r="P338" s="1"/>
      <c r="Q338" s="1"/>
      <c r="R338" s="1"/>
      <c r="S338" s="1"/>
      <c r="T338" s="1"/>
      <c r="U338" s="1"/>
      <c r="V338" s="1"/>
    </row>
    <row r="339" spans="4:22" x14ac:dyDescent="0.2">
      <c r="D339" s="1"/>
      <c r="E339" s="1"/>
      <c r="F339" s="1"/>
      <c r="G339" s="1"/>
      <c r="H339" s="1"/>
      <c r="I339" s="1"/>
      <c r="J339" s="1"/>
      <c r="K339" s="1"/>
      <c r="L339" s="1"/>
      <c r="M339" s="1"/>
      <c r="N339" s="1"/>
      <c r="O339" s="1"/>
      <c r="P339" s="1"/>
      <c r="Q339" s="1"/>
      <c r="R339" s="1"/>
      <c r="S339" s="1"/>
      <c r="T339" s="1"/>
      <c r="U339" s="1"/>
      <c r="V339" s="1"/>
    </row>
    <row r="340" spans="4:22" x14ac:dyDescent="0.2">
      <c r="D340" s="1"/>
      <c r="E340" s="1"/>
      <c r="F340" s="1"/>
      <c r="G340" s="1"/>
      <c r="H340" s="1"/>
      <c r="I340" s="1"/>
      <c r="J340" s="1"/>
      <c r="K340" s="1"/>
      <c r="L340" s="1"/>
      <c r="M340" s="1"/>
      <c r="N340" s="1"/>
      <c r="O340" s="1"/>
      <c r="P340" s="1"/>
      <c r="Q340" s="1"/>
      <c r="R340" s="1"/>
      <c r="S340" s="1"/>
      <c r="T340" s="1"/>
      <c r="U340" s="1"/>
      <c r="V340" s="1"/>
    </row>
    <row r="341" spans="4:22" x14ac:dyDescent="0.2">
      <c r="D341" s="1"/>
      <c r="E341" s="1"/>
      <c r="F341" s="1"/>
      <c r="G341" s="1"/>
      <c r="H341" s="1"/>
      <c r="I341" s="1"/>
      <c r="J341" s="1"/>
      <c r="K341" s="1"/>
      <c r="L341" s="1"/>
      <c r="M341" s="1"/>
      <c r="N341" s="1"/>
      <c r="O341" s="1"/>
      <c r="P341" s="1"/>
      <c r="Q341" s="1"/>
      <c r="R341" s="1"/>
      <c r="S341" s="1"/>
      <c r="T341" s="1"/>
      <c r="U341" s="1"/>
      <c r="V341" s="1"/>
    </row>
    <row r="342" spans="4:22" x14ac:dyDescent="0.2">
      <c r="D342" s="1"/>
      <c r="E342" s="1"/>
      <c r="F342" s="1"/>
      <c r="G342" s="1"/>
      <c r="H342" s="1"/>
      <c r="I342" s="1"/>
      <c r="J342" s="1"/>
      <c r="K342" s="1"/>
      <c r="L342" s="1"/>
      <c r="M342" s="1"/>
      <c r="N342" s="1"/>
      <c r="O342" s="1"/>
      <c r="P342" s="1"/>
      <c r="Q342" s="1"/>
      <c r="R342" s="1"/>
      <c r="S342" s="1"/>
      <c r="T342" s="1"/>
      <c r="U342" s="1"/>
      <c r="V342" s="1"/>
    </row>
    <row r="343" spans="4:22" x14ac:dyDescent="0.2">
      <c r="D343" s="1"/>
      <c r="E343" s="1"/>
      <c r="F343" s="1"/>
      <c r="G343" s="1"/>
      <c r="H343" s="1"/>
      <c r="I343" s="1"/>
      <c r="J343" s="1"/>
      <c r="K343" s="1"/>
      <c r="L343" s="1"/>
      <c r="M343" s="1"/>
      <c r="N343" s="1"/>
      <c r="O343" s="1"/>
      <c r="P343" s="1"/>
      <c r="Q343" s="1"/>
      <c r="R343" s="1"/>
      <c r="S343" s="1"/>
      <c r="T343" s="1"/>
      <c r="U343" s="1"/>
      <c r="V343" s="1"/>
    </row>
    <row r="344" spans="4:22" x14ac:dyDescent="0.2">
      <c r="D344" s="1"/>
      <c r="E344" s="1"/>
      <c r="F344" s="1"/>
      <c r="G344" s="1"/>
      <c r="H344" s="1"/>
      <c r="I344" s="1"/>
      <c r="J344" s="1"/>
      <c r="K344" s="1"/>
      <c r="L344" s="1"/>
      <c r="M344" s="1"/>
      <c r="N344" s="1"/>
      <c r="O344" s="1"/>
      <c r="P344" s="1"/>
      <c r="Q344" s="1"/>
      <c r="R344" s="1"/>
      <c r="S344" s="1"/>
      <c r="T344" s="1"/>
      <c r="U344" s="1"/>
      <c r="V344" s="1"/>
    </row>
    <row r="345" spans="4:22" x14ac:dyDescent="0.2">
      <c r="D345" s="1"/>
      <c r="E345" s="1"/>
      <c r="F345" s="1"/>
      <c r="G345" s="1"/>
      <c r="H345" s="1"/>
      <c r="I345" s="1"/>
      <c r="J345" s="1"/>
      <c r="K345" s="1"/>
      <c r="L345" s="1"/>
      <c r="M345" s="1"/>
      <c r="N345" s="1"/>
      <c r="O345" s="1"/>
      <c r="P345" s="1"/>
      <c r="Q345" s="1"/>
      <c r="R345" s="1"/>
      <c r="S345" s="1"/>
      <c r="T345" s="1"/>
      <c r="U345" s="1"/>
      <c r="V345" s="1"/>
    </row>
    <row r="346" spans="4:22" x14ac:dyDescent="0.2">
      <c r="D346" s="1"/>
      <c r="E346" s="1"/>
      <c r="F346" s="1"/>
      <c r="G346" s="1"/>
      <c r="H346" s="1"/>
      <c r="I346" s="1"/>
      <c r="J346" s="1"/>
      <c r="K346" s="1"/>
      <c r="L346" s="1"/>
      <c r="M346" s="1"/>
      <c r="N346" s="1"/>
      <c r="O346" s="1"/>
      <c r="P346" s="1"/>
      <c r="Q346" s="1"/>
      <c r="R346" s="1"/>
      <c r="S346" s="1"/>
      <c r="T346" s="1"/>
      <c r="U346" s="1"/>
      <c r="V346" s="1"/>
    </row>
    <row r="347" spans="4:22" x14ac:dyDescent="0.2">
      <c r="D347" s="1"/>
      <c r="E347" s="1"/>
      <c r="F347" s="1"/>
      <c r="G347" s="1"/>
      <c r="H347" s="1"/>
      <c r="I347" s="1"/>
      <c r="J347" s="1"/>
      <c r="K347" s="1"/>
      <c r="L347" s="1"/>
      <c r="M347" s="1"/>
      <c r="N347" s="1"/>
      <c r="O347" s="1"/>
      <c r="P347" s="1"/>
      <c r="Q347" s="1"/>
      <c r="R347" s="1"/>
      <c r="S347" s="1"/>
      <c r="T347" s="1"/>
      <c r="U347" s="1"/>
      <c r="V347" s="1"/>
    </row>
    <row r="348" spans="4:22" x14ac:dyDescent="0.2">
      <c r="D348" s="1"/>
      <c r="E348" s="1"/>
      <c r="F348" s="1"/>
      <c r="G348" s="1"/>
      <c r="H348" s="1"/>
      <c r="I348" s="1"/>
      <c r="J348" s="1"/>
      <c r="K348" s="1"/>
      <c r="L348" s="1"/>
      <c r="M348" s="1"/>
      <c r="N348" s="1"/>
      <c r="O348" s="1"/>
      <c r="P348" s="1"/>
      <c r="Q348" s="1"/>
      <c r="R348" s="1"/>
      <c r="S348" s="1"/>
      <c r="T348" s="1"/>
      <c r="U348" s="1"/>
      <c r="V348" s="1"/>
    </row>
    <row r="349" spans="4:22" x14ac:dyDescent="0.2">
      <c r="D349" s="1"/>
      <c r="E349" s="1"/>
      <c r="F349" s="1"/>
      <c r="G349" s="1"/>
      <c r="H349" s="1"/>
      <c r="I349" s="1"/>
      <c r="J349" s="1"/>
      <c r="K349" s="1"/>
      <c r="L349" s="1"/>
      <c r="M349" s="1"/>
      <c r="N349" s="1"/>
      <c r="O349" s="1"/>
      <c r="P349" s="1"/>
      <c r="Q349" s="1"/>
      <c r="R349" s="1"/>
      <c r="S349" s="1"/>
      <c r="T349" s="1"/>
      <c r="U349" s="1"/>
      <c r="V349" s="1"/>
    </row>
    <row r="350" spans="4:22" x14ac:dyDescent="0.2">
      <c r="D350" s="1"/>
      <c r="E350" s="1"/>
      <c r="F350" s="1"/>
      <c r="G350" s="1"/>
      <c r="H350" s="1"/>
      <c r="I350" s="1"/>
      <c r="J350" s="1"/>
      <c r="K350" s="1"/>
      <c r="L350" s="1"/>
      <c r="M350" s="1"/>
      <c r="N350" s="1"/>
      <c r="O350" s="1"/>
      <c r="P350" s="1"/>
      <c r="Q350" s="1"/>
      <c r="R350" s="1"/>
      <c r="S350" s="1"/>
      <c r="T350" s="1"/>
      <c r="U350" s="1"/>
      <c r="V350" s="1"/>
    </row>
    <row r="351" spans="4:22" x14ac:dyDescent="0.2">
      <c r="D351" s="1"/>
      <c r="E351" s="1"/>
      <c r="F351" s="1"/>
      <c r="G351" s="1"/>
      <c r="H351" s="1"/>
      <c r="I351" s="1"/>
      <c r="J351" s="1"/>
      <c r="K351" s="1"/>
      <c r="L351" s="1"/>
      <c r="M351" s="1"/>
      <c r="N351" s="1"/>
      <c r="O351" s="1"/>
      <c r="P351" s="1"/>
      <c r="Q351" s="1"/>
      <c r="R351" s="1"/>
      <c r="S351" s="1"/>
      <c r="T351" s="1"/>
      <c r="U351" s="1"/>
      <c r="V351" s="1"/>
    </row>
    <row r="352" spans="4:22" x14ac:dyDescent="0.2">
      <c r="D352" s="1"/>
      <c r="E352" s="1"/>
      <c r="F352" s="1"/>
      <c r="G352" s="1"/>
      <c r="H352" s="1"/>
      <c r="I352" s="1"/>
      <c r="J352" s="1"/>
      <c r="K352" s="1"/>
      <c r="L352" s="1"/>
      <c r="M352" s="1"/>
      <c r="N352" s="1"/>
      <c r="O352" s="1"/>
      <c r="P352" s="1"/>
      <c r="Q352" s="1"/>
      <c r="R352" s="1"/>
      <c r="S352" s="1"/>
      <c r="T352" s="1"/>
      <c r="U352" s="1"/>
      <c r="V352" s="1"/>
    </row>
    <row r="353" spans="4:22" x14ac:dyDescent="0.2">
      <c r="D353" s="1"/>
      <c r="E353" s="1"/>
      <c r="F353" s="1"/>
      <c r="G353" s="1"/>
      <c r="H353" s="1"/>
      <c r="I353" s="1"/>
      <c r="J353" s="1"/>
      <c r="K353" s="1"/>
      <c r="L353" s="1"/>
      <c r="M353" s="1"/>
      <c r="N353" s="1"/>
      <c r="O353" s="1"/>
      <c r="P353" s="1"/>
      <c r="Q353" s="1"/>
      <c r="R353" s="1"/>
      <c r="S353" s="1"/>
      <c r="T353" s="1"/>
      <c r="U353" s="1"/>
      <c r="V353" s="1"/>
    </row>
    <row r="354" spans="4:22" x14ac:dyDescent="0.2">
      <c r="D354" s="1"/>
      <c r="E354" s="1"/>
      <c r="F354" s="1"/>
      <c r="G354" s="1"/>
      <c r="H354" s="1"/>
      <c r="I354" s="1"/>
      <c r="J354" s="1"/>
      <c r="K354" s="1"/>
      <c r="L354" s="1"/>
      <c r="M354" s="1"/>
      <c r="N354" s="1"/>
      <c r="O354" s="1"/>
      <c r="P354" s="1"/>
      <c r="Q354" s="1"/>
      <c r="R354" s="1"/>
      <c r="S354" s="1"/>
      <c r="T354" s="1"/>
      <c r="U354" s="1"/>
      <c r="V354" s="1"/>
    </row>
    <row r="355" spans="4:22" x14ac:dyDescent="0.2">
      <c r="D355" s="1"/>
      <c r="E355" s="1"/>
      <c r="F355" s="1"/>
      <c r="G355" s="1"/>
      <c r="H355" s="1"/>
      <c r="I355" s="1"/>
      <c r="J355" s="1"/>
      <c r="K355" s="1"/>
      <c r="L355" s="1"/>
      <c r="M355" s="1"/>
      <c r="N355" s="1"/>
      <c r="O355" s="1"/>
      <c r="P355" s="1"/>
      <c r="Q355" s="1"/>
      <c r="R355" s="1"/>
      <c r="S355" s="1"/>
      <c r="T355" s="1"/>
      <c r="U355" s="1"/>
      <c r="V355" s="1"/>
    </row>
    <row r="356" spans="4:22" x14ac:dyDescent="0.2">
      <c r="D356" s="1"/>
      <c r="E356" s="1"/>
      <c r="F356" s="1"/>
      <c r="G356" s="1"/>
      <c r="H356" s="1"/>
      <c r="I356" s="1"/>
      <c r="J356" s="1"/>
      <c r="K356" s="1"/>
      <c r="L356" s="1"/>
      <c r="M356" s="1"/>
      <c r="N356" s="1"/>
      <c r="O356" s="1"/>
      <c r="P356" s="1"/>
      <c r="Q356" s="1"/>
      <c r="R356" s="1"/>
      <c r="S356" s="1"/>
      <c r="T356" s="1"/>
      <c r="U356" s="1"/>
      <c r="V356" s="1"/>
    </row>
    <row r="357" spans="4:22" x14ac:dyDescent="0.2">
      <c r="D357" s="1"/>
      <c r="E357" s="1"/>
      <c r="F357" s="1"/>
      <c r="G357" s="1"/>
      <c r="H357" s="1"/>
      <c r="I357" s="1"/>
      <c r="J357" s="1"/>
      <c r="K357" s="1"/>
      <c r="L357" s="1"/>
      <c r="M357" s="1"/>
      <c r="N357" s="1"/>
      <c r="O357" s="1"/>
      <c r="P357" s="1"/>
      <c r="Q357" s="1"/>
      <c r="R357" s="1"/>
      <c r="S357" s="1"/>
      <c r="T357" s="1"/>
      <c r="U357" s="1"/>
      <c r="V357" s="1"/>
    </row>
    <row r="358" spans="4:22" x14ac:dyDescent="0.2">
      <c r="D358" s="1"/>
      <c r="E358" s="1"/>
      <c r="F358" s="1"/>
      <c r="G358" s="1"/>
      <c r="H358" s="1"/>
      <c r="I358" s="1"/>
      <c r="J358" s="1"/>
      <c r="K358" s="1"/>
      <c r="L358" s="1"/>
      <c r="M358" s="1"/>
      <c r="N358" s="1"/>
      <c r="O358" s="1"/>
      <c r="P358" s="1"/>
      <c r="Q358" s="1"/>
      <c r="R358" s="1"/>
      <c r="S358" s="1"/>
      <c r="T358" s="1"/>
      <c r="U358" s="1"/>
      <c r="V358" s="1"/>
    </row>
    <row r="359" spans="4:22" x14ac:dyDescent="0.2">
      <c r="D359" s="1"/>
      <c r="E359" s="1"/>
      <c r="F359" s="1"/>
      <c r="G359" s="1"/>
      <c r="H359" s="1"/>
      <c r="I359" s="1"/>
      <c r="J359" s="1"/>
      <c r="K359" s="1"/>
      <c r="L359" s="1"/>
      <c r="M359" s="1"/>
      <c r="N359" s="1"/>
      <c r="O359" s="1"/>
      <c r="P359" s="1"/>
      <c r="Q359" s="1"/>
      <c r="R359" s="1"/>
      <c r="S359" s="1"/>
      <c r="T359" s="1"/>
      <c r="U359" s="1"/>
      <c r="V359" s="1"/>
    </row>
    <row r="360" spans="4:22" x14ac:dyDescent="0.2">
      <c r="D360" s="1"/>
      <c r="E360" s="1"/>
      <c r="F360" s="1"/>
      <c r="G360" s="1"/>
      <c r="H360" s="1"/>
      <c r="I360" s="1"/>
      <c r="J360" s="1"/>
      <c r="K360" s="1"/>
      <c r="L360" s="1"/>
      <c r="M360" s="1"/>
      <c r="N360" s="1"/>
      <c r="O360" s="1"/>
      <c r="P360" s="1"/>
      <c r="Q360" s="1"/>
      <c r="R360" s="1"/>
      <c r="S360" s="1"/>
      <c r="T360" s="1"/>
      <c r="U360" s="1"/>
      <c r="V360" s="1"/>
    </row>
    <row r="361" spans="4:22" x14ac:dyDescent="0.2">
      <c r="D361" s="1"/>
      <c r="E361" s="1"/>
      <c r="F361" s="1"/>
      <c r="G361" s="1"/>
      <c r="H361" s="1"/>
      <c r="I361" s="1"/>
      <c r="J361" s="1"/>
      <c r="K361" s="1"/>
      <c r="L361" s="1"/>
      <c r="M361" s="1"/>
      <c r="N361" s="1"/>
      <c r="O361" s="1"/>
      <c r="P361" s="1"/>
      <c r="Q361" s="1"/>
      <c r="R361" s="1"/>
      <c r="S361" s="1"/>
      <c r="T361" s="1"/>
      <c r="U361" s="1"/>
      <c r="V361" s="1"/>
    </row>
    <row r="362" spans="4:22" x14ac:dyDescent="0.2">
      <c r="D362" s="1"/>
      <c r="E362" s="1"/>
      <c r="F362" s="1"/>
      <c r="G362" s="1"/>
      <c r="H362" s="1"/>
      <c r="I362" s="1"/>
      <c r="J362" s="1"/>
      <c r="K362" s="1"/>
      <c r="L362" s="1"/>
      <c r="M362" s="1"/>
      <c r="N362" s="1"/>
      <c r="O362" s="1"/>
      <c r="P362" s="1"/>
      <c r="Q362" s="1"/>
      <c r="R362" s="1"/>
      <c r="S362" s="1"/>
      <c r="T362" s="1"/>
      <c r="U362" s="1"/>
      <c r="V362" s="1"/>
    </row>
    <row r="363" spans="4:22" x14ac:dyDescent="0.2">
      <c r="D363" s="1"/>
      <c r="E363" s="1"/>
      <c r="F363" s="1"/>
      <c r="G363" s="1"/>
      <c r="H363" s="1"/>
      <c r="I363" s="1"/>
      <c r="J363" s="1"/>
      <c r="K363" s="1"/>
      <c r="L363" s="1"/>
      <c r="M363" s="1"/>
      <c r="N363" s="1"/>
      <c r="O363" s="1"/>
      <c r="P363" s="1"/>
      <c r="Q363" s="1"/>
      <c r="R363" s="1"/>
      <c r="S363" s="1"/>
      <c r="T363" s="1"/>
      <c r="U363" s="1"/>
      <c r="V363" s="1"/>
    </row>
    <row r="364" spans="4:22" x14ac:dyDescent="0.2">
      <c r="D364" s="1"/>
      <c r="E364" s="1"/>
      <c r="F364" s="1"/>
      <c r="G364" s="1"/>
      <c r="H364" s="1"/>
      <c r="I364" s="1"/>
      <c r="J364" s="1"/>
      <c r="K364" s="1"/>
      <c r="L364" s="1"/>
      <c r="M364" s="1"/>
      <c r="N364" s="1"/>
      <c r="O364" s="1"/>
      <c r="P364" s="1"/>
      <c r="Q364" s="1"/>
      <c r="R364" s="1"/>
      <c r="S364" s="1"/>
      <c r="T364" s="1"/>
      <c r="U364" s="1"/>
      <c r="V364" s="1"/>
    </row>
    <row r="365" spans="4:22" x14ac:dyDescent="0.2">
      <c r="D365" s="1"/>
      <c r="E365" s="1"/>
      <c r="F365" s="1"/>
      <c r="G365" s="1"/>
      <c r="H365" s="1"/>
      <c r="I365" s="1"/>
      <c r="J365" s="1"/>
      <c r="K365" s="1"/>
      <c r="L365" s="1"/>
      <c r="M365" s="1"/>
      <c r="N365" s="1"/>
      <c r="O365" s="1"/>
      <c r="P365" s="1"/>
      <c r="Q365" s="1"/>
      <c r="R365" s="1"/>
      <c r="S365" s="1"/>
      <c r="T365" s="1"/>
      <c r="U365" s="1"/>
      <c r="V365" s="1"/>
    </row>
    <row r="366" spans="4:22" x14ac:dyDescent="0.2">
      <c r="D366" s="1"/>
      <c r="E366" s="1"/>
      <c r="F366" s="1"/>
      <c r="G366" s="1"/>
      <c r="H366" s="1"/>
      <c r="I366" s="1"/>
      <c r="J366" s="1"/>
      <c r="K366" s="1"/>
      <c r="L366" s="1"/>
      <c r="M366" s="1"/>
      <c r="N366" s="1"/>
      <c r="O366" s="1"/>
      <c r="P366" s="1"/>
      <c r="Q366" s="1"/>
      <c r="R366" s="1"/>
      <c r="S366" s="1"/>
      <c r="T366" s="1"/>
      <c r="U366" s="1"/>
      <c r="V366" s="1"/>
    </row>
    <row r="367" spans="4:22" x14ac:dyDescent="0.2">
      <c r="D367" s="1"/>
      <c r="E367" s="1"/>
      <c r="F367" s="1"/>
      <c r="G367" s="1"/>
      <c r="H367" s="1"/>
      <c r="I367" s="1"/>
      <c r="J367" s="1"/>
      <c r="K367" s="1"/>
      <c r="L367" s="1"/>
      <c r="M367" s="1"/>
      <c r="N367" s="1"/>
      <c r="O367" s="1"/>
      <c r="P367" s="1"/>
      <c r="Q367" s="1"/>
      <c r="R367" s="1"/>
      <c r="S367" s="1"/>
      <c r="T367" s="1"/>
      <c r="U367" s="1"/>
      <c r="V367" s="1"/>
    </row>
    <row r="368" spans="4:22" x14ac:dyDescent="0.2">
      <c r="D368" s="1"/>
      <c r="E368" s="1"/>
      <c r="F368" s="1"/>
      <c r="G368" s="1"/>
      <c r="H368" s="1"/>
      <c r="I368" s="1"/>
      <c r="J368" s="1"/>
      <c r="K368" s="1"/>
      <c r="L368" s="1"/>
      <c r="M368" s="1"/>
      <c r="N368" s="1"/>
      <c r="O368" s="1"/>
      <c r="P368" s="1"/>
      <c r="Q368" s="1"/>
      <c r="R368" s="1"/>
      <c r="S368" s="1"/>
      <c r="T368" s="1"/>
      <c r="U368" s="1"/>
      <c r="V368" s="1"/>
    </row>
    <row r="369" spans="4:22" x14ac:dyDescent="0.2">
      <c r="D369" s="1"/>
      <c r="E369" s="1"/>
      <c r="F369" s="1"/>
      <c r="G369" s="1"/>
      <c r="H369" s="1"/>
      <c r="I369" s="1"/>
      <c r="J369" s="1"/>
      <c r="K369" s="1"/>
      <c r="L369" s="1"/>
      <c r="M369" s="1"/>
      <c r="N369" s="1"/>
      <c r="O369" s="1"/>
      <c r="P369" s="1"/>
      <c r="Q369" s="1"/>
      <c r="R369" s="1"/>
      <c r="S369" s="1"/>
      <c r="T369" s="1"/>
      <c r="U369" s="1"/>
      <c r="V369" s="1"/>
    </row>
    <row r="370" spans="4:22" x14ac:dyDescent="0.2">
      <c r="D370" s="1"/>
      <c r="E370" s="1"/>
      <c r="F370" s="1"/>
      <c r="G370" s="1"/>
      <c r="H370" s="1"/>
      <c r="I370" s="1"/>
      <c r="J370" s="1"/>
      <c r="K370" s="1"/>
      <c r="L370" s="1"/>
      <c r="M370" s="1"/>
      <c r="N370" s="1"/>
      <c r="O370" s="1"/>
      <c r="P370" s="1"/>
      <c r="Q370" s="1"/>
      <c r="R370" s="1"/>
      <c r="S370" s="1"/>
      <c r="T370" s="1"/>
      <c r="U370" s="1"/>
      <c r="V370" s="1"/>
    </row>
    <row r="371" spans="4:22" x14ac:dyDescent="0.2">
      <c r="D371" s="1"/>
      <c r="E371" s="1"/>
      <c r="F371" s="1"/>
      <c r="G371" s="1"/>
      <c r="H371" s="1"/>
      <c r="I371" s="1"/>
      <c r="J371" s="1"/>
      <c r="K371" s="1"/>
      <c r="L371" s="1"/>
      <c r="M371" s="1"/>
      <c r="N371" s="1"/>
      <c r="O371" s="1"/>
      <c r="P371" s="1"/>
      <c r="Q371" s="1"/>
      <c r="R371" s="1"/>
      <c r="S371" s="1"/>
      <c r="T371" s="1"/>
      <c r="U371" s="1"/>
      <c r="V371" s="1"/>
    </row>
    <row r="372" spans="4:22" x14ac:dyDescent="0.2">
      <c r="D372" s="1"/>
      <c r="E372" s="1"/>
      <c r="F372" s="1"/>
      <c r="G372" s="1"/>
      <c r="H372" s="1"/>
      <c r="I372" s="1"/>
      <c r="J372" s="1"/>
      <c r="K372" s="1"/>
      <c r="L372" s="1"/>
      <c r="M372" s="1"/>
      <c r="N372" s="1"/>
      <c r="O372" s="1"/>
      <c r="P372" s="1"/>
      <c r="Q372" s="1"/>
      <c r="R372" s="1"/>
      <c r="S372" s="1"/>
      <c r="T372" s="1"/>
      <c r="U372" s="1"/>
      <c r="V372" s="1"/>
    </row>
    <row r="373" spans="4:22" x14ac:dyDescent="0.2">
      <c r="D373" s="1"/>
      <c r="E373" s="1"/>
      <c r="F373" s="1"/>
      <c r="G373" s="1"/>
      <c r="H373" s="1"/>
      <c r="I373" s="1"/>
      <c r="J373" s="1"/>
      <c r="K373" s="1"/>
      <c r="L373" s="1"/>
      <c r="M373" s="1"/>
      <c r="N373" s="1"/>
      <c r="O373" s="1"/>
      <c r="P373" s="1"/>
      <c r="Q373" s="1"/>
      <c r="R373" s="1"/>
      <c r="S373" s="1"/>
      <c r="T373" s="1"/>
      <c r="U373" s="1"/>
      <c r="V373" s="1"/>
    </row>
    <row r="374" spans="4:22" x14ac:dyDescent="0.2">
      <c r="D374" s="1"/>
      <c r="E374" s="1"/>
      <c r="F374" s="1"/>
      <c r="G374" s="1"/>
      <c r="H374" s="1"/>
      <c r="I374" s="1"/>
      <c r="J374" s="1"/>
      <c r="K374" s="1"/>
      <c r="L374" s="1"/>
      <c r="M374" s="1"/>
      <c r="N374" s="1"/>
      <c r="O374" s="1"/>
      <c r="P374" s="1"/>
      <c r="Q374" s="1"/>
      <c r="R374" s="1"/>
      <c r="S374" s="1"/>
      <c r="T374" s="1"/>
      <c r="U374" s="1"/>
      <c r="V374" s="1"/>
    </row>
    <row r="375" spans="4:22" x14ac:dyDescent="0.2">
      <c r="D375" s="1"/>
      <c r="E375" s="1"/>
      <c r="F375" s="1"/>
      <c r="G375" s="1"/>
      <c r="H375" s="1"/>
      <c r="I375" s="1"/>
      <c r="J375" s="1"/>
      <c r="K375" s="1"/>
      <c r="L375" s="1"/>
      <c r="M375" s="1"/>
      <c r="N375" s="1"/>
      <c r="O375" s="1"/>
      <c r="P375" s="1"/>
      <c r="Q375" s="1"/>
      <c r="R375" s="1"/>
      <c r="S375" s="1"/>
      <c r="T375" s="1"/>
      <c r="U375" s="1"/>
      <c r="V375" s="1"/>
    </row>
    <row r="376" spans="4:22" x14ac:dyDescent="0.2">
      <c r="D376" s="1"/>
      <c r="E376" s="1"/>
      <c r="F376" s="1"/>
      <c r="G376" s="1"/>
      <c r="H376" s="1"/>
      <c r="I376" s="1"/>
      <c r="J376" s="1"/>
      <c r="K376" s="1"/>
      <c r="L376" s="1"/>
      <c r="M376" s="1"/>
      <c r="N376" s="1"/>
      <c r="O376" s="1"/>
      <c r="P376" s="1"/>
      <c r="Q376" s="1"/>
      <c r="R376" s="1"/>
      <c r="S376" s="1"/>
      <c r="T376" s="1"/>
      <c r="U376" s="1"/>
      <c r="V376" s="1"/>
    </row>
    <row r="377" spans="4:22" x14ac:dyDescent="0.2">
      <c r="D377" s="1"/>
      <c r="E377" s="1"/>
      <c r="F377" s="1"/>
      <c r="G377" s="1"/>
      <c r="H377" s="1"/>
      <c r="I377" s="1"/>
      <c r="J377" s="1"/>
      <c r="K377" s="1"/>
      <c r="L377" s="1"/>
      <c r="M377" s="1"/>
      <c r="N377" s="1"/>
      <c r="O377" s="1"/>
      <c r="P377" s="1"/>
      <c r="Q377" s="1"/>
      <c r="R377" s="1"/>
      <c r="S377" s="1"/>
      <c r="T377" s="1"/>
      <c r="U377" s="1"/>
      <c r="V377" s="1"/>
    </row>
    <row r="378" spans="4:22" x14ac:dyDescent="0.2">
      <c r="D378" s="1"/>
      <c r="E378" s="1"/>
      <c r="F378" s="1"/>
      <c r="G378" s="1"/>
      <c r="H378" s="1"/>
      <c r="I378" s="1"/>
      <c r="J378" s="1"/>
      <c r="K378" s="1"/>
      <c r="L378" s="1"/>
      <c r="M378" s="1"/>
      <c r="N378" s="1"/>
      <c r="O378" s="1"/>
      <c r="P378" s="1"/>
      <c r="Q378" s="1"/>
      <c r="R378" s="1"/>
      <c r="S378" s="1"/>
      <c r="T378" s="1"/>
      <c r="U378" s="1"/>
      <c r="V378" s="1"/>
    </row>
    <row r="379" spans="4:22" x14ac:dyDescent="0.2">
      <c r="D379" s="1"/>
      <c r="E379" s="1"/>
      <c r="F379" s="1"/>
      <c r="G379" s="1"/>
      <c r="H379" s="1"/>
      <c r="I379" s="1"/>
      <c r="J379" s="1"/>
      <c r="K379" s="1"/>
      <c r="L379" s="1"/>
      <c r="M379" s="1"/>
      <c r="N379" s="1"/>
      <c r="O379" s="1"/>
      <c r="P379" s="1"/>
      <c r="Q379" s="1"/>
      <c r="R379" s="1"/>
      <c r="S379" s="1"/>
      <c r="T379" s="1"/>
      <c r="U379" s="1"/>
      <c r="V379" s="1"/>
    </row>
    <row r="380" spans="4:22" x14ac:dyDescent="0.2">
      <c r="D380" s="1"/>
      <c r="E380" s="1"/>
      <c r="F380" s="1"/>
      <c r="G380" s="1"/>
      <c r="H380" s="1"/>
      <c r="I380" s="1"/>
      <c r="J380" s="1"/>
      <c r="K380" s="1"/>
      <c r="L380" s="1"/>
      <c r="M380" s="1"/>
      <c r="N380" s="1"/>
      <c r="O380" s="1"/>
      <c r="P380" s="1"/>
      <c r="Q380" s="1"/>
      <c r="R380" s="1"/>
      <c r="S380" s="1"/>
      <c r="T380" s="1"/>
      <c r="U380" s="1"/>
      <c r="V380" s="1"/>
    </row>
    <row r="381" spans="4:22" x14ac:dyDescent="0.2">
      <c r="D381" s="1"/>
      <c r="E381" s="1"/>
      <c r="F381" s="1"/>
      <c r="G381" s="1"/>
      <c r="H381" s="1"/>
      <c r="I381" s="1"/>
      <c r="J381" s="1"/>
      <c r="K381" s="1"/>
      <c r="L381" s="1"/>
      <c r="M381" s="1"/>
      <c r="N381" s="1"/>
      <c r="O381" s="1"/>
      <c r="P381" s="1"/>
      <c r="Q381" s="1"/>
      <c r="R381" s="1"/>
      <c r="S381" s="1"/>
      <c r="T381" s="1"/>
      <c r="U381" s="1"/>
      <c r="V381" s="1"/>
    </row>
    <row r="382" spans="4:22" x14ac:dyDescent="0.2">
      <c r="D382" s="1"/>
      <c r="E382" s="1"/>
      <c r="F382" s="1"/>
      <c r="G382" s="1"/>
      <c r="H382" s="1"/>
      <c r="I382" s="1"/>
      <c r="J382" s="1"/>
      <c r="K382" s="1"/>
      <c r="L382" s="1"/>
      <c r="M382" s="1"/>
      <c r="N382" s="1"/>
      <c r="O382" s="1"/>
      <c r="P382" s="1"/>
      <c r="Q382" s="1"/>
      <c r="R382" s="1"/>
      <c r="S382" s="1"/>
      <c r="T382" s="1"/>
      <c r="U382" s="1"/>
      <c r="V382" s="1"/>
    </row>
    <row r="383" spans="4:22" x14ac:dyDescent="0.2">
      <c r="D383" s="1"/>
      <c r="E383" s="1"/>
      <c r="F383" s="1"/>
      <c r="G383" s="1"/>
      <c r="H383" s="1"/>
      <c r="I383" s="1"/>
      <c r="J383" s="1"/>
      <c r="K383" s="1"/>
      <c r="L383" s="1"/>
      <c r="M383" s="1"/>
      <c r="N383" s="1"/>
      <c r="O383" s="1"/>
      <c r="P383" s="1"/>
      <c r="Q383" s="1"/>
      <c r="R383" s="1"/>
      <c r="S383" s="1"/>
      <c r="T383" s="1"/>
      <c r="U383" s="1"/>
      <c r="V383" s="1"/>
    </row>
    <row r="384" spans="4:22" x14ac:dyDescent="0.2">
      <c r="D384" s="1"/>
      <c r="E384" s="1"/>
      <c r="F384" s="1"/>
      <c r="G384" s="1"/>
      <c r="H384" s="1"/>
      <c r="I384" s="1"/>
      <c r="J384" s="1"/>
      <c r="K384" s="1"/>
      <c r="L384" s="1"/>
      <c r="M384" s="1"/>
      <c r="N384" s="1"/>
      <c r="O384" s="1"/>
      <c r="P384" s="1"/>
      <c r="Q384" s="1"/>
      <c r="R384" s="1"/>
      <c r="S384" s="1"/>
      <c r="T384" s="1"/>
      <c r="U384" s="1"/>
      <c r="V384" s="1"/>
    </row>
    <row r="385" spans="4:22" x14ac:dyDescent="0.2">
      <c r="D385" s="1"/>
      <c r="E385" s="1"/>
      <c r="F385" s="1"/>
      <c r="G385" s="1"/>
      <c r="H385" s="1"/>
      <c r="I385" s="1"/>
      <c r="J385" s="1"/>
      <c r="K385" s="1"/>
      <c r="L385" s="1"/>
      <c r="M385" s="1"/>
      <c r="N385" s="1"/>
      <c r="O385" s="1"/>
      <c r="P385" s="1"/>
      <c r="Q385" s="1"/>
      <c r="R385" s="1"/>
      <c r="S385" s="1"/>
      <c r="T385" s="1"/>
      <c r="U385" s="1"/>
      <c r="V385" s="1"/>
    </row>
    <row r="386" spans="4:22" x14ac:dyDescent="0.2">
      <c r="D386" s="1"/>
      <c r="E386" s="1"/>
      <c r="F386" s="1"/>
      <c r="G386" s="1"/>
      <c r="H386" s="1"/>
      <c r="I386" s="1"/>
      <c r="J386" s="1"/>
      <c r="K386" s="1"/>
      <c r="L386" s="1"/>
      <c r="M386" s="1"/>
      <c r="N386" s="1"/>
      <c r="O386" s="1"/>
      <c r="P386" s="1"/>
      <c r="Q386" s="1"/>
      <c r="R386" s="1"/>
      <c r="S386" s="1"/>
      <c r="T386" s="1"/>
      <c r="U386" s="1"/>
      <c r="V386" s="1"/>
    </row>
    <row r="387" spans="4:22" x14ac:dyDescent="0.2">
      <c r="D387" s="1"/>
      <c r="E387" s="1"/>
      <c r="F387" s="1"/>
      <c r="G387" s="1"/>
      <c r="H387" s="1"/>
      <c r="I387" s="1"/>
      <c r="J387" s="1"/>
      <c r="K387" s="1"/>
      <c r="L387" s="1"/>
      <c r="M387" s="1"/>
      <c r="N387" s="1"/>
      <c r="O387" s="1"/>
      <c r="P387" s="1"/>
      <c r="Q387" s="1"/>
      <c r="R387" s="1"/>
      <c r="S387" s="1"/>
      <c r="T387" s="1"/>
      <c r="U387" s="1"/>
      <c r="V387" s="1"/>
    </row>
    <row r="388" spans="4:22" x14ac:dyDescent="0.2">
      <c r="D388" s="1"/>
      <c r="E388" s="1"/>
      <c r="F388" s="1"/>
      <c r="G388" s="1"/>
      <c r="H388" s="1"/>
      <c r="I388" s="1"/>
      <c r="J388" s="1"/>
      <c r="K388" s="1"/>
      <c r="L388" s="1"/>
      <c r="M388" s="1"/>
      <c r="N388" s="1"/>
      <c r="O388" s="1"/>
      <c r="P388" s="1"/>
      <c r="Q388" s="1"/>
      <c r="R388" s="1"/>
      <c r="S388" s="1"/>
      <c r="T388" s="1"/>
      <c r="U388" s="1"/>
      <c r="V388" s="1"/>
    </row>
    <row r="389" spans="4:22" x14ac:dyDescent="0.2">
      <c r="D389" s="1"/>
      <c r="E389" s="1"/>
      <c r="F389" s="1"/>
      <c r="G389" s="1"/>
      <c r="H389" s="1"/>
      <c r="I389" s="1"/>
      <c r="J389" s="1"/>
      <c r="K389" s="1"/>
      <c r="L389" s="1"/>
      <c r="M389" s="1"/>
      <c r="N389" s="1"/>
      <c r="O389" s="1"/>
      <c r="P389" s="1"/>
      <c r="Q389" s="1"/>
      <c r="R389" s="1"/>
      <c r="S389" s="1"/>
      <c r="T389" s="1"/>
      <c r="U389" s="1"/>
      <c r="V389" s="1"/>
    </row>
    <row r="390" spans="4:22" x14ac:dyDescent="0.2">
      <c r="D390" s="1"/>
      <c r="E390" s="1"/>
      <c r="F390" s="1"/>
      <c r="G390" s="1"/>
      <c r="H390" s="1"/>
      <c r="I390" s="1"/>
      <c r="J390" s="1"/>
      <c r="K390" s="1"/>
      <c r="L390" s="1"/>
      <c r="M390" s="1"/>
      <c r="N390" s="1"/>
      <c r="O390" s="1"/>
      <c r="P390" s="1"/>
      <c r="Q390" s="1"/>
      <c r="R390" s="1"/>
      <c r="S390" s="1"/>
      <c r="T390" s="1"/>
      <c r="U390" s="1"/>
      <c r="V390" s="1"/>
    </row>
    <row r="391" spans="4:22" x14ac:dyDescent="0.2">
      <c r="D391" s="1"/>
      <c r="E391" s="1"/>
      <c r="F391" s="1"/>
      <c r="G391" s="1"/>
      <c r="H391" s="1"/>
      <c r="I391" s="1"/>
      <c r="J391" s="1"/>
      <c r="K391" s="1"/>
      <c r="L391" s="1"/>
      <c r="M391" s="1"/>
      <c r="N391" s="1"/>
      <c r="O391" s="1"/>
      <c r="P391" s="1"/>
      <c r="Q391" s="1"/>
      <c r="R391" s="1"/>
      <c r="S391" s="1"/>
      <c r="T391" s="1"/>
      <c r="U391" s="1"/>
      <c r="V391" s="1"/>
    </row>
    <row r="392" spans="4:22" x14ac:dyDescent="0.2">
      <c r="D392" s="1"/>
      <c r="E392" s="1"/>
      <c r="F392" s="1"/>
      <c r="G392" s="1"/>
      <c r="H392" s="1"/>
      <c r="I392" s="1"/>
      <c r="J392" s="1"/>
      <c r="K392" s="1"/>
      <c r="L392" s="1"/>
      <c r="M392" s="1"/>
      <c r="N392" s="1"/>
      <c r="O392" s="1"/>
      <c r="P392" s="1"/>
      <c r="Q392" s="1"/>
      <c r="R392" s="1"/>
      <c r="S392" s="1"/>
      <c r="T392" s="1"/>
      <c r="U392" s="1"/>
      <c r="V392" s="1"/>
    </row>
    <row r="393" spans="4:22" x14ac:dyDescent="0.2">
      <c r="D393" s="1"/>
      <c r="E393" s="1"/>
      <c r="F393" s="1"/>
      <c r="G393" s="1"/>
      <c r="H393" s="1"/>
      <c r="I393" s="1"/>
      <c r="J393" s="1"/>
      <c r="K393" s="1"/>
      <c r="L393" s="1"/>
      <c r="M393" s="1"/>
      <c r="N393" s="1"/>
      <c r="O393" s="1"/>
      <c r="P393" s="1"/>
      <c r="Q393" s="1"/>
      <c r="R393" s="1"/>
      <c r="S393" s="1"/>
      <c r="T393" s="1"/>
      <c r="U393" s="1"/>
      <c r="V393" s="1"/>
    </row>
    <row r="394" spans="4:22" x14ac:dyDescent="0.2">
      <c r="D394" s="1"/>
      <c r="E394" s="1"/>
      <c r="F394" s="1"/>
      <c r="G394" s="1"/>
      <c r="H394" s="1"/>
      <c r="I394" s="1"/>
      <c r="J394" s="1"/>
      <c r="K394" s="1"/>
      <c r="L394" s="1"/>
      <c r="M394" s="1"/>
      <c r="N394" s="1"/>
      <c r="O394" s="1"/>
      <c r="P394" s="1"/>
      <c r="Q394" s="1"/>
      <c r="R394" s="1"/>
      <c r="S394" s="1"/>
      <c r="T394" s="1"/>
      <c r="U394" s="1"/>
      <c r="V394" s="1"/>
    </row>
    <row r="395" spans="4:22" x14ac:dyDescent="0.2">
      <c r="D395" s="1"/>
      <c r="E395" s="1"/>
      <c r="F395" s="1"/>
      <c r="G395" s="1"/>
      <c r="H395" s="1"/>
      <c r="I395" s="1"/>
      <c r="J395" s="1"/>
      <c r="K395" s="1"/>
      <c r="L395" s="1"/>
      <c r="M395" s="1"/>
      <c r="N395" s="1"/>
      <c r="O395" s="1"/>
      <c r="P395" s="1"/>
      <c r="Q395" s="1"/>
      <c r="R395" s="1"/>
      <c r="S395" s="1"/>
      <c r="T395" s="1"/>
      <c r="U395" s="1"/>
      <c r="V395" s="1"/>
    </row>
    <row r="396" spans="4:22" x14ac:dyDescent="0.2">
      <c r="D396" s="1"/>
      <c r="E396" s="1"/>
      <c r="F396" s="1"/>
      <c r="G396" s="1"/>
      <c r="H396" s="1"/>
      <c r="I396" s="1"/>
      <c r="J396" s="1"/>
      <c r="K396" s="1"/>
      <c r="L396" s="1"/>
      <c r="M396" s="1"/>
      <c r="N396" s="1"/>
      <c r="O396" s="1"/>
      <c r="P396" s="1"/>
      <c r="Q396" s="1"/>
      <c r="R396" s="1"/>
      <c r="S396" s="1"/>
      <c r="T396" s="1"/>
      <c r="U396" s="1"/>
      <c r="V396" s="1"/>
    </row>
    <row r="397" spans="4:22" x14ac:dyDescent="0.2">
      <c r="D397" s="1"/>
      <c r="E397" s="1"/>
      <c r="F397" s="1"/>
      <c r="G397" s="1"/>
      <c r="H397" s="1"/>
      <c r="I397" s="1"/>
      <c r="J397" s="1"/>
      <c r="K397" s="1"/>
      <c r="L397" s="1"/>
      <c r="M397" s="1"/>
      <c r="N397" s="1"/>
      <c r="O397" s="1"/>
      <c r="P397" s="1"/>
      <c r="Q397" s="1"/>
      <c r="R397" s="1"/>
      <c r="S397" s="1"/>
      <c r="T397" s="1"/>
      <c r="U397" s="1"/>
      <c r="V397" s="1"/>
    </row>
    <row r="398" spans="4:22" x14ac:dyDescent="0.2">
      <c r="D398" s="1"/>
      <c r="E398" s="1"/>
      <c r="F398" s="1"/>
      <c r="G398" s="1"/>
      <c r="H398" s="1"/>
      <c r="I398" s="1"/>
      <c r="J398" s="1"/>
      <c r="K398" s="1"/>
      <c r="L398" s="1"/>
      <c r="M398" s="1"/>
      <c r="N398" s="1"/>
      <c r="O398" s="1"/>
      <c r="P398" s="1"/>
      <c r="Q398" s="1"/>
      <c r="R398" s="1"/>
      <c r="S398" s="1"/>
      <c r="T398" s="1"/>
      <c r="U398" s="1"/>
      <c r="V398" s="1"/>
    </row>
    <row r="399" spans="4:22" x14ac:dyDescent="0.2">
      <c r="D399" s="1"/>
      <c r="E399" s="1"/>
      <c r="F399" s="1"/>
      <c r="G399" s="1"/>
      <c r="H399" s="1"/>
      <c r="I399" s="1"/>
      <c r="J399" s="1"/>
      <c r="K399" s="1"/>
      <c r="L399" s="1"/>
      <c r="M399" s="1"/>
      <c r="N399" s="1"/>
      <c r="O399" s="1"/>
      <c r="P399" s="1"/>
      <c r="Q399" s="1"/>
      <c r="R399" s="1"/>
      <c r="S399" s="1"/>
      <c r="T399" s="1"/>
      <c r="U399" s="1"/>
      <c r="V399" s="1"/>
    </row>
    <row r="400" spans="4:22" x14ac:dyDescent="0.2">
      <c r="D400" s="1"/>
      <c r="E400" s="1"/>
      <c r="F400" s="1"/>
      <c r="G400" s="1"/>
      <c r="H400" s="1"/>
      <c r="I400" s="1"/>
      <c r="J400" s="1"/>
      <c r="K400" s="1"/>
      <c r="L400" s="1"/>
      <c r="M400" s="1"/>
      <c r="N400" s="1"/>
      <c r="O400" s="1"/>
      <c r="P400" s="1"/>
      <c r="Q400" s="1"/>
      <c r="R400" s="1"/>
      <c r="S400" s="1"/>
      <c r="T400" s="1"/>
      <c r="U400" s="1"/>
      <c r="V400" s="1"/>
    </row>
    <row r="401" spans="4:22" x14ac:dyDescent="0.2">
      <c r="D401" s="1"/>
      <c r="E401" s="1"/>
      <c r="F401" s="1"/>
      <c r="G401" s="1"/>
      <c r="H401" s="1"/>
      <c r="I401" s="1"/>
      <c r="J401" s="1"/>
      <c r="K401" s="1"/>
      <c r="L401" s="1"/>
      <c r="M401" s="1"/>
      <c r="N401" s="1"/>
      <c r="O401" s="1"/>
      <c r="P401" s="1"/>
      <c r="Q401" s="1"/>
      <c r="R401" s="1"/>
      <c r="S401" s="1"/>
      <c r="T401" s="1"/>
      <c r="U401" s="1"/>
      <c r="V401" s="1"/>
    </row>
    <row r="402" spans="4:22" x14ac:dyDescent="0.2">
      <c r="D402" s="1"/>
      <c r="E402" s="1"/>
      <c r="F402" s="1"/>
      <c r="G402" s="1"/>
      <c r="H402" s="1"/>
      <c r="I402" s="1"/>
      <c r="J402" s="1"/>
      <c r="K402" s="1"/>
      <c r="L402" s="1"/>
      <c r="M402" s="1"/>
      <c r="N402" s="1"/>
      <c r="O402" s="1"/>
      <c r="P402" s="1"/>
      <c r="Q402" s="1"/>
      <c r="R402" s="1"/>
      <c r="S402" s="1"/>
      <c r="T402" s="1"/>
      <c r="U402" s="1"/>
      <c r="V402" s="1"/>
    </row>
    <row r="403" spans="4:22" x14ac:dyDescent="0.2">
      <c r="D403" s="1"/>
      <c r="E403" s="1"/>
      <c r="F403" s="1"/>
      <c r="G403" s="1"/>
      <c r="H403" s="1"/>
      <c r="I403" s="1"/>
      <c r="J403" s="1"/>
      <c r="K403" s="1"/>
      <c r="L403" s="1"/>
      <c r="M403" s="1"/>
      <c r="N403" s="1"/>
      <c r="O403" s="1"/>
      <c r="P403" s="1"/>
      <c r="Q403" s="1"/>
      <c r="R403" s="1"/>
      <c r="S403" s="1"/>
      <c r="T403" s="1"/>
      <c r="U403" s="1"/>
      <c r="V403" s="1"/>
    </row>
    <row r="404" spans="4:22" x14ac:dyDescent="0.2">
      <c r="D404" s="1"/>
      <c r="E404" s="1"/>
      <c r="F404" s="1"/>
      <c r="G404" s="1"/>
      <c r="H404" s="1"/>
      <c r="I404" s="1"/>
      <c r="J404" s="1"/>
      <c r="K404" s="1"/>
      <c r="L404" s="1"/>
      <c r="M404" s="1"/>
      <c r="N404" s="1"/>
      <c r="O404" s="1"/>
      <c r="P404" s="1"/>
      <c r="Q404" s="1"/>
      <c r="R404" s="1"/>
      <c r="S404" s="1"/>
      <c r="T404" s="1"/>
      <c r="U404" s="1"/>
      <c r="V404" s="1"/>
    </row>
    <row r="405" spans="4:22" x14ac:dyDescent="0.2">
      <c r="D405" s="1"/>
      <c r="E405" s="1"/>
      <c r="F405" s="1"/>
      <c r="G405" s="1"/>
      <c r="H405" s="1"/>
      <c r="I405" s="1"/>
      <c r="J405" s="1"/>
      <c r="K405" s="1"/>
      <c r="L405" s="1"/>
      <c r="M405" s="1"/>
      <c r="N405" s="1"/>
      <c r="O405" s="1"/>
      <c r="P405" s="1"/>
      <c r="Q405" s="1"/>
      <c r="R405" s="1"/>
      <c r="S405" s="1"/>
      <c r="T405" s="1"/>
      <c r="U405" s="1"/>
      <c r="V405" s="1"/>
    </row>
    <row r="406" spans="4:22" x14ac:dyDescent="0.2">
      <c r="D406" s="1"/>
      <c r="E406" s="1"/>
      <c r="F406" s="1"/>
      <c r="G406" s="1"/>
      <c r="H406" s="1"/>
      <c r="I406" s="1"/>
      <c r="J406" s="1"/>
      <c r="K406" s="1"/>
      <c r="L406" s="1"/>
      <c r="M406" s="1"/>
      <c r="N406" s="1"/>
      <c r="O406" s="1"/>
      <c r="P406" s="1"/>
      <c r="Q406" s="1"/>
      <c r="R406" s="1"/>
      <c r="S406" s="1"/>
      <c r="T406" s="1"/>
      <c r="U406" s="1"/>
      <c r="V406" s="1"/>
    </row>
    <row r="407" spans="4:22" x14ac:dyDescent="0.2">
      <c r="D407" s="1"/>
      <c r="E407" s="1"/>
      <c r="F407" s="1"/>
      <c r="G407" s="1"/>
      <c r="H407" s="1"/>
      <c r="I407" s="1"/>
      <c r="J407" s="1"/>
      <c r="K407" s="1"/>
      <c r="L407" s="1"/>
      <c r="M407" s="1"/>
      <c r="N407" s="1"/>
      <c r="O407" s="1"/>
      <c r="P407" s="1"/>
      <c r="Q407" s="1"/>
      <c r="R407" s="1"/>
      <c r="S407" s="1"/>
      <c r="T407" s="1"/>
      <c r="U407" s="1"/>
      <c r="V407" s="1"/>
    </row>
    <row r="408" spans="4:22" x14ac:dyDescent="0.2">
      <c r="D408" s="1"/>
      <c r="E408" s="1"/>
      <c r="F408" s="1"/>
      <c r="G408" s="1"/>
      <c r="H408" s="1"/>
      <c r="I408" s="1"/>
      <c r="J408" s="1"/>
      <c r="K408" s="1"/>
      <c r="L408" s="1"/>
      <c r="M408" s="1"/>
      <c r="N408" s="1"/>
      <c r="O408" s="1"/>
      <c r="P408" s="1"/>
      <c r="Q408" s="1"/>
      <c r="R408" s="1"/>
      <c r="S408" s="1"/>
      <c r="T408" s="1"/>
      <c r="U408" s="1"/>
      <c r="V408" s="1"/>
    </row>
    <row r="409" spans="4:22" x14ac:dyDescent="0.2">
      <c r="D409" s="1"/>
      <c r="E409" s="1"/>
      <c r="F409" s="1"/>
      <c r="G409" s="1"/>
      <c r="H409" s="1"/>
      <c r="I409" s="1"/>
      <c r="J409" s="1"/>
      <c r="K409" s="1"/>
      <c r="L409" s="1"/>
      <c r="M409" s="1"/>
      <c r="N409" s="1"/>
      <c r="O409" s="1"/>
      <c r="P409" s="1"/>
      <c r="Q409" s="1"/>
      <c r="R409" s="1"/>
      <c r="S409" s="1"/>
      <c r="T409" s="1"/>
      <c r="U409" s="1"/>
      <c r="V409" s="1"/>
    </row>
    <row r="410" spans="4:22" x14ac:dyDescent="0.2">
      <c r="D410" s="1"/>
      <c r="E410" s="1"/>
      <c r="F410" s="1"/>
      <c r="G410" s="1"/>
      <c r="H410" s="1"/>
      <c r="I410" s="1"/>
      <c r="J410" s="1"/>
      <c r="K410" s="1"/>
      <c r="L410" s="1"/>
      <c r="M410" s="1"/>
      <c r="N410" s="1"/>
      <c r="O410" s="1"/>
      <c r="P410" s="1"/>
      <c r="Q410" s="1"/>
      <c r="R410" s="1"/>
      <c r="S410" s="1"/>
      <c r="T410" s="1"/>
      <c r="U410" s="1"/>
      <c r="V410" s="1"/>
    </row>
    <row r="411" spans="4:22" x14ac:dyDescent="0.2">
      <c r="D411" s="1"/>
      <c r="E411" s="1"/>
      <c r="F411" s="1"/>
      <c r="G411" s="1"/>
      <c r="H411" s="1"/>
      <c r="I411" s="1"/>
      <c r="J411" s="1"/>
      <c r="K411" s="1"/>
      <c r="L411" s="1"/>
      <c r="M411" s="1"/>
      <c r="N411" s="1"/>
      <c r="O411" s="1"/>
      <c r="P411" s="1"/>
      <c r="Q411" s="1"/>
      <c r="R411" s="1"/>
      <c r="S411" s="1"/>
      <c r="T411" s="1"/>
      <c r="U411" s="1"/>
      <c r="V411" s="1"/>
    </row>
    <row r="412" spans="4:22" x14ac:dyDescent="0.2">
      <c r="D412" s="1"/>
      <c r="E412" s="1"/>
      <c r="F412" s="1"/>
      <c r="G412" s="1"/>
      <c r="H412" s="1"/>
      <c r="I412" s="1"/>
      <c r="J412" s="1"/>
      <c r="K412" s="1"/>
      <c r="L412" s="1"/>
      <c r="M412" s="1"/>
      <c r="N412" s="1"/>
      <c r="O412" s="1"/>
      <c r="P412" s="1"/>
      <c r="Q412" s="1"/>
      <c r="R412" s="1"/>
      <c r="S412" s="1"/>
      <c r="T412" s="1"/>
      <c r="U412" s="1"/>
      <c r="V412" s="1"/>
    </row>
    <row r="413" spans="4:22" x14ac:dyDescent="0.2">
      <c r="D413" s="1"/>
      <c r="E413" s="1"/>
      <c r="F413" s="1"/>
      <c r="G413" s="1"/>
      <c r="H413" s="1"/>
      <c r="I413" s="1"/>
      <c r="J413" s="1"/>
      <c r="K413" s="1"/>
      <c r="L413" s="1"/>
      <c r="M413" s="1"/>
      <c r="N413" s="1"/>
      <c r="O413" s="1"/>
      <c r="P413" s="1"/>
      <c r="Q413" s="1"/>
      <c r="R413" s="1"/>
      <c r="S413" s="1"/>
      <c r="T413" s="1"/>
      <c r="U413" s="1"/>
      <c r="V413" s="1"/>
    </row>
    <row r="414" spans="4:22" x14ac:dyDescent="0.2">
      <c r="D414" s="1"/>
      <c r="E414" s="1"/>
      <c r="F414" s="1"/>
      <c r="G414" s="1"/>
      <c r="H414" s="1"/>
      <c r="I414" s="1"/>
      <c r="J414" s="1"/>
      <c r="K414" s="1"/>
      <c r="L414" s="1"/>
      <c r="M414" s="1"/>
      <c r="N414" s="1"/>
      <c r="O414" s="1"/>
      <c r="P414" s="1"/>
      <c r="Q414" s="1"/>
      <c r="R414" s="1"/>
      <c r="S414" s="1"/>
      <c r="T414" s="1"/>
      <c r="U414" s="1"/>
      <c r="V414" s="1"/>
    </row>
    <row r="415" spans="4:22" x14ac:dyDescent="0.2">
      <c r="D415" s="1"/>
      <c r="E415" s="1"/>
      <c r="F415" s="1"/>
      <c r="G415" s="1"/>
      <c r="H415" s="1"/>
      <c r="I415" s="1"/>
      <c r="J415" s="1"/>
      <c r="K415" s="1"/>
      <c r="L415" s="1"/>
      <c r="M415" s="1"/>
      <c r="N415" s="1"/>
      <c r="O415" s="1"/>
      <c r="P415" s="1"/>
      <c r="Q415" s="1"/>
      <c r="R415" s="1"/>
      <c r="S415" s="1"/>
      <c r="T415" s="1"/>
      <c r="U415" s="1"/>
      <c r="V415" s="1"/>
    </row>
    <row r="416" spans="4:22" x14ac:dyDescent="0.2">
      <c r="D416" s="1"/>
      <c r="E416" s="1"/>
      <c r="F416" s="1"/>
      <c r="G416" s="1"/>
      <c r="H416" s="1"/>
      <c r="I416" s="1"/>
      <c r="J416" s="1"/>
      <c r="K416" s="1"/>
      <c r="L416" s="1"/>
      <c r="M416" s="1"/>
      <c r="N416" s="1"/>
      <c r="O416" s="1"/>
      <c r="P416" s="1"/>
      <c r="Q416" s="1"/>
      <c r="R416" s="1"/>
      <c r="S416" s="1"/>
      <c r="T416" s="1"/>
      <c r="U416" s="1"/>
      <c r="V416" s="1"/>
    </row>
    <row r="417" spans="4:22" x14ac:dyDescent="0.2">
      <c r="D417" s="1"/>
      <c r="E417" s="1"/>
      <c r="F417" s="1"/>
      <c r="G417" s="1"/>
      <c r="H417" s="1"/>
      <c r="I417" s="1"/>
      <c r="J417" s="1"/>
      <c r="K417" s="1"/>
      <c r="L417" s="1"/>
      <c r="M417" s="1"/>
      <c r="N417" s="1"/>
      <c r="O417" s="1"/>
      <c r="P417" s="1"/>
      <c r="Q417" s="1"/>
      <c r="R417" s="1"/>
      <c r="S417" s="1"/>
      <c r="T417" s="1"/>
      <c r="U417" s="1"/>
      <c r="V417" s="1"/>
    </row>
    <row r="418" spans="4:22" x14ac:dyDescent="0.2">
      <c r="D418" s="1"/>
      <c r="E418" s="1"/>
      <c r="F418" s="1"/>
      <c r="G418" s="1"/>
      <c r="H418" s="1"/>
      <c r="I418" s="1"/>
      <c r="J418" s="1"/>
      <c r="K418" s="1"/>
      <c r="L418" s="1"/>
      <c r="M418" s="1"/>
      <c r="N418" s="1"/>
      <c r="O418" s="1"/>
      <c r="P418" s="1"/>
      <c r="Q418" s="1"/>
      <c r="R418" s="1"/>
      <c r="S418" s="1"/>
      <c r="T418" s="1"/>
      <c r="U418" s="1"/>
      <c r="V418" s="1"/>
    </row>
    <row r="419" spans="4:22" x14ac:dyDescent="0.2">
      <c r="D419" s="1"/>
      <c r="E419" s="1"/>
      <c r="F419" s="1"/>
      <c r="G419" s="1"/>
      <c r="H419" s="1"/>
      <c r="I419" s="1"/>
      <c r="J419" s="1"/>
      <c r="K419" s="1"/>
      <c r="L419" s="1"/>
      <c r="M419" s="1"/>
      <c r="N419" s="1"/>
      <c r="O419" s="1"/>
      <c r="P419" s="1"/>
      <c r="Q419" s="1"/>
      <c r="R419" s="1"/>
      <c r="S419" s="1"/>
      <c r="T419" s="1"/>
      <c r="U419" s="1"/>
      <c r="V419" s="1"/>
    </row>
    <row r="420" spans="4:22" x14ac:dyDescent="0.2">
      <c r="D420" s="1"/>
      <c r="E420" s="1"/>
      <c r="F420" s="1"/>
      <c r="G420" s="1"/>
      <c r="H420" s="1"/>
      <c r="I420" s="1"/>
      <c r="J420" s="1"/>
      <c r="K420" s="1"/>
      <c r="L420" s="1"/>
      <c r="M420" s="1"/>
      <c r="N420" s="1"/>
      <c r="O420" s="1"/>
      <c r="P420" s="1"/>
      <c r="Q420" s="1"/>
      <c r="R420" s="1"/>
      <c r="S420" s="1"/>
      <c r="T420" s="1"/>
      <c r="U420" s="1"/>
      <c r="V420" s="1"/>
    </row>
    <row r="421" spans="4:22" x14ac:dyDescent="0.2">
      <c r="D421" s="1"/>
      <c r="E421" s="1"/>
      <c r="F421" s="1"/>
      <c r="G421" s="1"/>
      <c r="H421" s="1"/>
      <c r="I421" s="1"/>
      <c r="J421" s="1"/>
      <c r="K421" s="1"/>
      <c r="L421" s="1"/>
      <c r="M421" s="1"/>
      <c r="N421" s="1"/>
      <c r="O421" s="1"/>
      <c r="P421" s="1"/>
      <c r="Q421" s="1"/>
      <c r="R421" s="1"/>
      <c r="S421" s="1"/>
      <c r="T421" s="1"/>
      <c r="U421" s="1"/>
      <c r="V421" s="1"/>
    </row>
    <row r="422" spans="4:22" x14ac:dyDescent="0.2">
      <c r="D422" s="1"/>
      <c r="E422" s="1"/>
      <c r="F422" s="1"/>
      <c r="G422" s="1"/>
      <c r="H422" s="1"/>
      <c r="I422" s="1"/>
      <c r="J422" s="1"/>
      <c r="K422" s="1"/>
      <c r="L422" s="1"/>
      <c r="M422" s="1"/>
      <c r="N422" s="1"/>
      <c r="O422" s="1"/>
      <c r="P422" s="1"/>
      <c r="Q422" s="1"/>
      <c r="R422" s="1"/>
      <c r="S422" s="1"/>
      <c r="T422" s="1"/>
      <c r="U422" s="1"/>
      <c r="V422" s="1"/>
    </row>
    <row r="423" spans="4:22" x14ac:dyDescent="0.2">
      <c r="D423" s="1"/>
      <c r="E423" s="1"/>
      <c r="F423" s="1"/>
      <c r="G423" s="1"/>
      <c r="H423" s="1"/>
      <c r="I423" s="1"/>
      <c r="J423" s="1"/>
      <c r="K423" s="1"/>
      <c r="L423" s="1"/>
      <c r="M423" s="1"/>
      <c r="N423" s="1"/>
      <c r="O423" s="1"/>
      <c r="P423" s="1"/>
      <c r="Q423" s="1"/>
      <c r="R423" s="1"/>
      <c r="S423" s="1"/>
      <c r="T423" s="1"/>
      <c r="U423" s="1"/>
      <c r="V423" s="1"/>
    </row>
    <row r="424" spans="4:22" x14ac:dyDescent="0.2">
      <c r="D424" s="1"/>
      <c r="E424" s="1"/>
      <c r="F424" s="1"/>
      <c r="G424" s="1"/>
      <c r="H424" s="1"/>
      <c r="I424" s="1"/>
      <c r="J424" s="1"/>
      <c r="K424" s="1"/>
      <c r="L424" s="1"/>
      <c r="M424" s="1"/>
      <c r="N424" s="1"/>
      <c r="O424" s="1"/>
      <c r="P424" s="1"/>
      <c r="Q424" s="1"/>
      <c r="R424" s="1"/>
      <c r="S424" s="1"/>
      <c r="T424" s="1"/>
      <c r="U424" s="1"/>
      <c r="V424" s="1"/>
    </row>
    <row r="425" spans="4:22" x14ac:dyDescent="0.2">
      <c r="D425" s="1"/>
      <c r="E425" s="1"/>
      <c r="F425" s="1"/>
      <c r="G425" s="1"/>
      <c r="H425" s="1"/>
      <c r="I425" s="1"/>
      <c r="J425" s="1"/>
      <c r="K425" s="1"/>
      <c r="L425" s="1"/>
      <c r="M425" s="1"/>
      <c r="N425" s="1"/>
      <c r="O425" s="1"/>
      <c r="P425" s="1"/>
      <c r="Q425" s="1"/>
      <c r="R425" s="1"/>
      <c r="S425" s="1"/>
      <c r="T425" s="1"/>
      <c r="U425" s="1"/>
      <c r="V425" s="1"/>
    </row>
    <row r="426" spans="4:22" x14ac:dyDescent="0.2">
      <c r="D426" s="1"/>
      <c r="E426" s="1"/>
      <c r="F426" s="1"/>
      <c r="G426" s="1"/>
      <c r="H426" s="1"/>
      <c r="I426" s="1"/>
      <c r="J426" s="1"/>
      <c r="K426" s="1"/>
      <c r="L426" s="1"/>
      <c r="M426" s="1"/>
      <c r="N426" s="1"/>
      <c r="O426" s="1"/>
      <c r="P426" s="1"/>
      <c r="Q426" s="1"/>
      <c r="R426" s="1"/>
      <c r="S426" s="1"/>
      <c r="T426" s="1"/>
      <c r="U426" s="1"/>
      <c r="V426" s="1"/>
    </row>
    <row r="427" spans="4:22" x14ac:dyDescent="0.2">
      <c r="D427" s="1"/>
      <c r="E427" s="1"/>
      <c r="F427" s="1"/>
      <c r="G427" s="1"/>
      <c r="H427" s="1"/>
      <c r="I427" s="1"/>
      <c r="J427" s="1"/>
      <c r="K427" s="1"/>
      <c r="L427" s="1"/>
      <c r="M427" s="1"/>
      <c r="N427" s="1"/>
      <c r="O427" s="1"/>
      <c r="P427" s="1"/>
      <c r="Q427" s="1"/>
      <c r="R427" s="1"/>
      <c r="S427" s="1"/>
      <c r="T427" s="1"/>
      <c r="U427" s="1"/>
      <c r="V427" s="1"/>
    </row>
    <row r="428" spans="4:22" x14ac:dyDescent="0.2">
      <c r="D428" s="1"/>
      <c r="E428" s="1"/>
      <c r="F428" s="1"/>
      <c r="G428" s="1"/>
      <c r="H428" s="1"/>
      <c r="I428" s="1"/>
      <c r="J428" s="1"/>
      <c r="K428" s="1"/>
      <c r="L428" s="1"/>
      <c r="M428" s="1"/>
      <c r="N428" s="1"/>
      <c r="O428" s="1"/>
      <c r="P428" s="1"/>
      <c r="Q428" s="1"/>
      <c r="R428" s="1"/>
      <c r="S428" s="1"/>
      <c r="T428" s="1"/>
      <c r="U428" s="1"/>
      <c r="V428" s="1"/>
    </row>
    <row r="429" spans="4:22" x14ac:dyDescent="0.2">
      <c r="D429" s="1"/>
      <c r="E429" s="1"/>
      <c r="F429" s="1"/>
      <c r="G429" s="1"/>
      <c r="H429" s="1"/>
      <c r="I429" s="1"/>
      <c r="J429" s="1"/>
      <c r="K429" s="1"/>
      <c r="L429" s="1"/>
      <c r="M429" s="1"/>
      <c r="N429" s="1"/>
      <c r="O429" s="1"/>
      <c r="P429" s="1"/>
      <c r="Q429" s="1"/>
      <c r="R429" s="1"/>
      <c r="S429" s="1"/>
      <c r="T429" s="1"/>
      <c r="U429" s="1"/>
      <c r="V429" s="1"/>
    </row>
    <row r="430" spans="4:22" x14ac:dyDescent="0.2">
      <c r="D430" s="1"/>
      <c r="E430" s="1"/>
      <c r="F430" s="1"/>
      <c r="G430" s="1"/>
      <c r="H430" s="1"/>
      <c r="I430" s="1"/>
      <c r="J430" s="1"/>
      <c r="K430" s="1"/>
      <c r="L430" s="1"/>
      <c r="M430" s="1"/>
      <c r="N430" s="1"/>
      <c r="O430" s="1"/>
      <c r="P430" s="1"/>
      <c r="Q430" s="1"/>
      <c r="R430" s="1"/>
      <c r="S430" s="1"/>
      <c r="T430" s="1"/>
      <c r="U430" s="1"/>
      <c r="V430" s="1"/>
    </row>
    <row r="431" spans="4:22" x14ac:dyDescent="0.2">
      <c r="D431" s="1"/>
      <c r="E431" s="1"/>
      <c r="F431" s="1"/>
      <c r="G431" s="1"/>
      <c r="H431" s="1"/>
      <c r="I431" s="1"/>
      <c r="J431" s="1"/>
      <c r="K431" s="1"/>
      <c r="L431" s="1"/>
      <c r="M431" s="1"/>
      <c r="N431" s="1"/>
      <c r="O431" s="1"/>
      <c r="P431" s="1"/>
      <c r="Q431" s="1"/>
      <c r="R431" s="1"/>
      <c r="S431" s="1"/>
      <c r="T431" s="1"/>
      <c r="U431" s="1"/>
      <c r="V431" s="1"/>
    </row>
    <row r="432" spans="4:22" x14ac:dyDescent="0.2">
      <c r="D432" s="1"/>
      <c r="E432" s="1"/>
      <c r="F432" s="1"/>
      <c r="G432" s="1"/>
      <c r="H432" s="1"/>
      <c r="I432" s="1"/>
      <c r="J432" s="1"/>
      <c r="K432" s="1"/>
      <c r="L432" s="1"/>
      <c r="M432" s="1"/>
      <c r="N432" s="1"/>
      <c r="O432" s="1"/>
      <c r="P432" s="1"/>
      <c r="Q432" s="1"/>
      <c r="R432" s="1"/>
      <c r="S432" s="1"/>
      <c r="T432" s="1"/>
      <c r="U432" s="1"/>
      <c r="V432" s="1"/>
    </row>
    <row r="433" spans="4:22" x14ac:dyDescent="0.2">
      <c r="D433" s="1"/>
      <c r="E433" s="1"/>
      <c r="F433" s="1"/>
      <c r="G433" s="1"/>
      <c r="H433" s="1"/>
      <c r="I433" s="1"/>
      <c r="J433" s="1"/>
      <c r="K433" s="1"/>
      <c r="L433" s="1"/>
      <c r="M433" s="1"/>
      <c r="N433" s="1"/>
      <c r="O433" s="1"/>
      <c r="P433" s="1"/>
      <c r="Q433" s="1"/>
      <c r="R433" s="1"/>
      <c r="S433" s="1"/>
      <c r="T433" s="1"/>
      <c r="U433" s="1"/>
      <c r="V433" s="1"/>
    </row>
    <row r="434" spans="4:22" x14ac:dyDescent="0.2">
      <c r="D434" s="1"/>
      <c r="E434" s="1"/>
      <c r="F434" s="1"/>
      <c r="G434" s="1"/>
      <c r="H434" s="1"/>
      <c r="I434" s="1"/>
      <c r="J434" s="1"/>
      <c r="K434" s="1"/>
      <c r="L434" s="1"/>
      <c r="M434" s="1"/>
      <c r="N434" s="1"/>
      <c r="O434" s="1"/>
      <c r="P434" s="1"/>
      <c r="Q434" s="1"/>
      <c r="R434" s="1"/>
      <c r="S434" s="1"/>
      <c r="T434" s="1"/>
      <c r="U434" s="1"/>
      <c r="V434" s="1"/>
    </row>
    <row r="435" spans="4:22" x14ac:dyDescent="0.2">
      <c r="D435" s="1"/>
      <c r="E435" s="1"/>
      <c r="F435" s="1"/>
      <c r="G435" s="1"/>
      <c r="H435" s="1"/>
      <c r="I435" s="1"/>
      <c r="J435" s="1"/>
      <c r="K435" s="1"/>
      <c r="L435" s="1"/>
      <c r="M435" s="1"/>
      <c r="N435" s="1"/>
      <c r="O435" s="1"/>
      <c r="P435" s="1"/>
      <c r="Q435" s="1"/>
      <c r="R435" s="1"/>
      <c r="S435" s="1"/>
      <c r="T435" s="1"/>
      <c r="U435" s="1"/>
      <c r="V435" s="1"/>
    </row>
    <row r="436" spans="4:22" x14ac:dyDescent="0.2">
      <c r="D436" s="1"/>
      <c r="E436" s="1"/>
      <c r="F436" s="1"/>
      <c r="G436" s="1"/>
      <c r="H436" s="1"/>
      <c r="I436" s="1"/>
      <c r="J436" s="1"/>
      <c r="K436" s="1"/>
      <c r="L436" s="1"/>
      <c r="M436" s="1"/>
      <c r="N436" s="1"/>
      <c r="O436" s="1"/>
      <c r="P436" s="1"/>
      <c r="Q436" s="1"/>
      <c r="R436" s="1"/>
      <c r="S436" s="1"/>
      <c r="T436" s="1"/>
      <c r="U436" s="1"/>
      <c r="V436" s="1"/>
    </row>
    <row r="437" spans="4:22" x14ac:dyDescent="0.2">
      <c r="D437" s="1"/>
      <c r="E437" s="1"/>
      <c r="F437" s="1"/>
      <c r="G437" s="1"/>
      <c r="H437" s="1"/>
      <c r="I437" s="1"/>
      <c r="J437" s="1"/>
      <c r="K437" s="1"/>
      <c r="L437" s="1"/>
      <c r="M437" s="1"/>
      <c r="N437" s="1"/>
      <c r="O437" s="1"/>
      <c r="P437" s="1"/>
      <c r="Q437" s="1"/>
      <c r="R437" s="1"/>
      <c r="S437" s="1"/>
      <c r="T437" s="1"/>
      <c r="U437" s="1"/>
      <c r="V437" s="1"/>
    </row>
    <row r="438" spans="4:22" x14ac:dyDescent="0.2">
      <c r="D438" s="1"/>
      <c r="E438" s="1"/>
      <c r="F438" s="1"/>
      <c r="G438" s="1"/>
      <c r="H438" s="1"/>
      <c r="I438" s="1"/>
      <c r="J438" s="1"/>
      <c r="K438" s="1"/>
      <c r="L438" s="1"/>
      <c r="M438" s="1"/>
      <c r="N438" s="1"/>
      <c r="O438" s="1"/>
      <c r="P438" s="1"/>
      <c r="Q438" s="1"/>
      <c r="R438" s="1"/>
      <c r="S438" s="1"/>
      <c r="T438" s="1"/>
      <c r="U438" s="1"/>
      <c r="V438" s="1"/>
    </row>
    <row r="439" spans="4:22" x14ac:dyDescent="0.2">
      <c r="D439" s="1"/>
      <c r="E439" s="1"/>
      <c r="F439" s="1"/>
      <c r="G439" s="1"/>
      <c r="H439" s="1"/>
      <c r="I439" s="1"/>
      <c r="J439" s="1"/>
      <c r="K439" s="1"/>
      <c r="L439" s="1"/>
      <c r="M439" s="1"/>
      <c r="N439" s="1"/>
      <c r="O439" s="1"/>
      <c r="P439" s="1"/>
      <c r="Q439" s="1"/>
      <c r="R439" s="1"/>
      <c r="S439" s="1"/>
      <c r="T439" s="1"/>
      <c r="U439" s="1"/>
      <c r="V439" s="1"/>
    </row>
    <row r="440" spans="4:22" x14ac:dyDescent="0.2">
      <c r="D440" s="1"/>
      <c r="E440" s="1"/>
      <c r="F440" s="1"/>
      <c r="G440" s="1"/>
      <c r="H440" s="1"/>
      <c r="I440" s="1"/>
      <c r="J440" s="1"/>
      <c r="K440" s="1"/>
      <c r="L440" s="1"/>
      <c r="M440" s="1"/>
      <c r="N440" s="1"/>
      <c r="O440" s="1"/>
      <c r="P440" s="1"/>
      <c r="Q440" s="1"/>
      <c r="R440" s="1"/>
      <c r="S440" s="1"/>
      <c r="T440" s="1"/>
      <c r="U440" s="1"/>
      <c r="V440" s="1"/>
    </row>
    <row r="441" spans="4:22" x14ac:dyDescent="0.2">
      <c r="D441" s="1"/>
      <c r="E441" s="1"/>
      <c r="F441" s="1"/>
      <c r="G441" s="1"/>
      <c r="H441" s="1"/>
      <c r="I441" s="1"/>
      <c r="J441" s="1"/>
      <c r="K441" s="1"/>
      <c r="L441" s="1"/>
      <c r="M441" s="1"/>
      <c r="N441" s="1"/>
      <c r="O441" s="1"/>
      <c r="P441" s="1"/>
      <c r="Q441" s="1"/>
      <c r="R441" s="1"/>
      <c r="S441" s="1"/>
      <c r="T441" s="1"/>
      <c r="U441" s="1"/>
      <c r="V441" s="1"/>
    </row>
    <row r="442" spans="4:22" x14ac:dyDescent="0.2">
      <c r="D442" s="1"/>
      <c r="E442" s="1"/>
      <c r="F442" s="1"/>
      <c r="G442" s="1"/>
      <c r="H442" s="1"/>
      <c r="I442" s="1"/>
      <c r="J442" s="1"/>
      <c r="K442" s="1"/>
      <c r="L442" s="1"/>
      <c r="M442" s="1"/>
      <c r="N442" s="1"/>
      <c r="O442" s="1"/>
      <c r="P442" s="1"/>
      <c r="Q442" s="1"/>
      <c r="R442" s="1"/>
      <c r="S442" s="1"/>
      <c r="T442" s="1"/>
      <c r="U442" s="1"/>
      <c r="V442" s="1"/>
    </row>
    <row r="443" spans="4:22" x14ac:dyDescent="0.2">
      <c r="D443" s="1"/>
      <c r="E443" s="1"/>
      <c r="F443" s="1"/>
      <c r="G443" s="1"/>
      <c r="H443" s="1"/>
      <c r="I443" s="1"/>
      <c r="J443" s="1"/>
      <c r="K443" s="1"/>
      <c r="L443" s="1"/>
      <c r="M443" s="1"/>
      <c r="N443" s="1"/>
      <c r="O443" s="1"/>
      <c r="P443" s="1"/>
      <c r="Q443" s="1"/>
      <c r="R443" s="1"/>
      <c r="S443" s="1"/>
      <c r="T443" s="1"/>
      <c r="U443" s="1"/>
      <c r="V443" s="1"/>
    </row>
    <row r="444" spans="4:22" x14ac:dyDescent="0.2">
      <c r="D444" s="1"/>
      <c r="E444" s="1"/>
      <c r="F444" s="1"/>
      <c r="G444" s="1"/>
      <c r="H444" s="1"/>
      <c r="I444" s="1"/>
      <c r="J444" s="1"/>
      <c r="K444" s="1"/>
      <c r="L444" s="1"/>
      <c r="M444" s="1"/>
      <c r="N444" s="1"/>
      <c r="O444" s="1"/>
      <c r="P444" s="1"/>
      <c r="Q444" s="1"/>
      <c r="R444" s="1"/>
      <c r="S444" s="1"/>
      <c r="T444" s="1"/>
      <c r="U444" s="1"/>
      <c r="V444" s="1"/>
    </row>
    <row r="445" spans="4:22" x14ac:dyDescent="0.2">
      <c r="D445" s="1"/>
      <c r="E445" s="1"/>
      <c r="F445" s="1"/>
      <c r="G445" s="1"/>
      <c r="H445" s="1"/>
      <c r="I445" s="1"/>
      <c r="J445" s="1"/>
      <c r="K445" s="1"/>
      <c r="L445" s="1"/>
      <c r="M445" s="1"/>
      <c r="N445" s="1"/>
      <c r="O445" s="1"/>
      <c r="P445" s="1"/>
      <c r="Q445" s="1"/>
      <c r="R445" s="1"/>
      <c r="S445" s="1"/>
      <c r="T445" s="1"/>
      <c r="U445" s="1"/>
      <c r="V445" s="1"/>
    </row>
    <row r="446" spans="4:22" x14ac:dyDescent="0.2">
      <c r="D446" s="1"/>
      <c r="E446" s="1"/>
      <c r="F446" s="1"/>
      <c r="G446" s="1"/>
      <c r="H446" s="1"/>
      <c r="I446" s="1"/>
      <c r="J446" s="1"/>
      <c r="K446" s="1"/>
      <c r="L446" s="1"/>
      <c r="M446" s="1"/>
      <c r="N446" s="1"/>
      <c r="O446" s="1"/>
      <c r="P446" s="1"/>
      <c r="Q446" s="1"/>
      <c r="R446" s="1"/>
      <c r="S446" s="1"/>
      <c r="T446" s="1"/>
      <c r="U446" s="1"/>
      <c r="V446" s="1"/>
    </row>
    <row r="447" spans="4:22" x14ac:dyDescent="0.2">
      <c r="D447" s="1"/>
      <c r="E447" s="1"/>
      <c r="F447" s="1"/>
      <c r="G447" s="1"/>
      <c r="H447" s="1"/>
      <c r="I447" s="1"/>
      <c r="J447" s="1"/>
      <c r="K447" s="1"/>
      <c r="L447" s="1"/>
      <c r="M447" s="1"/>
      <c r="N447" s="1"/>
      <c r="O447" s="1"/>
      <c r="P447" s="1"/>
      <c r="Q447" s="1"/>
      <c r="R447" s="1"/>
      <c r="S447" s="1"/>
      <c r="T447" s="1"/>
      <c r="U447" s="1"/>
      <c r="V447" s="1"/>
    </row>
    <row r="448" spans="4:22" x14ac:dyDescent="0.2">
      <c r="D448" s="1"/>
      <c r="E448" s="1"/>
      <c r="F448" s="1"/>
      <c r="G448" s="1"/>
      <c r="H448" s="1"/>
      <c r="I448" s="1"/>
      <c r="J448" s="1"/>
      <c r="K448" s="1"/>
      <c r="L448" s="1"/>
      <c r="M448" s="1"/>
      <c r="N448" s="1"/>
      <c r="O448" s="1"/>
      <c r="P448" s="1"/>
      <c r="Q448" s="1"/>
      <c r="R448" s="1"/>
      <c r="S448" s="1"/>
      <c r="T448" s="1"/>
      <c r="U448" s="1"/>
      <c r="V448" s="1"/>
    </row>
    <row r="449" spans="4:22" x14ac:dyDescent="0.2">
      <c r="D449" s="1"/>
      <c r="E449" s="1"/>
      <c r="F449" s="1"/>
      <c r="G449" s="1"/>
      <c r="H449" s="1"/>
      <c r="I449" s="1"/>
      <c r="J449" s="1"/>
      <c r="K449" s="1"/>
      <c r="L449" s="1"/>
      <c r="M449" s="1"/>
      <c r="N449" s="1"/>
      <c r="O449" s="1"/>
      <c r="P449" s="1"/>
      <c r="Q449" s="1"/>
      <c r="R449" s="1"/>
      <c r="S449" s="1"/>
      <c r="T449" s="1"/>
      <c r="U449" s="1"/>
      <c r="V449" s="1"/>
    </row>
    <row r="450" spans="4:22" x14ac:dyDescent="0.2">
      <c r="D450" s="1"/>
      <c r="E450" s="1"/>
      <c r="F450" s="1"/>
      <c r="G450" s="1"/>
      <c r="H450" s="1"/>
      <c r="I450" s="1"/>
      <c r="J450" s="1"/>
      <c r="K450" s="1"/>
      <c r="L450" s="1"/>
      <c r="M450" s="1"/>
      <c r="N450" s="1"/>
      <c r="O450" s="1"/>
      <c r="P450" s="1"/>
      <c r="Q450" s="1"/>
      <c r="R450" s="1"/>
      <c r="S450" s="1"/>
      <c r="T450" s="1"/>
      <c r="U450" s="1"/>
      <c r="V450" s="1"/>
    </row>
    <row r="451" spans="4:22" x14ac:dyDescent="0.2">
      <c r="D451" s="1"/>
      <c r="E451" s="1"/>
      <c r="F451" s="1"/>
      <c r="G451" s="1"/>
      <c r="H451" s="1"/>
      <c r="I451" s="1"/>
      <c r="J451" s="1"/>
      <c r="K451" s="1"/>
      <c r="L451" s="1"/>
      <c r="M451" s="1"/>
      <c r="N451" s="1"/>
      <c r="O451" s="1"/>
      <c r="P451" s="1"/>
      <c r="Q451" s="1"/>
      <c r="R451" s="1"/>
      <c r="S451" s="1"/>
      <c r="T451" s="1"/>
      <c r="U451" s="1"/>
      <c r="V451" s="1"/>
    </row>
    <row r="452" spans="4:22" x14ac:dyDescent="0.2">
      <c r="D452" s="1"/>
      <c r="E452" s="1"/>
      <c r="F452" s="1"/>
      <c r="G452" s="1"/>
      <c r="H452" s="1"/>
      <c r="I452" s="1"/>
      <c r="J452" s="1"/>
      <c r="K452" s="1"/>
      <c r="L452" s="1"/>
      <c r="M452" s="1"/>
      <c r="N452" s="1"/>
      <c r="O452" s="1"/>
      <c r="P452" s="1"/>
      <c r="Q452" s="1"/>
      <c r="R452" s="1"/>
      <c r="S452" s="1"/>
      <c r="T452" s="1"/>
      <c r="U452" s="1"/>
      <c r="V452" s="1"/>
    </row>
    <row r="453" spans="4:22" x14ac:dyDescent="0.2">
      <c r="D453" s="1"/>
      <c r="E453" s="1"/>
      <c r="F453" s="1"/>
      <c r="G453" s="1"/>
      <c r="H453" s="1"/>
      <c r="I453" s="1"/>
      <c r="J453" s="1"/>
      <c r="K453" s="1"/>
      <c r="L453" s="1"/>
      <c r="M453" s="1"/>
      <c r="N453" s="1"/>
      <c r="O453" s="1"/>
      <c r="P453" s="1"/>
      <c r="Q453" s="1"/>
      <c r="R453" s="1"/>
      <c r="S453" s="1"/>
      <c r="T453" s="1"/>
      <c r="U453" s="1"/>
      <c r="V453" s="1"/>
    </row>
    <row r="454" spans="4:22" x14ac:dyDescent="0.2">
      <c r="D454" s="1"/>
      <c r="E454" s="1"/>
      <c r="F454" s="1"/>
      <c r="G454" s="1"/>
      <c r="H454" s="1"/>
      <c r="I454" s="1"/>
      <c r="J454" s="1"/>
      <c r="K454" s="1"/>
      <c r="L454" s="1"/>
      <c r="M454" s="1"/>
      <c r="N454" s="1"/>
      <c r="O454" s="1"/>
      <c r="P454" s="1"/>
      <c r="Q454" s="1"/>
      <c r="R454" s="1"/>
      <c r="S454" s="1"/>
      <c r="T454" s="1"/>
      <c r="U454" s="1"/>
      <c r="V454" s="1"/>
    </row>
    <row r="455" spans="4:22" x14ac:dyDescent="0.2">
      <c r="D455" s="1"/>
      <c r="E455" s="1"/>
      <c r="F455" s="1"/>
      <c r="G455" s="1"/>
      <c r="H455" s="1"/>
      <c r="I455" s="1"/>
      <c r="J455" s="1"/>
      <c r="K455" s="1"/>
      <c r="L455" s="1"/>
      <c r="M455" s="1"/>
      <c r="N455" s="1"/>
      <c r="O455" s="1"/>
      <c r="P455" s="1"/>
      <c r="Q455" s="1"/>
      <c r="R455" s="1"/>
      <c r="S455" s="1"/>
      <c r="T455" s="1"/>
      <c r="U455" s="1"/>
      <c r="V455" s="1"/>
    </row>
    <row r="456" spans="4:22" x14ac:dyDescent="0.2">
      <c r="D456" s="1"/>
      <c r="E456" s="1"/>
      <c r="F456" s="1"/>
      <c r="G456" s="1"/>
      <c r="H456" s="1"/>
      <c r="I456" s="1"/>
      <c r="J456" s="1"/>
      <c r="K456" s="1"/>
      <c r="L456" s="1"/>
      <c r="M456" s="1"/>
      <c r="N456" s="1"/>
      <c r="O456" s="1"/>
      <c r="P456" s="1"/>
      <c r="Q456" s="1"/>
      <c r="R456" s="1"/>
      <c r="S456" s="1"/>
      <c r="T456" s="1"/>
      <c r="U456" s="1"/>
      <c r="V456" s="1"/>
    </row>
    <row r="457" spans="4:22" x14ac:dyDescent="0.2">
      <c r="D457" s="1"/>
      <c r="E457" s="1"/>
      <c r="F457" s="1"/>
      <c r="G457" s="1"/>
      <c r="H457" s="1"/>
      <c r="I457" s="1"/>
      <c r="J457" s="1"/>
      <c r="K457" s="1"/>
      <c r="L457" s="1"/>
      <c r="M457" s="1"/>
      <c r="N457" s="1"/>
      <c r="O457" s="1"/>
      <c r="P457" s="1"/>
      <c r="Q457" s="1"/>
      <c r="R457" s="1"/>
      <c r="S457" s="1"/>
      <c r="T457" s="1"/>
      <c r="U457" s="1"/>
      <c r="V457" s="1"/>
    </row>
    <row r="458" spans="4:22" x14ac:dyDescent="0.2">
      <c r="D458" s="1"/>
      <c r="E458" s="1"/>
      <c r="F458" s="1"/>
      <c r="G458" s="1"/>
      <c r="H458" s="1"/>
      <c r="I458" s="1"/>
      <c r="J458" s="1"/>
      <c r="K458" s="1"/>
      <c r="L458" s="1"/>
      <c r="M458" s="1"/>
      <c r="N458" s="1"/>
      <c r="O458" s="1"/>
      <c r="P458" s="1"/>
      <c r="Q458" s="1"/>
      <c r="R458" s="1"/>
      <c r="S458" s="1"/>
      <c r="T458" s="1"/>
      <c r="U458" s="1"/>
      <c r="V458" s="1"/>
    </row>
    <row r="459" spans="4:22" x14ac:dyDescent="0.2">
      <c r="D459" s="1"/>
      <c r="E459" s="1"/>
      <c r="F459" s="1"/>
      <c r="G459" s="1"/>
      <c r="H459" s="1"/>
      <c r="I459" s="1"/>
      <c r="J459" s="1"/>
      <c r="K459" s="1"/>
      <c r="L459" s="1"/>
      <c r="M459" s="1"/>
      <c r="N459" s="1"/>
      <c r="O459" s="1"/>
      <c r="P459" s="1"/>
      <c r="Q459" s="1"/>
      <c r="R459" s="1"/>
      <c r="S459" s="1"/>
      <c r="T459" s="1"/>
      <c r="U459" s="1"/>
      <c r="V459" s="1"/>
    </row>
    <row r="460" spans="4:22" x14ac:dyDescent="0.2">
      <c r="D460" s="1"/>
      <c r="E460" s="1"/>
      <c r="F460" s="1"/>
      <c r="G460" s="1"/>
      <c r="H460" s="1"/>
      <c r="I460" s="1"/>
      <c r="J460" s="1"/>
      <c r="K460" s="1"/>
      <c r="L460" s="1"/>
      <c r="M460" s="1"/>
      <c r="N460" s="1"/>
      <c r="O460" s="1"/>
      <c r="P460" s="1"/>
      <c r="Q460" s="1"/>
      <c r="R460" s="1"/>
      <c r="S460" s="1"/>
      <c r="T460" s="1"/>
      <c r="U460" s="1"/>
      <c r="V460" s="1"/>
    </row>
    <row r="461" spans="4:22" x14ac:dyDescent="0.2">
      <c r="D461" s="1"/>
      <c r="E461" s="1"/>
      <c r="F461" s="1"/>
      <c r="G461" s="1"/>
      <c r="H461" s="1"/>
      <c r="I461" s="1"/>
      <c r="J461" s="1"/>
      <c r="K461" s="1"/>
      <c r="L461" s="1"/>
      <c r="M461" s="1"/>
      <c r="N461" s="1"/>
      <c r="O461" s="1"/>
      <c r="P461" s="1"/>
      <c r="Q461" s="1"/>
      <c r="R461" s="1"/>
      <c r="S461" s="1"/>
      <c r="T461" s="1"/>
      <c r="U461" s="1"/>
      <c r="V461" s="1"/>
    </row>
    <row r="462" spans="4:22" x14ac:dyDescent="0.2">
      <c r="D462" s="1"/>
      <c r="E462" s="1"/>
      <c r="F462" s="1"/>
      <c r="G462" s="1"/>
      <c r="H462" s="1"/>
      <c r="I462" s="1"/>
      <c r="J462" s="1"/>
      <c r="K462" s="1"/>
      <c r="L462" s="1"/>
      <c r="M462" s="1"/>
      <c r="N462" s="1"/>
      <c r="O462" s="1"/>
      <c r="P462" s="1"/>
      <c r="Q462" s="1"/>
      <c r="R462" s="1"/>
      <c r="S462" s="1"/>
      <c r="T462" s="1"/>
      <c r="U462" s="1"/>
      <c r="V462" s="1"/>
    </row>
    <row r="463" spans="4:22" x14ac:dyDescent="0.2">
      <c r="D463" s="1"/>
      <c r="E463" s="1"/>
      <c r="F463" s="1"/>
      <c r="G463" s="1"/>
      <c r="H463" s="1"/>
      <c r="I463" s="1"/>
      <c r="J463" s="1"/>
      <c r="K463" s="1"/>
      <c r="L463" s="1"/>
      <c r="M463" s="1"/>
      <c r="N463" s="1"/>
      <c r="O463" s="1"/>
      <c r="P463" s="1"/>
      <c r="Q463" s="1"/>
      <c r="R463" s="1"/>
      <c r="S463" s="1"/>
      <c r="T463" s="1"/>
      <c r="U463" s="1"/>
      <c r="V463" s="1"/>
    </row>
    <row r="464" spans="4:22" x14ac:dyDescent="0.2">
      <c r="D464" s="1"/>
      <c r="E464" s="1"/>
      <c r="F464" s="1"/>
      <c r="G464" s="1"/>
      <c r="H464" s="1"/>
      <c r="I464" s="1"/>
      <c r="J464" s="1"/>
      <c r="K464" s="1"/>
      <c r="L464" s="1"/>
      <c r="M464" s="1"/>
      <c r="N464" s="1"/>
      <c r="O464" s="1"/>
      <c r="P464" s="1"/>
      <c r="Q464" s="1"/>
      <c r="R464" s="1"/>
      <c r="S464" s="1"/>
      <c r="T464" s="1"/>
      <c r="U464" s="1"/>
      <c r="V464" s="1"/>
    </row>
    <row r="465" spans="4:22" x14ac:dyDescent="0.2">
      <c r="D465" s="1"/>
      <c r="E465" s="1"/>
      <c r="F465" s="1"/>
      <c r="G465" s="1"/>
      <c r="H465" s="1"/>
      <c r="I465" s="1"/>
      <c r="J465" s="1"/>
      <c r="K465" s="1"/>
      <c r="L465" s="1"/>
      <c r="M465" s="1"/>
      <c r="N465" s="1"/>
      <c r="O465" s="1"/>
      <c r="P465" s="1"/>
      <c r="Q465" s="1"/>
      <c r="R465" s="1"/>
      <c r="S465" s="1"/>
      <c r="T465" s="1"/>
      <c r="U465" s="1"/>
      <c r="V465" s="1"/>
    </row>
    <row r="466" spans="4:22" x14ac:dyDescent="0.2">
      <c r="D466" s="1"/>
      <c r="E466" s="1"/>
      <c r="F466" s="1"/>
      <c r="G466" s="1"/>
      <c r="H466" s="1"/>
      <c r="I466" s="1"/>
      <c r="J466" s="1"/>
      <c r="K466" s="1"/>
      <c r="L466" s="1"/>
      <c r="M466" s="1"/>
      <c r="N466" s="1"/>
      <c r="O466" s="1"/>
      <c r="P466" s="1"/>
      <c r="Q466" s="1"/>
      <c r="R466" s="1"/>
      <c r="S466" s="1"/>
      <c r="T466" s="1"/>
      <c r="U466" s="1"/>
      <c r="V466" s="1"/>
    </row>
    <row r="467" spans="4:22" x14ac:dyDescent="0.2">
      <c r="D467" s="1"/>
      <c r="E467" s="1"/>
      <c r="F467" s="1"/>
      <c r="G467" s="1"/>
      <c r="H467" s="1"/>
      <c r="I467" s="1"/>
      <c r="J467" s="1"/>
      <c r="K467" s="1"/>
      <c r="L467" s="1"/>
      <c r="M467" s="1"/>
      <c r="N467" s="1"/>
      <c r="O467" s="1"/>
      <c r="P467" s="1"/>
      <c r="Q467" s="1"/>
      <c r="R467" s="1"/>
      <c r="S467" s="1"/>
      <c r="T467" s="1"/>
      <c r="U467" s="1"/>
      <c r="V467" s="1"/>
    </row>
    <row r="468" spans="4:22" x14ac:dyDescent="0.2">
      <c r="D468" s="1"/>
      <c r="E468" s="1"/>
      <c r="F468" s="1"/>
      <c r="G468" s="1"/>
      <c r="H468" s="1"/>
      <c r="I468" s="1"/>
      <c r="J468" s="1"/>
      <c r="K468" s="1"/>
      <c r="L468" s="1"/>
      <c r="M468" s="1"/>
      <c r="N468" s="1"/>
      <c r="O468" s="1"/>
      <c r="P468" s="1"/>
      <c r="Q468" s="1"/>
      <c r="R468" s="1"/>
      <c r="S468" s="1"/>
      <c r="T468" s="1"/>
      <c r="U468" s="1"/>
      <c r="V468" s="1"/>
    </row>
    <row r="469" spans="4:22" x14ac:dyDescent="0.2">
      <c r="D469" s="1"/>
      <c r="E469" s="1"/>
      <c r="F469" s="1"/>
      <c r="G469" s="1"/>
      <c r="H469" s="1"/>
      <c r="I469" s="1"/>
      <c r="J469" s="1"/>
      <c r="K469" s="1"/>
      <c r="L469" s="1"/>
      <c r="M469" s="1"/>
      <c r="N469" s="1"/>
      <c r="O469" s="1"/>
      <c r="P469" s="1"/>
      <c r="Q469" s="1"/>
      <c r="R469" s="1"/>
      <c r="S469" s="1"/>
      <c r="T469" s="1"/>
      <c r="U469" s="1"/>
      <c r="V469" s="1"/>
    </row>
    <row r="470" spans="4:22" x14ac:dyDescent="0.2">
      <c r="D470" s="1"/>
      <c r="E470" s="1"/>
      <c r="F470" s="1"/>
      <c r="G470" s="1"/>
      <c r="H470" s="1"/>
      <c r="I470" s="1"/>
      <c r="J470" s="1"/>
      <c r="K470" s="1"/>
      <c r="L470" s="1"/>
      <c r="M470" s="1"/>
      <c r="N470" s="1"/>
      <c r="O470" s="1"/>
      <c r="P470" s="1"/>
      <c r="Q470" s="1"/>
      <c r="R470" s="1"/>
      <c r="S470" s="1"/>
      <c r="T470" s="1"/>
      <c r="U470" s="1"/>
      <c r="V470" s="1"/>
    </row>
    <row r="471" spans="4:22" x14ac:dyDescent="0.2">
      <c r="D471" s="1"/>
      <c r="E471" s="1"/>
      <c r="F471" s="1"/>
      <c r="G471" s="1"/>
      <c r="H471" s="1"/>
      <c r="I471" s="1"/>
      <c r="J471" s="1"/>
      <c r="K471" s="1"/>
      <c r="L471" s="1"/>
      <c r="M471" s="1"/>
      <c r="N471" s="1"/>
      <c r="O471" s="1"/>
      <c r="P471" s="1"/>
      <c r="Q471" s="1"/>
      <c r="R471" s="1"/>
      <c r="S471" s="1"/>
      <c r="T471" s="1"/>
      <c r="U471" s="1"/>
      <c r="V471" s="1"/>
    </row>
    <row r="472" spans="4:22" x14ac:dyDescent="0.2">
      <c r="D472" s="1"/>
      <c r="E472" s="1"/>
      <c r="F472" s="1"/>
      <c r="G472" s="1"/>
      <c r="H472" s="1"/>
      <c r="I472" s="1"/>
      <c r="J472" s="1"/>
      <c r="K472" s="1"/>
      <c r="L472" s="1"/>
      <c r="M472" s="1"/>
      <c r="N472" s="1"/>
      <c r="O472" s="1"/>
      <c r="P472" s="1"/>
      <c r="Q472" s="1"/>
      <c r="R472" s="1"/>
      <c r="S472" s="1"/>
      <c r="T472" s="1"/>
      <c r="U472" s="1"/>
      <c r="V472" s="1"/>
    </row>
    <row r="473" spans="4:22" x14ac:dyDescent="0.2">
      <c r="D473" s="1"/>
      <c r="E473" s="1"/>
      <c r="F473" s="1"/>
      <c r="G473" s="1"/>
      <c r="H473" s="1"/>
      <c r="I473" s="1"/>
      <c r="J473" s="1"/>
      <c r="K473" s="1"/>
      <c r="L473" s="1"/>
      <c r="M473" s="1"/>
      <c r="N473" s="1"/>
      <c r="O473" s="1"/>
      <c r="P473" s="1"/>
      <c r="Q473" s="1"/>
      <c r="R473" s="1"/>
      <c r="S473" s="1"/>
      <c r="T473" s="1"/>
      <c r="U473" s="1"/>
      <c r="V473" s="1"/>
    </row>
    <row r="474" spans="4:22" x14ac:dyDescent="0.2">
      <c r="D474" s="1"/>
      <c r="E474" s="1"/>
      <c r="F474" s="1"/>
      <c r="G474" s="1"/>
      <c r="H474" s="1"/>
      <c r="I474" s="1"/>
      <c r="J474" s="1"/>
      <c r="K474" s="1"/>
      <c r="L474" s="1"/>
      <c r="M474" s="1"/>
      <c r="N474" s="1"/>
      <c r="O474" s="1"/>
      <c r="P474" s="1"/>
      <c r="Q474" s="1"/>
      <c r="R474" s="1"/>
      <c r="S474" s="1"/>
      <c r="T474" s="1"/>
      <c r="U474" s="1"/>
      <c r="V474" s="1"/>
    </row>
    <row r="475" spans="4:22" x14ac:dyDescent="0.2">
      <c r="D475" s="1"/>
      <c r="E475" s="1"/>
      <c r="F475" s="1"/>
      <c r="G475" s="1"/>
      <c r="H475" s="1"/>
      <c r="I475" s="1"/>
      <c r="J475" s="1"/>
      <c r="K475" s="1"/>
      <c r="L475" s="1"/>
      <c r="M475" s="1"/>
      <c r="N475" s="1"/>
      <c r="O475" s="1"/>
      <c r="P475" s="1"/>
      <c r="Q475" s="1"/>
      <c r="R475" s="1"/>
      <c r="S475" s="1"/>
      <c r="T475" s="1"/>
      <c r="U475" s="1"/>
      <c r="V475" s="1"/>
    </row>
    <row r="476" spans="4:22" x14ac:dyDescent="0.2">
      <c r="D476" s="1"/>
      <c r="E476" s="1"/>
      <c r="F476" s="1"/>
      <c r="G476" s="1"/>
      <c r="H476" s="1"/>
      <c r="I476" s="1"/>
      <c r="J476" s="1"/>
      <c r="K476" s="1"/>
      <c r="L476" s="1"/>
      <c r="M476" s="1"/>
      <c r="N476" s="1"/>
      <c r="O476" s="1"/>
      <c r="P476" s="1"/>
      <c r="Q476" s="1"/>
      <c r="R476" s="1"/>
      <c r="S476" s="1"/>
      <c r="T476" s="1"/>
      <c r="U476" s="1"/>
      <c r="V476" s="1"/>
    </row>
    <row r="477" spans="4:22" x14ac:dyDescent="0.2">
      <c r="D477" s="1"/>
      <c r="E477" s="1"/>
      <c r="F477" s="1"/>
      <c r="G477" s="1"/>
      <c r="H477" s="1"/>
      <c r="I477" s="1"/>
      <c r="J477" s="1"/>
      <c r="K477" s="1"/>
      <c r="L477" s="1"/>
      <c r="M477" s="1"/>
      <c r="N477" s="1"/>
      <c r="O477" s="1"/>
      <c r="P477" s="1"/>
      <c r="Q477" s="1"/>
      <c r="R477" s="1"/>
      <c r="S477" s="1"/>
      <c r="T477" s="1"/>
      <c r="U477" s="1"/>
      <c r="V477" s="1"/>
    </row>
    <row r="478" spans="4:22" x14ac:dyDescent="0.2">
      <c r="D478" s="1"/>
      <c r="E478" s="1"/>
      <c r="F478" s="1"/>
      <c r="G478" s="1"/>
      <c r="H478" s="1"/>
      <c r="I478" s="1"/>
      <c r="J478" s="1"/>
      <c r="K478" s="1"/>
      <c r="L478" s="1"/>
      <c r="M478" s="1"/>
      <c r="N478" s="1"/>
      <c r="O478" s="1"/>
      <c r="P478" s="1"/>
      <c r="Q478" s="1"/>
      <c r="R478" s="1"/>
      <c r="S478" s="1"/>
      <c r="T478" s="1"/>
      <c r="U478" s="1"/>
      <c r="V478" s="1"/>
    </row>
    <row r="479" spans="4:22" x14ac:dyDescent="0.2">
      <c r="D479" s="1"/>
      <c r="E479" s="1"/>
      <c r="F479" s="1"/>
      <c r="G479" s="1"/>
      <c r="H479" s="1"/>
      <c r="I479" s="1"/>
      <c r="J479" s="1"/>
      <c r="K479" s="1"/>
      <c r="L479" s="1"/>
      <c r="M479" s="1"/>
      <c r="N479" s="1"/>
      <c r="O479" s="1"/>
      <c r="P479" s="1"/>
      <c r="Q479" s="1"/>
      <c r="R479" s="1"/>
      <c r="S479" s="1"/>
      <c r="T479" s="1"/>
      <c r="U479" s="1"/>
      <c r="V479" s="1"/>
    </row>
    <row r="480" spans="4:22" x14ac:dyDescent="0.2">
      <c r="D480" s="1"/>
      <c r="E480" s="1"/>
      <c r="F480" s="1"/>
      <c r="G480" s="1"/>
      <c r="H480" s="1"/>
      <c r="I480" s="1"/>
      <c r="J480" s="1"/>
      <c r="K480" s="1"/>
      <c r="L480" s="1"/>
      <c r="M480" s="1"/>
      <c r="N480" s="1"/>
      <c r="O480" s="1"/>
      <c r="P480" s="1"/>
      <c r="Q480" s="1"/>
      <c r="R480" s="1"/>
      <c r="S480" s="1"/>
      <c r="T480" s="1"/>
      <c r="U480" s="1"/>
      <c r="V480" s="1"/>
    </row>
    <row r="481" spans="4:22" x14ac:dyDescent="0.2">
      <c r="D481" s="1"/>
      <c r="E481" s="1"/>
      <c r="F481" s="1"/>
      <c r="G481" s="1"/>
      <c r="H481" s="1"/>
      <c r="I481" s="1"/>
      <c r="J481" s="1"/>
      <c r="K481" s="1"/>
      <c r="L481" s="1"/>
      <c r="M481" s="1"/>
      <c r="N481" s="1"/>
      <c r="O481" s="1"/>
      <c r="P481" s="1"/>
      <c r="Q481" s="1"/>
      <c r="R481" s="1"/>
      <c r="S481" s="1"/>
      <c r="T481" s="1"/>
      <c r="U481" s="1"/>
      <c r="V481" s="1"/>
    </row>
    <row r="482" spans="4:22" x14ac:dyDescent="0.2">
      <c r="D482" s="1"/>
      <c r="E482" s="1"/>
      <c r="F482" s="1"/>
      <c r="G482" s="1"/>
      <c r="H482" s="1"/>
      <c r="I482" s="1"/>
      <c r="J482" s="1"/>
      <c r="K482" s="1"/>
      <c r="L482" s="1"/>
      <c r="M482" s="1"/>
      <c r="N482" s="1"/>
      <c r="O482" s="1"/>
      <c r="P482" s="1"/>
      <c r="Q482" s="1"/>
      <c r="R482" s="1"/>
      <c r="S482" s="1"/>
      <c r="T482" s="1"/>
      <c r="U482" s="1"/>
      <c r="V482" s="1"/>
    </row>
    <row r="483" spans="4:22" x14ac:dyDescent="0.2">
      <c r="D483" s="1"/>
      <c r="E483" s="1"/>
      <c r="F483" s="1"/>
      <c r="G483" s="1"/>
      <c r="H483" s="1"/>
      <c r="I483" s="1"/>
      <c r="J483" s="1"/>
      <c r="K483" s="1"/>
      <c r="L483" s="1"/>
      <c r="M483" s="1"/>
      <c r="N483" s="1"/>
      <c r="O483" s="1"/>
      <c r="P483" s="1"/>
      <c r="Q483" s="1"/>
      <c r="R483" s="1"/>
      <c r="S483" s="1"/>
      <c r="T483" s="1"/>
      <c r="U483" s="1"/>
      <c r="V483" s="1"/>
    </row>
    <row r="484" spans="4:22" x14ac:dyDescent="0.2">
      <c r="D484" s="1"/>
      <c r="E484" s="1"/>
      <c r="F484" s="1"/>
      <c r="G484" s="1"/>
      <c r="H484" s="1"/>
      <c r="I484" s="1"/>
      <c r="J484" s="1"/>
      <c r="K484" s="1"/>
      <c r="L484" s="1"/>
      <c r="M484" s="1"/>
      <c r="N484" s="1"/>
      <c r="O484" s="1"/>
      <c r="P484" s="1"/>
      <c r="Q484" s="1"/>
      <c r="R484" s="1"/>
      <c r="S484" s="1"/>
      <c r="T484" s="1"/>
      <c r="U484" s="1"/>
      <c r="V484" s="1"/>
    </row>
    <row r="485" spans="4:22" x14ac:dyDescent="0.2">
      <c r="D485" s="1"/>
      <c r="E485" s="1"/>
      <c r="F485" s="1"/>
      <c r="G485" s="1"/>
      <c r="H485" s="1"/>
      <c r="I485" s="1"/>
      <c r="J485" s="1"/>
      <c r="K485" s="1"/>
      <c r="L485" s="1"/>
      <c r="M485" s="1"/>
      <c r="N485" s="1"/>
      <c r="O485" s="1"/>
      <c r="P485" s="1"/>
      <c r="Q485" s="1"/>
      <c r="R485" s="1"/>
      <c r="S485" s="1"/>
      <c r="T485" s="1"/>
      <c r="U485" s="1"/>
      <c r="V485" s="1"/>
    </row>
    <row r="486" spans="4:22" x14ac:dyDescent="0.2">
      <c r="D486" s="1"/>
      <c r="E486" s="1"/>
      <c r="F486" s="1"/>
      <c r="G486" s="1"/>
      <c r="H486" s="1"/>
      <c r="I486" s="1"/>
      <c r="J486" s="1"/>
      <c r="K486" s="1"/>
      <c r="L486" s="1"/>
      <c r="M486" s="1"/>
      <c r="N486" s="1"/>
      <c r="O486" s="1"/>
      <c r="P486" s="1"/>
      <c r="Q486" s="1"/>
      <c r="R486" s="1"/>
      <c r="S486" s="1"/>
      <c r="T486" s="1"/>
      <c r="U486" s="1"/>
      <c r="V486" s="1"/>
    </row>
    <row r="487" spans="4:22" x14ac:dyDescent="0.2">
      <c r="D487" s="1"/>
      <c r="E487" s="1"/>
      <c r="F487" s="1"/>
      <c r="G487" s="1"/>
      <c r="H487" s="1"/>
      <c r="I487" s="1"/>
      <c r="J487" s="1"/>
      <c r="K487" s="1"/>
      <c r="L487" s="1"/>
      <c r="M487" s="1"/>
      <c r="N487" s="1"/>
      <c r="O487" s="1"/>
      <c r="P487" s="1"/>
      <c r="Q487" s="1"/>
      <c r="R487" s="1"/>
      <c r="S487" s="1"/>
      <c r="T487" s="1"/>
      <c r="U487" s="1"/>
      <c r="V487" s="1"/>
    </row>
    <row r="488" spans="4:22" x14ac:dyDescent="0.2">
      <c r="D488" s="1"/>
      <c r="E488" s="1"/>
      <c r="F488" s="1"/>
      <c r="G488" s="1"/>
      <c r="H488" s="1"/>
      <c r="I488" s="1"/>
      <c r="J488" s="1"/>
      <c r="K488" s="1"/>
      <c r="L488" s="1"/>
      <c r="M488" s="1"/>
      <c r="N488" s="1"/>
      <c r="O488" s="1"/>
      <c r="P488" s="1"/>
      <c r="Q488" s="1"/>
      <c r="R488" s="1"/>
      <c r="S488" s="1"/>
      <c r="T488" s="1"/>
      <c r="U488" s="1"/>
      <c r="V488" s="1"/>
    </row>
    <row r="489" spans="4:22" x14ac:dyDescent="0.2">
      <c r="D489" s="1"/>
      <c r="E489" s="1"/>
      <c r="F489" s="1"/>
      <c r="G489" s="1"/>
      <c r="H489" s="1"/>
      <c r="I489" s="1"/>
      <c r="J489" s="1"/>
      <c r="K489" s="1"/>
      <c r="L489" s="1"/>
      <c r="M489" s="1"/>
      <c r="N489" s="1"/>
      <c r="O489" s="1"/>
      <c r="P489" s="1"/>
      <c r="Q489" s="1"/>
      <c r="R489" s="1"/>
      <c r="S489" s="1"/>
      <c r="T489" s="1"/>
      <c r="U489" s="1"/>
      <c r="V489" s="1"/>
    </row>
    <row r="490" spans="4:22" x14ac:dyDescent="0.2">
      <c r="D490" s="1"/>
      <c r="E490" s="1"/>
      <c r="F490" s="1"/>
      <c r="G490" s="1"/>
      <c r="H490" s="1"/>
      <c r="I490" s="1"/>
      <c r="J490" s="1"/>
      <c r="K490" s="1"/>
      <c r="L490" s="1"/>
      <c r="M490" s="1"/>
      <c r="N490" s="1"/>
      <c r="O490" s="1"/>
      <c r="P490" s="1"/>
      <c r="Q490" s="1"/>
      <c r="R490" s="1"/>
      <c r="S490" s="1"/>
      <c r="T490" s="1"/>
      <c r="U490" s="1"/>
      <c r="V490" s="1"/>
    </row>
    <row r="491" spans="4:22" x14ac:dyDescent="0.2">
      <c r="D491" s="1"/>
      <c r="E491" s="1"/>
      <c r="F491" s="1"/>
      <c r="G491" s="1"/>
      <c r="H491" s="1"/>
      <c r="I491" s="1"/>
      <c r="J491" s="1"/>
      <c r="K491" s="1"/>
      <c r="L491" s="1"/>
      <c r="M491" s="1"/>
      <c r="N491" s="1"/>
      <c r="O491" s="1"/>
      <c r="P491" s="1"/>
      <c r="Q491" s="1"/>
      <c r="R491" s="1"/>
      <c r="S491" s="1"/>
      <c r="T491" s="1"/>
      <c r="U491" s="1"/>
      <c r="V491" s="1"/>
    </row>
    <row r="492" spans="4:22" x14ac:dyDescent="0.2">
      <c r="D492" s="1"/>
      <c r="E492" s="1"/>
      <c r="F492" s="1"/>
      <c r="G492" s="1"/>
      <c r="H492" s="1"/>
      <c r="I492" s="1"/>
      <c r="J492" s="1"/>
      <c r="K492" s="1"/>
      <c r="L492" s="1"/>
      <c r="M492" s="1"/>
      <c r="N492" s="1"/>
      <c r="O492" s="1"/>
      <c r="P492" s="1"/>
      <c r="Q492" s="1"/>
      <c r="R492" s="1"/>
      <c r="S492" s="1"/>
      <c r="T492" s="1"/>
      <c r="U492" s="1"/>
      <c r="V492" s="1"/>
    </row>
    <row r="493" spans="4:22" x14ac:dyDescent="0.2">
      <c r="D493" s="1"/>
      <c r="E493" s="1"/>
      <c r="F493" s="1"/>
      <c r="G493" s="1"/>
      <c r="H493" s="1"/>
      <c r="I493" s="1"/>
      <c r="J493" s="1"/>
      <c r="K493" s="1"/>
      <c r="L493" s="1"/>
      <c r="M493" s="1"/>
      <c r="N493" s="1"/>
      <c r="O493" s="1"/>
      <c r="P493" s="1"/>
      <c r="Q493" s="1"/>
      <c r="R493" s="1"/>
      <c r="S493" s="1"/>
      <c r="T493" s="1"/>
      <c r="U493" s="1"/>
      <c r="V493" s="1"/>
    </row>
    <row r="494" spans="4:22" x14ac:dyDescent="0.2">
      <c r="D494" s="1"/>
      <c r="E494" s="1"/>
      <c r="F494" s="1"/>
      <c r="G494" s="1"/>
      <c r="H494" s="1"/>
      <c r="I494" s="1"/>
      <c r="J494" s="1"/>
      <c r="K494" s="1"/>
      <c r="L494" s="1"/>
      <c r="M494" s="1"/>
      <c r="N494" s="1"/>
      <c r="O494" s="1"/>
      <c r="P494" s="1"/>
      <c r="Q494" s="1"/>
      <c r="R494" s="1"/>
      <c r="S494" s="1"/>
      <c r="T494" s="1"/>
      <c r="U494" s="1"/>
      <c r="V494" s="1"/>
    </row>
    <row r="495" spans="4:22" x14ac:dyDescent="0.2">
      <c r="D495" s="1"/>
      <c r="E495" s="1"/>
      <c r="F495" s="1"/>
      <c r="G495" s="1"/>
      <c r="H495" s="1"/>
      <c r="I495" s="1"/>
      <c r="J495" s="1"/>
      <c r="K495" s="1"/>
      <c r="L495" s="1"/>
      <c r="M495" s="1"/>
      <c r="N495" s="1"/>
      <c r="O495" s="1"/>
      <c r="P495" s="1"/>
      <c r="Q495" s="1"/>
      <c r="R495" s="1"/>
      <c r="S495" s="1"/>
      <c r="T495" s="1"/>
      <c r="U495" s="1"/>
      <c r="V495" s="1"/>
    </row>
    <row r="496" spans="4:22" x14ac:dyDescent="0.2">
      <c r="D496" s="1"/>
      <c r="E496" s="1"/>
      <c r="F496" s="1"/>
      <c r="G496" s="1"/>
      <c r="H496" s="1"/>
      <c r="I496" s="1"/>
      <c r="J496" s="1"/>
      <c r="K496" s="1"/>
      <c r="L496" s="1"/>
      <c r="M496" s="1"/>
      <c r="N496" s="1"/>
      <c r="O496" s="1"/>
      <c r="P496" s="1"/>
      <c r="Q496" s="1"/>
      <c r="R496" s="1"/>
      <c r="S496" s="1"/>
      <c r="T496" s="1"/>
      <c r="U496" s="1"/>
      <c r="V496" s="1"/>
    </row>
    <row r="497" spans="4:22" x14ac:dyDescent="0.2">
      <c r="D497" s="1"/>
      <c r="E497" s="1"/>
      <c r="F497" s="1"/>
      <c r="G497" s="1"/>
      <c r="H497" s="1"/>
      <c r="I497" s="1"/>
      <c r="J497" s="1"/>
      <c r="K497" s="1"/>
      <c r="L497" s="1"/>
      <c r="M497" s="1"/>
      <c r="N497" s="1"/>
      <c r="O497" s="1"/>
      <c r="P497" s="1"/>
      <c r="Q497" s="1"/>
      <c r="R497" s="1"/>
      <c r="S497" s="1"/>
      <c r="T497" s="1"/>
      <c r="U497" s="1"/>
      <c r="V497" s="1"/>
    </row>
    <row r="498" spans="4:22" x14ac:dyDescent="0.2">
      <c r="D498" s="1"/>
      <c r="E498" s="1"/>
      <c r="F498" s="1"/>
      <c r="G498" s="1"/>
      <c r="H498" s="1"/>
      <c r="I498" s="1"/>
      <c r="J498" s="1"/>
      <c r="K498" s="1"/>
      <c r="L498" s="1"/>
      <c r="M498" s="1"/>
      <c r="N498" s="1"/>
      <c r="O498" s="1"/>
      <c r="P498" s="1"/>
      <c r="Q498" s="1"/>
      <c r="R498" s="1"/>
      <c r="S498" s="1"/>
      <c r="T498" s="1"/>
      <c r="U498" s="1"/>
      <c r="V498" s="1"/>
    </row>
    <row r="499" spans="4:22" x14ac:dyDescent="0.2">
      <c r="D499" s="1"/>
      <c r="E499" s="1"/>
      <c r="F499" s="1"/>
      <c r="G499" s="1"/>
      <c r="H499" s="1"/>
      <c r="I499" s="1"/>
      <c r="J499" s="1"/>
      <c r="K499" s="1"/>
      <c r="L499" s="1"/>
      <c r="M499" s="1"/>
      <c r="N499" s="1"/>
      <c r="O499" s="1"/>
      <c r="P499" s="1"/>
      <c r="Q499" s="1"/>
      <c r="R499" s="1"/>
      <c r="S499" s="1"/>
      <c r="T499" s="1"/>
      <c r="U499" s="1"/>
      <c r="V499" s="1"/>
    </row>
    <row r="500" spans="4:22" x14ac:dyDescent="0.2">
      <c r="D500" s="1"/>
      <c r="E500" s="1"/>
      <c r="F500" s="1"/>
      <c r="G500" s="1"/>
      <c r="H500" s="1"/>
      <c r="I500" s="1"/>
      <c r="J500" s="1"/>
      <c r="K500" s="1"/>
      <c r="L500" s="1"/>
      <c r="M500" s="1"/>
      <c r="N500" s="1"/>
      <c r="O500" s="1"/>
      <c r="P500" s="1"/>
      <c r="Q500" s="1"/>
      <c r="R500" s="1"/>
      <c r="S500" s="1"/>
      <c r="T500" s="1"/>
      <c r="U500" s="1"/>
      <c r="V500" s="1"/>
    </row>
    <row r="501" spans="4:22" x14ac:dyDescent="0.2">
      <c r="D501" s="1"/>
      <c r="E501" s="1"/>
      <c r="F501" s="1"/>
      <c r="G501" s="1"/>
      <c r="H501" s="1"/>
      <c r="I501" s="1"/>
      <c r="J501" s="1"/>
      <c r="K501" s="1"/>
      <c r="L501" s="1"/>
      <c r="M501" s="1"/>
      <c r="N501" s="1"/>
      <c r="O501" s="1"/>
      <c r="P501" s="1"/>
      <c r="Q501" s="1"/>
      <c r="R501" s="1"/>
      <c r="S501" s="1"/>
      <c r="T501" s="1"/>
      <c r="U501" s="1"/>
      <c r="V501" s="1"/>
    </row>
    <row r="502" spans="4:22" x14ac:dyDescent="0.2">
      <c r="D502" s="1"/>
      <c r="E502" s="1"/>
      <c r="F502" s="1"/>
      <c r="G502" s="1"/>
      <c r="H502" s="1"/>
      <c r="I502" s="1"/>
      <c r="J502" s="1"/>
      <c r="K502" s="1"/>
      <c r="L502" s="1"/>
      <c r="M502" s="1"/>
      <c r="N502" s="1"/>
      <c r="O502" s="1"/>
      <c r="P502" s="1"/>
      <c r="Q502" s="1"/>
      <c r="R502" s="1"/>
      <c r="S502" s="1"/>
      <c r="T502" s="1"/>
      <c r="U502" s="1"/>
      <c r="V502" s="1"/>
    </row>
    <row r="503" spans="4:22" x14ac:dyDescent="0.2">
      <c r="D503" s="1"/>
      <c r="E503" s="1"/>
      <c r="F503" s="1"/>
      <c r="G503" s="1"/>
      <c r="H503" s="1"/>
      <c r="I503" s="1"/>
      <c r="J503" s="1"/>
      <c r="K503" s="1"/>
      <c r="L503" s="1"/>
      <c r="M503" s="1"/>
      <c r="N503" s="1"/>
      <c r="O503" s="1"/>
      <c r="P503" s="1"/>
      <c r="Q503" s="1"/>
      <c r="R503" s="1"/>
      <c r="S503" s="1"/>
      <c r="T503" s="1"/>
      <c r="U503" s="1"/>
      <c r="V503" s="1"/>
    </row>
    <row r="504" spans="4:22" x14ac:dyDescent="0.2">
      <c r="D504" s="1"/>
      <c r="E504" s="1"/>
      <c r="F504" s="1"/>
      <c r="G504" s="1"/>
      <c r="H504" s="1"/>
      <c r="I504" s="1"/>
      <c r="J504" s="1"/>
      <c r="K504" s="1"/>
      <c r="L504" s="1"/>
      <c r="M504" s="1"/>
      <c r="N504" s="1"/>
      <c r="O504" s="1"/>
      <c r="P504" s="1"/>
      <c r="Q504" s="1"/>
      <c r="R504" s="1"/>
      <c r="S504" s="1"/>
      <c r="T504" s="1"/>
      <c r="U504" s="1"/>
      <c r="V504" s="1"/>
    </row>
    <row r="505" spans="4:22" x14ac:dyDescent="0.2">
      <c r="D505" s="1"/>
      <c r="E505" s="1"/>
      <c r="F505" s="1"/>
      <c r="G505" s="1"/>
      <c r="H505" s="1"/>
      <c r="I505" s="1"/>
      <c r="J505" s="1"/>
      <c r="K505" s="1"/>
      <c r="L505" s="1"/>
      <c r="M505" s="1"/>
      <c r="N505" s="1"/>
      <c r="O505" s="1"/>
      <c r="P505" s="1"/>
      <c r="Q505" s="1"/>
      <c r="R505" s="1"/>
      <c r="S505" s="1"/>
      <c r="T505" s="1"/>
      <c r="U505" s="1"/>
      <c r="V505" s="1"/>
    </row>
    <row r="506" spans="4:22" x14ac:dyDescent="0.2">
      <c r="D506" s="1"/>
      <c r="E506" s="1"/>
      <c r="F506" s="1"/>
      <c r="G506" s="1"/>
      <c r="H506" s="1"/>
      <c r="I506" s="1"/>
      <c r="J506" s="1"/>
      <c r="K506" s="1"/>
      <c r="L506" s="1"/>
      <c r="M506" s="1"/>
      <c r="N506" s="1"/>
      <c r="O506" s="1"/>
      <c r="P506" s="1"/>
      <c r="Q506" s="1"/>
      <c r="R506" s="1"/>
      <c r="S506" s="1"/>
      <c r="T506" s="1"/>
      <c r="U506" s="1"/>
      <c r="V506" s="1"/>
    </row>
    <row r="507" spans="4:22" x14ac:dyDescent="0.2">
      <c r="D507" s="1"/>
      <c r="E507" s="1"/>
      <c r="F507" s="1"/>
      <c r="G507" s="1"/>
      <c r="H507" s="1"/>
      <c r="I507" s="1"/>
      <c r="J507" s="1"/>
      <c r="K507" s="1"/>
      <c r="L507" s="1"/>
      <c r="M507" s="1"/>
      <c r="N507" s="1"/>
      <c r="O507" s="1"/>
      <c r="P507" s="1"/>
      <c r="Q507" s="1"/>
      <c r="R507" s="1"/>
      <c r="S507" s="1"/>
      <c r="T507" s="1"/>
      <c r="U507" s="1"/>
      <c r="V507" s="1"/>
    </row>
    <row r="508" spans="4:22" x14ac:dyDescent="0.2">
      <c r="D508" s="1"/>
      <c r="E508" s="1"/>
      <c r="F508" s="1"/>
      <c r="G508" s="1"/>
      <c r="H508" s="1"/>
      <c r="I508" s="1"/>
      <c r="J508" s="1"/>
      <c r="K508" s="1"/>
      <c r="L508" s="1"/>
      <c r="M508" s="1"/>
      <c r="N508" s="1"/>
      <c r="O508" s="1"/>
      <c r="P508" s="1"/>
      <c r="Q508" s="1"/>
      <c r="R508" s="1"/>
      <c r="S508" s="1"/>
      <c r="T508" s="1"/>
      <c r="U508" s="1"/>
      <c r="V508" s="1"/>
    </row>
    <row r="509" spans="4:22" x14ac:dyDescent="0.2">
      <c r="D509" s="1"/>
      <c r="E509" s="1"/>
      <c r="F509" s="1"/>
      <c r="G509" s="1"/>
      <c r="H509" s="1"/>
      <c r="I509" s="1"/>
      <c r="J509" s="1"/>
      <c r="K509" s="1"/>
      <c r="L509" s="1"/>
      <c r="M509" s="1"/>
      <c r="N509" s="1"/>
      <c r="O509" s="1"/>
      <c r="P509" s="1"/>
      <c r="Q509" s="1"/>
      <c r="R509" s="1"/>
      <c r="S509" s="1"/>
      <c r="T509" s="1"/>
      <c r="U509" s="1"/>
      <c r="V509" s="1"/>
    </row>
    <row r="510" spans="4:22" x14ac:dyDescent="0.2">
      <c r="D510" s="1"/>
      <c r="E510" s="1"/>
      <c r="F510" s="1"/>
      <c r="G510" s="1"/>
      <c r="H510" s="1"/>
      <c r="I510" s="1"/>
      <c r="J510" s="1"/>
      <c r="K510" s="1"/>
      <c r="L510" s="1"/>
      <c r="M510" s="1"/>
      <c r="N510" s="1"/>
      <c r="O510" s="1"/>
      <c r="P510" s="1"/>
      <c r="Q510" s="1"/>
      <c r="R510" s="1"/>
      <c r="S510" s="1"/>
      <c r="T510" s="1"/>
      <c r="U510" s="1"/>
      <c r="V510" s="1"/>
    </row>
    <row r="511" spans="4:22" x14ac:dyDescent="0.2">
      <c r="D511" s="1"/>
      <c r="E511" s="1"/>
      <c r="F511" s="1"/>
      <c r="G511" s="1"/>
      <c r="H511" s="1"/>
      <c r="I511" s="1"/>
      <c r="J511" s="1"/>
      <c r="K511" s="1"/>
      <c r="L511" s="1"/>
      <c r="M511" s="1"/>
      <c r="N511" s="1"/>
      <c r="O511" s="1"/>
      <c r="P511" s="1"/>
      <c r="Q511" s="1"/>
      <c r="R511" s="1"/>
      <c r="S511" s="1"/>
      <c r="T511" s="1"/>
      <c r="U511" s="1"/>
      <c r="V511" s="1"/>
    </row>
    <row r="512" spans="4:22" x14ac:dyDescent="0.2">
      <c r="D512" s="1"/>
      <c r="E512" s="1"/>
      <c r="F512" s="1"/>
      <c r="G512" s="1"/>
      <c r="H512" s="1"/>
      <c r="I512" s="1"/>
      <c r="J512" s="1"/>
      <c r="K512" s="1"/>
      <c r="L512" s="1"/>
      <c r="M512" s="1"/>
      <c r="N512" s="1"/>
      <c r="O512" s="1"/>
      <c r="P512" s="1"/>
      <c r="Q512" s="1"/>
      <c r="R512" s="1"/>
      <c r="S512" s="1"/>
      <c r="T512" s="1"/>
      <c r="U512" s="1"/>
      <c r="V512" s="1"/>
    </row>
    <row r="513" spans="4:22" x14ac:dyDescent="0.2">
      <c r="D513" s="1"/>
      <c r="E513" s="1"/>
      <c r="F513" s="1"/>
      <c r="G513" s="1"/>
      <c r="H513" s="1"/>
      <c r="I513" s="1"/>
      <c r="J513" s="1"/>
      <c r="K513" s="1"/>
      <c r="L513" s="1"/>
      <c r="M513" s="1"/>
      <c r="N513" s="1"/>
      <c r="O513" s="1"/>
      <c r="P513" s="1"/>
      <c r="Q513" s="1"/>
      <c r="R513" s="1"/>
      <c r="S513" s="1"/>
      <c r="T513" s="1"/>
      <c r="U513" s="1"/>
      <c r="V513" s="1"/>
    </row>
    <row r="514" spans="4:22" x14ac:dyDescent="0.2">
      <c r="D514" s="1"/>
      <c r="E514" s="1"/>
      <c r="F514" s="1"/>
      <c r="G514" s="1"/>
      <c r="H514" s="1"/>
      <c r="I514" s="1"/>
      <c r="J514" s="1"/>
      <c r="K514" s="1"/>
      <c r="L514" s="1"/>
      <c r="M514" s="1"/>
      <c r="N514" s="1"/>
      <c r="O514" s="1"/>
      <c r="P514" s="1"/>
      <c r="Q514" s="1"/>
      <c r="R514" s="1"/>
      <c r="S514" s="1"/>
      <c r="T514" s="1"/>
      <c r="U514" s="1"/>
      <c r="V514" s="1"/>
    </row>
    <row r="515" spans="4:22" x14ac:dyDescent="0.2">
      <c r="D515" s="1"/>
      <c r="E515" s="1"/>
      <c r="F515" s="1"/>
      <c r="G515" s="1"/>
      <c r="H515" s="1"/>
      <c r="I515" s="1"/>
      <c r="J515" s="1"/>
      <c r="K515" s="1"/>
      <c r="L515" s="1"/>
      <c r="M515" s="1"/>
      <c r="N515" s="1"/>
      <c r="O515" s="1"/>
      <c r="P515" s="1"/>
      <c r="Q515" s="1"/>
      <c r="R515" s="1"/>
      <c r="S515" s="1"/>
      <c r="T515" s="1"/>
      <c r="U515" s="1"/>
      <c r="V515" s="1"/>
    </row>
    <row r="516" spans="4:22" x14ac:dyDescent="0.2">
      <c r="D516" s="1"/>
      <c r="E516" s="1"/>
      <c r="F516" s="1"/>
      <c r="G516" s="1"/>
      <c r="H516" s="1"/>
      <c r="I516" s="1"/>
      <c r="J516" s="1"/>
      <c r="K516" s="1"/>
      <c r="L516" s="1"/>
      <c r="M516" s="1"/>
      <c r="N516" s="1"/>
      <c r="O516" s="1"/>
      <c r="P516" s="1"/>
      <c r="Q516" s="1"/>
      <c r="R516" s="1"/>
      <c r="S516" s="1"/>
      <c r="T516" s="1"/>
      <c r="U516" s="1"/>
      <c r="V516" s="1"/>
    </row>
    <row r="517" spans="4:22" x14ac:dyDescent="0.2">
      <c r="D517" s="1"/>
      <c r="E517" s="1"/>
      <c r="F517" s="1"/>
      <c r="G517" s="1"/>
      <c r="H517" s="1"/>
      <c r="I517" s="1"/>
      <c r="J517" s="1"/>
      <c r="K517" s="1"/>
      <c r="L517" s="1"/>
      <c r="M517" s="1"/>
      <c r="N517" s="1"/>
      <c r="O517" s="1"/>
      <c r="P517" s="1"/>
      <c r="Q517" s="1"/>
      <c r="R517" s="1"/>
      <c r="S517" s="1"/>
      <c r="T517" s="1"/>
      <c r="U517" s="1"/>
      <c r="V517" s="1"/>
    </row>
    <row r="518" spans="4:22" x14ac:dyDescent="0.2">
      <c r="D518" s="1"/>
      <c r="E518" s="1"/>
      <c r="F518" s="1"/>
      <c r="G518" s="1"/>
      <c r="H518" s="1"/>
      <c r="I518" s="1"/>
      <c r="J518" s="1"/>
      <c r="K518" s="1"/>
      <c r="L518" s="1"/>
      <c r="M518" s="1"/>
      <c r="N518" s="1"/>
      <c r="O518" s="1"/>
      <c r="P518" s="1"/>
      <c r="Q518" s="1"/>
      <c r="R518" s="1"/>
      <c r="S518" s="1"/>
      <c r="T518" s="1"/>
      <c r="U518" s="1"/>
      <c r="V518" s="1"/>
    </row>
    <row r="519" spans="4:22" x14ac:dyDescent="0.2">
      <c r="D519" s="1"/>
      <c r="E519" s="1"/>
      <c r="F519" s="1"/>
      <c r="G519" s="1"/>
      <c r="H519" s="1"/>
      <c r="I519" s="1"/>
      <c r="J519" s="1"/>
      <c r="K519" s="1"/>
      <c r="L519" s="1"/>
      <c r="M519" s="1"/>
      <c r="N519" s="1"/>
      <c r="O519" s="1"/>
      <c r="P519" s="1"/>
      <c r="Q519" s="1"/>
      <c r="R519" s="1"/>
      <c r="S519" s="1"/>
      <c r="T519" s="1"/>
      <c r="U519" s="1"/>
      <c r="V519" s="1"/>
    </row>
    <row r="520" spans="4:22" x14ac:dyDescent="0.2">
      <c r="D520" s="1"/>
      <c r="E520" s="1"/>
      <c r="F520" s="1"/>
      <c r="G520" s="1"/>
      <c r="H520" s="1"/>
      <c r="I520" s="1"/>
      <c r="J520" s="1"/>
      <c r="K520" s="1"/>
      <c r="L520" s="1"/>
      <c r="M520" s="1"/>
      <c r="N520" s="1"/>
      <c r="O520" s="1"/>
      <c r="P520" s="1"/>
      <c r="Q520" s="1"/>
      <c r="R520" s="1"/>
      <c r="S520" s="1"/>
      <c r="T520" s="1"/>
      <c r="U520" s="1"/>
      <c r="V520" s="1"/>
    </row>
    <row r="521" spans="4:22" x14ac:dyDescent="0.2">
      <c r="D521" s="1"/>
      <c r="E521" s="1"/>
      <c r="F521" s="1"/>
      <c r="G521" s="1"/>
      <c r="H521" s="1"/>
      <c r="I521" s="1"/>
      <c r="J521" s="1"/>
      <c r="K521" s="1"/>
      <c r="L521" s="1"/>
      <c r="M521" s="1"/>
      <c r="N521" s="1"/>
      <c r="O521" s="1"/>
      <c r="P521" s="1"/>
      <c r="Q521" s="1"/>
      <c r="R521" s="1"/>
      <c r="S521" s="1"/>
      <c r="T521" s="1"/>
      <c r="U521" s="1"/>
      <c r="V521" s="1"/>
    </row>
    <row r="522" spans="4:22" x14ac:dyDescent="0.2">
      <c r="D522" s="1"/>
      <c r="E522" s="1"/>
      <c r="F522" s="1"/>
      <c r="G522" s="1"/>
      <c r="H522" s="1"/>
      <c r="I522" s="1"/>
      <c r="J522" s="1"/>
      <c r="K522" s="1"/>
      <c r="L522" s="1"/>
      <c r="M522" s="1"/>
      <c r="N522" s="1"/>
      <c r="O522" s="1"/>
      <c r="P522" s="1"/>
      <c r="Q522" s="1"/>
      <c r="R522" s="1"/>
      <c r="S522" s="1"/>
      <c r="T522" s="1"/>
      <c r="U522" s="1"/>
      <c r="V522" s="1"/>
    </row>
    <row r="523" spans="4:22" x14ac:dyDescent="0.2">
      <c r="D523" s="1"/>
      <c r="E523" s="1"/>
      <c r="F523" s="1"/>
      <c r="G523" s="1"/>
      <c r="H523" s="1"/>
      <c r="I523" s="1"/>
      <c r="J523" s="1"/>
      <c r="K523" s="1"/>
      <c r="L523" s="1"/>
      <c r="M523" s="1"/>
      <c r="N523" s="1"/>
      <c r="O523" s="1"/>
      <c r="P523" s="1"/>
      <c r="Q523" s="1"/>
      <c r="R523" s="1"/>
      <c r="S523" s="1"/>
      <c r="T523" s="1"/>
      <c r="U523" s="1"/>
      <c r="V523" s="1"/>
    </row>
    <row r="524" spans="4:22" x14ac:dyDescent="0.2">
      <c r="D524" s="1"/>
      <c r="E524" s="1"/>
      <c r="F524" s="1"/>
      <c r="G524" s="1"/>
      <c r="H524" s="1"/>
      <c r="I524" s="1"/>
      <c r="J524" s="1"/>
      <c r="K524" s="1"/>
      <c r="L524" s="1"/>
      <c r="M524" s="1"/>
      <c r="N524" s="1"/>
      <c r="O524" s="1"/>
      <c r="P524" s="1"/>
      <c r="Q524" s="1"/>
      <c r="R524" s="1"/>
      <c r="S524" s="1"/>
      <c r="T524" s="1"/>
      <c r="U524" s="1"/>
      <c r="V524" s="1"/>
    </row>
    <row r="525" spans="4:22" x14ac:dyDescent="0.2">
      <c r="D525" s="1"/>
      <c r="E525" s="1"/>
      <c r="F525" s="1"/>
      <c r="G525" s="1"/>
      <c r="H525" s="1"/>
      <c r="I525" s="1"/>
      <c r="J525" s="1"/>
      <c r="K525" s="1"/>
      <c r="L525" s="1"/>
      <c r="M525" s="1"/>
      <c r="N525" s="1"/>
      <c r="O525" s="1"/>
      <c r="P525" s="1"/>
      <c r="Q525" s="1"/>
      <c r="R525" s="1"/>
      <c r="S525" s="1"/>
      <c r="T525" s="1"/>
      <c r="U525" s="1"/>
      <c r="V525" s="1"/>
    </row>
    <row r="526" spans="4:22" x14ac:dyDescent="0.2">
      <c r="D526" s="1"/>
      <c r="E526" s="1"/>
      <c r="F526" s="1"/>
      <c r="G526" s="1"/>
      <c r="H526" s="1"/>
      <c r="I526" s="1"/>
      <c r="J526" s="1"/>
      <c r="K526" s="1"/>
      <c r="L526" s="1"/>
      <c r="M526" s="1"/>
      <c r="N526" s="1"/>
      <c r="O526" s="1"/>
      <c r="P526" s="1"/>
      <c r="Q526" s="1"/>
      <c r="R526" s="1"/>
      <c r="S526" s="1"/>
      <c r="T526" s="1"/>
      <c r="U526" s="1"/>
      <c r="V526" s="1"/>
    </row>
    <row r="527" spans="4:22" x14ac:dyDescent="0.2">
      <c r="D527" s="1"/>
      <c r="E527" s="1"/>
      <c r="F527" s="1"/>
      <c r="G527" s="1"/>
      <c r="H527" s="1"/>
      <c r="I527" s="1"/>
      <c r="J527" s="1"/>
      <c r="K527" s="1"/>
      <c r="L527" s="1"/>
      <c r="M527" s="1"/>
      <c r="N527" s="1"/>
      <c r="O527" s="1"/>
      <c r="P527" s="1"/>
      <c r="Q527" s="1"/>
      <c r="R527" s="1"/>
      <c r="S527" s="1"/>
      <c r="T527" s="1"/>
      <c r="U527" s="1"/>
      <c r="V527" s="1"/>
    </row>
    <row r="528" spans="4:22" x14ac:dyDescent="0.2">
      <c r="D528" s="1"/>
      <c r="E528" s="1"/>
      <c r="F528" s="1"/>
      <c r="G528" s="1"/>
      <c r="H528" s="1"/>
      <c r="I528" s="1"/>
      <c r="J528" s="1"/>
      <c r="K528" s="1"/>
      <c r="L528" s="1"/>
      <c r="M528" s="1"/>
      <c r="N528" s="1"/>
      <c r="O528" s="1"/>
      <c r="P528" s="1"/>
      <c r="Q528" s="1"/>
      <c r="R528" s="1"/>
      <c r="S528" s="1"/>
      <c r="T528" s="1"/>
      <c r="U528" s="1"/>
      <c r="V528" s="1"/>
    </row>
    <row r="529" spans="4:22" x14ac:dyDescent="0.2">
      <c r="D529" s="1"/>
      <c r="E529" s="1"/>
      <c r="F529" s="1"/>
      <c r="G529" s="1"/>
      <c r="H529" s="1"/>
      <c r="I529" s="1"/>
      <c r="J529" s="1"/>
      <c r="K529" s="1"/>
      <c r="L529" s="1"/>
      <c r="M529" s="1"/>
      <c r="N529" s="1"/>
      <c r="O529" s="1"/>
      <c r="P529" s="1"/>
      <c r="Q529" s="1"/>
      <c r="R529" s="1"/>
      <c r="S529" s="1"/>
      <c r="T529" s="1"/>
      <c r="U529" s="1"/>
      <c r="V529" s="1"/>
    </row>
    <row r="530" spans="4:22" x14ac:dyDescent="0.2">
      <c r="D530" s="1"/>
      <c r="E530" s="1"/>
      <c r="F530" s="1"/>
      <c r="G530" s="1"/>
      <c r="H530" s="1"/>
      <c r="I530" s="1"/>
      <c r="J530" s="1"/>
      <c r="K530" s="1"/>
      <c r="L530" s="1"/>
      <c r="M530" s="1"/>
      <c r="N530" s="1"/>
      <c r="O530" s="1"/>
      <c r="P530" s="1"/>
      <c r="Q530" s="1"/>
      <c r="R530" s="1"/>
      <c r="S530" s="1"/>
      <c r="T530" s="1"/>
      <c r="U530" s="1"/>
      <c r="V530" s="1"/>
    </row>
    <row r="531" spans="4:22" x14ac:dyDescent="0.2">
      <c r="D531" s="1"/>
      <c r="E531" s="1"/>
      <c r="F531" s="1"/>
      <c r="G531" s="1"/>
      <c r="H531" s="1"/>
      <c r="I531" s="1"/>
      <c r="J531" s="1"/>
      <c r="K531" s="1"/>
      <c r="L531" s="1"/>
      <c r="M531" s="1"/>
      <c r="N531" s="1"/>
      <c r="O531" s="1"/>
      <c r="P531" s="1"/>
      <c r="Q531" s="1"/>
      <c r="R531" s="1"/>
      <c r="S531" s="1"/>
      <c r="T531" s="1"/>
      <c r="U531" s="1"/>
      <c r="V531" s="1"/>
    </row>
    <row r="532" spans="4:22" x14ac:dyDescent="0.2">
      <c r="D532" s="1"/>
      <c r="E532" s="1"/>
      <c r="F532" s="1"/>
      <c r="G532" s="1"/>
      <c r="H532" s="1"/>
      <c r="I532" s="1"/>
      <c r="J532" s="1"/>
      <c r="K532" s="1"/>
      <c r="L532" s="1"/>
      <c r="M532" s="1"/>
      <c r="N532" s="1"/>
      <c r="O532" s="1"/>
      <c r="P532" s="1"/>
      <c r="Q532" s="1"/>
      <c r="R532" s="1"/>
      <c r="S532" s="1"/>
      <c r="T532" s="1"/>
      <c r="U532" s="1"/>
      <c r="V532" s="1"/>
    </row>
    <row r="533" spans="4:22" x14ac:dyDescent="0.2">
      <c r="D533" s="1"/>
      <c r="E533" s="1"/>
      <c r="F533" s="1"/>
      <c r="G533" s="1"/>
      <c r="H533" s="1"/>
      <c r="I533" s="1"/>
      <c r="J533" s="1"/>
      <c r="K533" s="1"/>
      <c r="L533" s="1"/>
      <c r="M533" s="1"/>
      <c r="N533" s="1"/>
      <c r="O533" s="1"/>
      <c r="P533" s="1"/>
      <c r="Q533" s="1"/>
      <c r="R533" s="1"/>
      <c r="S533" s="1"/>
      <c r="T533" s="1"/>
      <c r="U533" s="1"/>
      <c r="V533" s="1"/>
    </row>
    <row r="534" spans="4:22" x14ac:dyDescent="0.2">
      <c r="D534" s="1"/>
      <c r="E534" s="1"/>
      <c r="F534" s="1"/>
      <c r="G534" s="1"/>
      <c r="H534" s="1"/>
      <c r="I534" s="1"/>
      <c r="J534" s="1"/>
      <c r="K534" s="1"/>
      <c r="L534" s="1"/>
      <c r="M534" s="1"/>
      <c r="N534" s="1"/>
      <c r="O534" s="1"/>
      <c r="P534" s="1"/>
      <c r="Q534" s="1"/>
      <c r="R534" s="1"/>
      <c r="S534" s="1"/>
      <c r="T534" s="1"/>
      <c r="U534" s="1"/>
      <c r="V534" s="1"/>
    </row>
    <row r="535" spans="4:22" x14ac:dyDescent="0.2">
      <c r="D535" s="1"/>
      <c r="E535" s="1"/>
      <c r="F535" s="1"/>
      <c r="G535" s="1"/>
      <c r="H535" s="1"/>
      <c r="I535" s="1"/>
      <c r="J535" s="1"/>
      <c r="K535" s="1"/>
      <c r="L535" s="1"/>
      <c r="M535" s="1"/>
      <c r="N535" s="1"/>
      <c r="O535" s="1"/>
      <c r="P535" s="1"/>
      <c r="Q535" s="1"/>
      <c r="R535" s="1"/>
      <c r="S535" s="1"/>
      <c r="T535" s="1"/>
      <c r="U535" s="1"/>
      <c r="V535" s="1"/>
    </row>
    <row r="536" spans="4:22" x14ac:dyDescent="0.2">
      <c r="D536" s="1"/>
      <c r="E536" s="1"/>
      <c r="F536" s="1"/>
      <c r="G536" s="1"/>
      <c r="H536" s="1"/>
      <c r="I536" s="1"/>
      <c r="J536" s="1"/>
      <c r="K536" s="1"/>
      <c r="L536" s="1"/>
      <c r="M536" s="1"/>
      <c r="N536" s="1"/>
      <c r="O536" s="1"/>
      <c r="P536" s="1"/>
      <c r="Q536" s="1"/>
      <c r="R536" s="1"/>
      <c r="S536" s="1"/>
      <c r="T536" s="1"/>
      <c r="U536" s="1"/>
      <c r="V536" s="1"/>
    </row>
    <row r="537" spans="4:22" x14ac:dyDescent="0.2">
      <c r="D537" s="1"/>
      <c r="E537" s="1"/>
      <c r="F537" s="1"/>
      <c r="G537" s="1"/>
      <c r="H537" s="1"/>
      <c r="I537" s="1"/>
      <c r="J537" s="1"/>
      <c r="K537" s="1"/>
      <c r="L537" s="1"/>
      <c r="M537" s="1"/>
      <c r="N537" s="1"/>
      <c r="O537" s="1"/>
      <c r="P537" s="1"/>
      <c r="Q537" s="1"/>
      <c r="R537" s="1"/>
      <c r="S537" s="1"/>
      <c r="T537" s="1"/>
      <c r="U537" s="1"/>
      <c r="V537" s="1"/>
    </row>
    <row r="538" spans="4:22" x14ac:dyDescent="0.2">
      <c r="D538" s="1"/>
      <c r="E538" s="1"/>
      <c r="F538" s="1"/>
      <c r="G538" s="1"/>
      <c r="H538" s="1"/>
      <c r="I538" s="1"/>
      <c r="J538" s="1"/>
      <c r="K538" s="1"/>
      <c r="L538" s="1"/>
      <c r="M538" s="1"/>
      <c r="N538" s="1"/>
      <c r="O538" s="1"/>
      <c r="P538" s="1"/>
      <c r="Q538" s="1"/>
      <c r="R538" s="1"/>
      <c r="S538" s="1"/>
      <c r="T538" s="1"/>
      <c r="U538" s="1"/>
      <c r="V538" s="1"/>
    </row>
    <row r="539" spans="4:22" x14ac:dyDescent="0.2">
      <c r="D539" s="1"/>
      <c r="E539" s="1"/>
      <c r="F539" s="1"/>
      <c r="G539" s="1"/>
      <c r="H539" s="1"/>
      <c r="I539" s="1"/>
      <c r="J539" s="1"/>
      <c r="K539" s="1"/>
      <c r="L539" s="1"/>
      <c r="M539" s="1"/>
      <c r="N539" s="1"/>
      <c r="O539" s="1"/>
      <c r="P539" s="1"/>
      <c r="Q539" s="1"/>
      <c r="R539" s="1"/>
      <c r="S539" s="1"/>
      <c r="T539" s="1"/>
      <c r="U539" s="1"/>
      <c r="V539" s="1"/>
    </row>
    <row r="540" spans="4:22" x14ac:dyDescent="0.2">
      <c r="D540" s="1"/>
      <c r="E540" s="1"/>
      <c r="F540" s="1"/>
      <c r="G540" s="1"/>
      <c r="H540" s="1"/>
      <c r="I540" s="1"/>
      <c r="J540" s="1"/>
      <c r="K540" s="1"/>
      <c r="L540" s="1"/>
      <c r="M540" s="1"/>
      <c r="N540" s="1"/>
      <c r="O540" s="1"/>
      <c r="P540" s="1"/>
      <c r="Q540" s="1"/>
      <c r="R540" s="1"/>
      <c r="S540" s="1"/>
      <c r="T540" s="1"/>
      <c r="U540" s="1"/>
      <c r="V540" s="1"/>
    </row>
    <row r="541" spans="4:22" x14ac:dyDescent="0.2">
      <c r="D541" s="1"/>
      <c r="E541" s="1"/>
      <c r="F541" s="1"/>
      <c r="G541" s="1"/>
      <c r="H541" s="1"/>
      <c r="I541" s="1"/>
      <c r="J541" s="1"/>
      <c r="K541" s="1"/>
      <c r="L541" s="1"/>
      <c r="M541" s="1"/>
      <c r="N541" s="1"/>
      <c r="O541" s="1"/>
      <c r="P541" s="1"/>
      <c r="Q541" s="1"/>
      <c r="R541" s="1"/>
      <c r="S541" s="1"/>
      <c r="T541" s="1"/>
      <c r="U541" s="1"/>
      <c r="V541" s="1"/>
    </row>
    <row r="542" spans="4:22" x14ac:dyDescent="0.2">
      <c r="D542" s="1"/>
      <c r="E542" s="1"/>
      <c r="F542" s="1"/>
      <c r="G542" s="1"/>
      <c r="H542" s="1"/>
      <c r="I542" s="1"/>
      <c r="J542" s="1"/>
      <c r="K542" s="1"/>
      <c r="L542" s="1"/>
      <c r="M542" s="1"/>
      <c r="N542" s="1"/>
      <c r="O542" s="1"/>
      <c r="P542" s="1"/>
      <c r="Q542" s="1"/>
      <c r="R542" s="1"/>
      <c r="S542" s="1"/>
      <c r="T542" s="1"/>
      <c r="U542" s="1"/>
      <c r="V542" s="1"/>
    </row>
    <row r="543" spans="4:22" x14ac:dyDescent="0.2">
      <c r="D543" s="1"/>
      <c r="E543" s="1"/>
      <c r="F543" s="1"/>
      <c r="G543" s="1"/>
      <c r="H543" s="1"/>
      <c r="I543" s="1"/>
      <c r="J543" s="1"/>
      <c r="K543" s="1"/>
      <c r="L543" s="1"/>
      <c r="M543" s="1"/>
      <c r="N543" s="1"/>
      <c r="O543" s="1"/>
      <c r="P543" s="1"/>
      <c r="Q543" s="1"/>
      <c r="R543" s="1"/>
      <c r="S543" s="1"/>
      <c r="T543" s="1"/>
      <c r="U543" s="1"/>
      <c r="V543" s="1"/>
    </row>
    <row r="544" spans="4:22" x14ac:dyDescent="0.2">
      <c r="D544" s="1"/>
      <c r="E544" s="1"/>
      <c r="F544" s="1"/>
      <c r="G544" s="1"/>
      <c r="H544" s="1"/>
      <c r="I544" s="1"/>
      <c r="J544" s="1"/>
      <c r="K544" s="1"/>
      <c r="L544" s="1"/>
      <c r="M544" s="1"/>
      <c r="N544" s="1"/>
      <c r="O544" s="1"/>
      <c r="P544" s="1"/>
      <c r="Q544" s="1"/>
      <c r="R544" s="1"/>
      <c r="S544" s="1"/>
      <c r="T544" s="1"/>
      <c r="U544" s="1"/>
      <c r="V544" s="1"/>
    </row>
    <row r="545" spans="4:22" x14ac:dyDescent="0.2">
      <c r="D545" s="1"/>
      <c r="E545" s="1"/>
      <c r="F545" s="1"/>
      <c r="G545" s="1"/>
      <c r="H545" s="1"/>
      <c r="I545" s="1"/>
      <c r="J545" s="1"/>
      <c r="K545" s="1"/>
      <c r="L545" s="1"/>
      <c r="M545" s="1"/>
      <c r="N545" s="1"/>
      <c r="O545" s="1"/>
      <c r="P545" s="1"/>
      <c r="Q545" s="1"/>
      <c r="R545" s="1"/>
      <c r="S545" s="1"/>
      <c r="T545" s="1"/>
      <c r="U545" s="1"/>
      <c r="V545" s="1"/>
    </row>
    <row r="546" spans="4:22" x14ac:dyDescent="0.2">
      <c r="D546" s="1"/>
      <c r="E546" s="1"/>
      <c r="F546" s="1"/>
      <c r="G546" s="1"/>
      <c r="H546" s="1"/>
      <c r="I546" s="1"/>
      <c r="J546" s="1"/>
      <c r="K546" s="1"/>
      <c r="L546" s="1"/>
      <c r="M546" s="1"/>
      <c r="N546" s="1"/>
      <c r="O546" s="1"/>
      <c r="P546" s="1"/>
      <c r="Q546" s="1"/>
      <c r="R546" s="1"/>
      <c r="S546" s="1"/>
      <c r="T546" s="1"/>
      <c r="U546" s="1"/>
      <c r="V546" s="1"/>
    </row>
    <row r="547" spans="4:22" x14ac:dyDescent="0.2">
      <c r="D547" s="1"/>
      <c r="E547" s="1"/>
      <c r="F547" s="1"/>
      <c r="G547" s="1"/>
      <c r="H547" s="1"/>
      <c r="I547" s="1"/>
      <c r="J547" s="1"/>
      <c r="K547" s="1"/>
      <c r="L547" s="1"/>
      <c r="M547" s="1"/>
      <c r="N547" s="1"/>
      <c r="O547" s="1"/>
      <c r="P547" s="1"/>
      <c r="Q547" s="1"/>
      <c r="R547" s="1"/>
      <c r="S547" s="1"/>
      <c r="T547" s="1"/>
      <c r="U547" s="1"/>
      <c r="V547" s="1"/>
    </row>
    <row r="548" spans="4:22" x14ac:dyDescent="0.2">
      <c r="D548" s="1"/>
      <c r="E548" s="1"/>
      <c r="F548" s="1"/>
      <c r="G548" s="1"/>
      <c r="H548" s="1"/>
      <c r="I548" s="1"/>
      <c r="J548" s="1"/>
      <c r="K548" s="1"/>
      <c r="L548" s="1"/>
      <c r="M548" s="1"/>
      <c r="N548" s="1"/>
      <c r="O548" s="1"/>
      <c r="P548" s="1"/>
      <c r="Q548" s="1"/>
      <c r="R548" s="1"/>
      <c r="S548" s="1"/>
      <c r="T548" s="1"/>
      <c r="U548" s="1"/>
      <c r="V548" s="1"/>
    </row>
    <row r="549" spans="4:22" x14ac:dyDescent="0.2">
      <c r="D549" s="1"/>
      <c r="E549" s="1"/>
      <c r="F549" s="1"/>
      <c r="G549" s="1"/>
      <c r="H549" s="1"/>
      <c r="I549" s="1"/>
      <c r="J549" s="1"/>
      <c r="K549" s="1"/>
      <c r="L549" s="1"/>
      <c r="M549" s="1"/>
      <c r="N549" s="1"/>
      <c r="O549" s="1"/>
      <c r="P549" s="1"/>
      <c r="Q549" s="1"/>
      <c r="R549" s="1"/>
      <c r="S549" s="1"/>
      <c r="T549" s="1"/>
      <c r="U549" s="1"/>
      <c r="V549" s="1"/>
    </row>
    <row r="550" spans="4:22" x14ac:dyDescent="0.2">
      <c r="D550" s="1"/>
      <c r="E550" s="1"/>
      <c r="F550" s="1"/>
      <c r="G550" s="1"/>
      <c r="H550" s="1"/>
      <c r="I550" s="1"/>
      <c r="J550" s="1"/>
      <c r="K550" s="1"/>
      <c r="L550" s="1"/>
      <c r="M550" s="1"/>
      <c r="N550" s="1"/>
      <c r="O550" s="1"/>
      <c r="P550" s="1"/>
      <c r="Q550" s="1"/>
      <c r="R550" s="1"/>
      <c r="S550" s="1"/>
      <c r="T550" s="1"/>
      <c r="U550" s="1"/>
      <c r="V550" s="1"/>
    </row>
    <row r="551" spans="4:22" x14ac:dyDescent="0.2">
      <c r="D551" s="1"/>
      <c r="E551" s="1"/>
      <c r="F551" s="1"/>
      <c r="G551" s="1"/>
      <c r="H551" s="1"/>
      <c r="I551" s="1"/>
      <c r="J551" s="1"/>
      <c r="K551" s="1"/>
      <c r="L551" s="1"/>
      <c r="M551" s="1"/>
      <c r="N551" s="1"/>
      <c r="O551" s="1"/>
      <c r="P551" s="1"/>
      <c r="Q551" s="1"/>
      <c r="R551" s="1"/>
      <c r="S551" s="1"/>
      <c r="T551" s="1"/>
      <c r="U551" s="1"/>
      <c r="V551" s="1"/>
    </row>
    <row r="552" spans="4:22" x14ac:dyDescent="0.2">
      <c r="D552" s="1"/>
      <c r="E552" s="1"/>
      <c r="F552" s="1"/>
      <c r="G552" s="1"/>
      <c r="H552" s="1"/>
      <c r="I552" s="1"/>
      <c r="J552" s="1"/>
      <c r="K552" s="1"/>
      <c r="L552" s="1"/>
      <c r="M552" s="1"/>
      <c r="N552" s="1"/>
      <c r="O552" s="1"/>
      <c r="P552" s="1"/>
      <c r="Q552" s="1"/>
      <c r="R552" s="1"/>
      <c r="S552" s="1"/>
      <c r="T552" s="1"/>
      <c r="U552" s="1"/>
      <c r="V552" s="1"/>
    </row>
    <row r="553" spans="4:22" x14ac:dyDescent="0.2">
      <c r="D553" s="1"/>
      <c r="E553" s="1"/>
      <c r="F553" s="1"/>
      <c r="G553" s="1"/>
      <c r="H553" s="1"/>
      <c r="I553" s="1"/>
      <c r="J553" s="1"/>
      <c r="K553" s="1"/>
      <c r="L553" s="1"/>
      <c r="M553" s="1"/>
      <c r="N553" s="1"/>
      <c r="O553" s="1"/>
      <c r="P553" s="1"/>
      <c r="Q553" s="1"/>
      <c r="R553" s="1"/>
      <c r="S553" s="1"/>
      <c r="T553" s="1"/>
      <c r="U553" s="1"/>
      <c r="V553" s="1"/>
    </row>
    <row r="554" spans="4:22" x14ac:dyDescent="0.2">
      <c r="D554" s="1"/>
      <c r="E554" s="1"/>
      <c r="F554" s="1"/>
      <c r="G554" s="1"/>
      <c r="H554" s="1"/>
      <c r="I554" s="1"/>
      <c r="J554" s="1"/>
      <c r="K554" s="1"/>
      <c r="L554" s="1"/>
      <c r="M554" s="1"/>
      <c r="N554" s="1"/>
      <c r="O554" s="1"/>
      <c r="P554" s="1"/>
      <c r="Q554" s="1"/>
      <c r="R554" s="1"/>
      <c r="S554" s="1"/>
      <c r="T554" s="1"/>
      <c r="U554" s="1"/>
      <c r="V554" s="1"/>
    </row>
    <row r="555" spans="4:22" x14ac:dyDescent="0.2">
      <c r="D555" s="1"/>
      <c r="E555" s="1"/>
      <c r="F555" s="1"/>
      <c r="G555" s="1"/>
      <c r="H555" s="1"/>
      <c r="I555" s="1"/>
      <c r="J555" s="1"/>
      <c r="K555" s="1"/>
      <c r="L555" s="1"/>
      <c r="M555" s="1"/>
      <c r="N555" s="1"/>
      <c r="O555" s="1"/>
      <c r="P555" s="1"/>
      <c r="Q555" s="1"/>
      <c r="R555" s="1"/>
      <c r="S555" s="1"/>
      <c r="T555" s="1"/>
      <c r="U555" s="1"/>
      <c r="V555" s="1"/>
    </row>
    <row r="556" spans="4:22" x14ac:dyDescent="0.2">
      <c r="D556" s="1"/>
      <c r="E556" s="1"/>
      <c r="F556" s="1"/>
      <c r="G556" s="1"/>
      <c r="H556" s="1"/>
      <c r="I556" s="1"/>
      <c r="J556" s="1"/>
      <c r="K556" s="1"/>
      <c r="L556" s="1"/>
      <c r="M556" s="1"/>
      <c r="N556" s="1"/>
      <c r="O556" s="1"/>
      <c r="P556" s="1"/>
      <c r="Q556" s="1"/>
      <c r="R556" s="1"/>
      <c r="S556" s="1"/>
      <c r="T556" s="1"/>
      <c r="U556" s="1"/>
      <c r="V556" s="1"/>
    </row>
    <row r="557" spans="4:22" x14ac:dyDescent="0.2">
      <c r="D557" s="1"/>
      <c r="E557" s="1"/>
      <c r="F557" s="1"/>
      <c r="G557" s="1"/>
      <c r="H557" s="1"/>
      <c r="I557" s="1"/>
      <c r="J557" s="1"/>
      <c r="K557" s="1"/>
      <c r="L557" s="1"/>
      <c r="M557" s="1"/>
      <c r="N557" s="1"/>
      <c r="O557" s="1"/>
      <c r="P557" s="1"/>
      <c r="Q557" s="1"/>
      <c r="R557" s="1"/>
      <c r="S557" s="1"/>
      <c r="T557" s="1"/>
      <c r="U557" s="1"/>
      <c r="V557" s="1"/>
    </row>
    <row r="558" spans="4:22" x14ac:dyDescent="0.2">
      <c r="D558" s="1"/>
      <c r="E558" s="1"/>
      <c r="F558" s="1"/>
      <c r="G558" s="1"/>
      <c r="H558" s="1"/>
      <c r="I558" s="1"/>
      <c r="J558" s="1"/>
      <c r="K558" s="1"/>
      <c r="L558" s="1"/>
      <c r="M558" s="1"/>
      <c r="N558" s="1"/>
      <c r="O558" s="1"/>
      <c r="P558" s="1"/>
      <c r="Q558" s="1"/>
      <c r="R558" s="1"/>
      <c r="S558" s="1"/>
      <c r="T558" s="1"/>
      <c r="U558" s="1"/>
      <c r="V558" s="1"/>
    </row>
    <row r="559" spans="4:22" x14ac:dyDescent="0.2">
      <c r="D559" s="1"/>
      <c r="E559" s="1"/>
      <c r="F559" s="1"/>
      <c r="G559" s="1"/>
      <c r="H559" s="1"/>
      <c r="I559" s="1"/>
      <c r="J559" s="1"/>
      <c r="K559" s="1"/>
      <c r="L559" s="1"/>
      <c r="M559" s="1"/>
      <c r="N559" s="1"/>
      <c r="O559" s="1"/>
      <c r="P559" s="1"/>
      <c r="Q559" s="1"/>
      <c r="R559" s="1"/>
      <c r="S559" s="1"/>
      <c r="T559" s="1"/>
      <c r="U559" s="1"/>
      <c r="V559" s="1"/>
    </row>
    <row r="560" spans="4:22" x14ac:dyDescent="0.2">
      <c r="D560" s="1"/>
      <c r="E560" s="1"/>
      <c r="F560" s="1"/>
      <c r="G560" s="1"/>
      <c r="H560" s="1"/>
      <c r="I560" s="1"/>
      <c r="J560" s="1"/>
      <c r="K560" s="1"/>
      <c r="L560" s="1"/>
      <c r="M560" s="1"/>
      <c r="N560" s="1"/>
      <c r="O560" s="1"/>
      <c r="P560" s="1"/>
      <c r="Q560" s="1"/>
      <c r="R560" s="1"/>
      <c r="S560" s="1"/>
      <c r="T560" s="1"/>
      <c r="U560" s="1"/>
      <c r="V560" s="1"/>
    </row>
    <row r="561" spans="4:22" x14ac:dyDescent="0.2">
      <c r="D561" s="1"/>
      <c r="E561" s="1"/>
      <c r="F561" s="1"/>
      <c r="G561" s="1"/>
      <c r="H561" s="1"/>
      <c r="I561" s="1"/>
      <c r="J561" s="1"/>
      <c r="K561" s="1"/>
      <c r="L561" s="1"/>
      <c r="M561" s="1"/>
      <c r="N561" s="1"/>
      <c r="O561" s="1"/>
      <c r="P561" s="1"/>
      <c r="Q561" s="1"/>
      <c r="R561" s="1"/>
      <c r="S561" s="1"/>
      <c r="T561" s="1"/>
      <c r="U561" s="1"/>
      <c r="V561" s="1"/>
    </row>
    <row r="562" spans="4:22" x14ac:dyDescent="0.2">
      <c r="D562" s="1"/>
      <c r="E562" s="1"/>
      <c r="F562" s="1"/>
      <c r="G562" s="1"/>
      <c r="H562" s="1"/>
      <c r="I562" s="1"/>
      <c r="J562" s="1"/>
      <c r="K562" s="1"/>
      <c r="L562" s="1"/>
      <c r="M562" s="1"/>
      <c r="N562" s="1"/>
      <c r="O562" s="1"/>
      <c r="P562" s="1"/>
      <c r="Q562" s="1"/>
      <c r="R562" s="1"/>
      <c r="S562" s="1"/>
      <c r="T562" s="1"/>
      <c r="U562" s="1"/>
      <c r="V562" s="1"/>
    </row>
    <row r="563" spans="4:22" x14ac:dyDescent="0.2">
      <c r="D563" s="1"/>
      <c r="E563" s="1"/>
      <c r="F563" s="1"/>
      <c r="G563" s="1"/>
      <c r="H563" s="1"/>
      <c r="I563" s="1"/>
      <c r="J563" s="1"/>
      <c r="K563" s="1"/>
      <c r="L563" s="1"/>
      <c r="M563" s="1"/>
      <c r="N563" s="1"/>
      <c r="O563" s="1"/>
      <c r="P563" s="1"/>
      <c r="Q563" s="1"/>
      <c r="R563" s="1"/>
      <c r="S563" s="1"/>
      <c r="T563" s="1"/>
      <c r="U563" s="1"/>
      <c r="V563" s="1"/>
    </row>
    <row r="564" spans="4:22" x14ac:dyDescent="0.2">
      <c r="D564" s="1"/>
      <c r="E564" s="1"/>
      <c r="F564" s="1"/>
      <c r="G564" s="1"/>
      <c r="H564" s="1"/>
      <c r="I564" s="1"/>
      <c r="J564" s="1"/>
      <c r="K564" s="1"/>
      <c r="L564" s="1"/>
      <c r="M564" s="1"/>
      <c r="N564" s="1"/>
      <c r="O564" s="1"/>
      <c r="P564" s="1"/>
      <c r="Q564" s="1"/>
      <c r="R564" s="1"/>
      <c r="S564" s="1"/>
      <c r="T564" s="1"/>
      <c r="U564" s="1"/>
      <c r="V564" s="1"/>
    </row>
    <row r="565" spans="4:22" x14ac:dyDescent="0.2">
      <c r="D565" s="1"/>
      <c r="E565" s="1"/>
      <c r="F565" s="1"/>
      <c r="G565" s="1"/>
      <c r="H565" s="1"/>
      <c r="I565" s="1"/>
      <c r="J565" s="1"/>
      <c r="K565" s="1"/>
      <c r="L565" s="1"/>
      <c r="M565" s="1"/>
      <c r="N565" s="1"/>
      <c r="O565" s="1"/>
      <c r="P565" s="1"/>
      <c r="Q565" s="1"/>
      <c r="R565" s="1"/>
      <c r="S565" s="1"/>
      <c r="T565" s="1"/>
      <c r="U565" s="1"/>
      <c r="V565" s="1"/>
    </row>
    <row r="566" spans="4:22" x14ac:dyDescent="0.2">
      <c r="D566" s="1"/>
      <c r="E566" s="1"/>
      <c r="F566" s="1"/>
      <c r="G566" s="1"/>
      <c r="H566" s="1"/>
      <c r="I566" s="1"/>
      <c r="J566" s="1"/>
      <c r="K566" s="1"/>
      <c r="L566" s="1"/>
      <c r="M566" s="1"/>
      <c r="N566" s="1"/>
      <c r="O566" s="1"/>
      <c r="P566" s="1"/>
      <c r="Q566" s="1"/>
      <c r="R566" s="1"/>
      <c r="S566" s="1"/>
      <c r="T566" s="1"/>
      <c r="U566" s="1"/>
      <c r="V566" s="1"/>
    </row>
    <row r="567" spans="4:22" x14ac:dyDescent="0.2">
      <c r="D567" s="1"/>
      <c r="E567" s="1"/>
      <c r="F567" s="1"/>
      <c r="G567" s="1"/>
      <c r="H567" s="1"/>
      <c r="I567" s="1"/>
      <c r="J567" s="1"/>
      <c r="K567" s="1"/>
      <c r="L567" s="1"/>
      <c r="M567" s="1"/>
      <c r="N567" s="1"/>
      <c r="O567" s="1"/>
      <c r="P567" s="1"/>
      <c r="Q567" s="1"/>
      <c r="R567" s="1"/>
      <c r="S567" s="1"/>
      <c r="T567" s="1"/>
      <c r="U567" s="1"/>
      <c r="V567" s="1"/>
    </row>
    <row r="568" spans="4:22" x14ac:dyDescent="0.2">
      <c r="D568" s="1"/>
      <c r="E568" s="1"/>
      <c r="F568" s="1"/>
      <c r="G568" s="1"/>
      <c r="H568" s="1"/>
      <c r="I568" s="1"/>
      <c r="J568" s="1"/>
      <c r="K568" s="1"/>
      <c r="L568" s="1"/>
      <c r="M568" s="1"/>
      <c r="N568" s="1"/>
      <c r="O568" s="1"/>
      <c r="P568" s="1"/>
      <c r="Q568" s="1"/>
      <c r="R568" s="1"/>
      <c r="S568" s="1"/>
      <c r="T568" s="1"/>
      <c r="U568" s="1"/>
      <c r="V568" s="1"/>
    </row>
    <row r="569" spans="4:22" x14ac:dyDescent="0.2">
      <c r="D569" s="1"/>
      <c r="E569" s="1"/>
      <c r="F569" s="1"/>
      <c r="G569" s="1"/>
      <c r="H569" s="1"/>
      <c r="I569" s="1"/>
      <c r="J569" s="1"/>
      <c r="K569" s="1"/>
      <c r="L569" s="1"/>
      <c r="M569" s="1"/>
      <c r="N569" s="1"/>
      <c r="O569" s="1"/>
      <c r="P569" s="1"/>
      <c r="Q569" s="1"/>
      <c r="R569" s="1"/>
      <c r="S569" s="1"/>
      <c r="T569" s="1"/>
      <c r="U569" s="1"/>
      <c r="V569" s="1"/>
    </row>
    <row r="570" spans="4:22" x14ac:dyDescent="0.2">
      <c r="D570" s="1"/>
      <c r="E570" s="1"/>
      <c r="F570" s="1"/>
      <c r="G570" s="1"/>
      <c r="H570" s="1"/>
      <c r="I570" s="1"/>
      <c r="J570" s="1"/>
      <c r="K570" s="1"/>
      <c r="L570" s="1"/>
      <c r="M570" s="1"/>
      <c r="N570" s="1"/>
      <c r="O570" s="1"/>
      <c r="P570" s="1"/>
      <c r="Q570" s="1"/>
      <c r="R570" s="1"/>
      <c r="S570" s="1"/>
      <c r="T570" s="1"/>
      <c r="U570" s="1"/>
      <c r="V570" s="1"/>
    </row>
    <row r="571" spans="4:22" x14ac:dyDescent="0.2">
      <c r="D571" s="1"/>
      <c r="E571" s="1"/>
      <c r="F571" s="1"/>
      <c r="G571" s="1"/>
      <c r="H571" s="1"/>
      <c r="I571" s="1"/>
      <c r="J571" s="1"/>
      <c r="K571" s="1"/>
      <c r="L571" s="1"/>
      <c r="M571" s="1"/>
      <c r="N571" s="1"/>
      <c r="O571" s="1"/>
      <c r="P571" s="1"/>
      <c r="Q571" s="1"/>
      <c r="R571" s="1"/>
      <c r="S571" s="1"/>
      <c r="T571" s="1"/>
      <c r="U571" s="1"/>
      <c r="V571" s="1"/>
    </row>
    <row r="572" spans="4:22" x14ac:dyDescent="0.2">
      <c r="D572" s="1"/>
      <c r="E572" s="1"/>
      <c r="F572" s="1"/>
      <c r="G572" s="1"/>
      <c r="H572" s="1"/>
      <c r="I572" s="1"/>
      <c r="J572" s="1"/>
      <c r="K572" s="1"/>
      <c r="L572" s="1"/>
      <c r="M572" s="1"/>
      <c r="N572" s="1"/>
      <c r="O572" s="1"/>
      <c r="P572" s="1"/>
      <c r="Q572" s="1"/>
      <c r="R572" s="1"/>
      <c r="S572" s="1"/>
      <c r="T572" s="1"/>
      <c r="U572" s="1"/>
      <c r="V572" s="1"/>
    </row>
    <row r="573" spans="4:22" x14ac:dyDescent="0.2">
      <c r="D573" s="1"/>
      <c r="E573" s="1"/>
      <c r="F573" s="1"/>
      <c r="G573" s="1"/>
      <c r="H573" s="1"/>
      <c r="I573" s="1"/>
      <c r="J573" s="1"/>
      <c r="K573" s="1"/>
      <c r="L573" s="1"/>
      <c r="M573" s="1"/>
      <c r="N573" s="1"/>
      <c r="O573" s="1"/>
      <c r="P573" s="1"/>
      <c r="Q573" s="1"/>
      <c r="R573" s="1"/>
      <c r="S573" s="1"/>
      <c r="T573" s="1"/>
      <c r="U573" s="1"/>
      <c r="V573" s="1"/>
    </row>
    <row r="574" spans="4:22" x14ac:dyDescent="0.2">
      <c r="D574" s="1"/>
      <c r="E574" s="1"/>
      <c r="F574" s="1"/>
      <c r="G574" s="1"/>
      <c r="H574" s="1"/>
      <c r="I574" s="1"/>
      <c r="J574" s="1"/>
      <c r="K574" s="1"/>
      <c r="L574" s="1"/>
      <c r="M574" s="1"/>
      <c r="N574" s="1"/>
      <c r="O574" s="1"/>
      <c r="P574" s="1"/>
      <c r="Q574" s="1"/>
      <c r="R574" s="1"/>
      <c r="S574" s="1"/>
      <c r="T574" s="1"/>
      <c r="U574" s="1"/>
      <c r="V574" s="1"/>
    </row>
    <row r="575" spans="4:22" x14ac:dyDescent="0.2">
      <c r="D575" s="1"/>
      <c r="E575" s="1"/>
      <c r="F575" s="1"/>
      <c r="G575" s="1"/>
      <c r="H575" s="1"/>
      <c r="I575" s="1"/>
      <c r="J575" s="1"/>
      <c r="K575" s="1"/>
      <c r="L575" s="1"/>
      <c r="M575" s="1"/>
      <c r="N575" s="1"/>
      <c r="O575" s="1"/>
      <c r="P575" s="1"/>
      <c r="Q575" s="1"/>
      <c r="R575" s="1"/>
      <c r="S575" s="1"/>
      <c r="T575" s="1"/>
      <c r="U575" s="1"/>
      <c r="V575" s="1"/>
    </row>
    <row r="576" spans="4:22" x14ac:dyDescent="0.2">
      <c r="D576" s="1"/>
      <c r="E576" s="1"/>
      <c r="F576" s="1"/>
      <c r="G576" s="1"/>
      <c r="H576" s="1"/>
      <c r="I576" s="1"/>
      <c r="J576" s="1"/>
      <c r="K576" s="1"/>
      <c r="L576" s="1"/>
      <c r="M576" s="1"/>
      <c r="N576" s="1"/>
      <c r="O576" s="1"/>
      <c r="P576" s="1"/>
      <c r="Q576" s="1"/>
      <c r="R576" s="1"/>
      <c r="S576" s="1"/>
      <c r="T576" s="1"/>
      <c r="U576" s="1"/>
      <c r="V576" s="1"/>
    </row>
    <row r="577" spans="4:22" x14ac:dyDescent="0.2">
      <c r="D577" s="1"/>
      <c r="E577" s="1"/>
      <c r="F577" s="1"/>
      <c r="G577" s="1"/>
      <c r="H577" s="1"/>
      <c r="I577" s="1"/>
      <c r="J577" s="1"/>
      <c r="K577" s="1"/>
      <c r="L577" s="1"/>
      <c r="M577" s="1"/>
      <c r="N577" s="1"/>
      <c r="O577" s="1"/>
      <c r="P577" s="1"/>
      <c r="Q577" s="1"/>
      <c r="R577" s="1"/>
      <c r="S577" s="1"/>
      <c r="T577" s="1"/>
      <c r="U577" s="1"/>
      <c r="V577" s="1"/>
    </row>
    <row r="578" spans="4:22" x14ac:dyDescent="0.2">
      <c r="D578" s="1"/>
      <c r="E578" s="1"/>
      <c r="F578" s="1"/>
      <c r="G578" s="1"/>
      <c r="H578" s="1"/>
      <c r="I578" s="1"/>
      <c r="J578" s="1"/>
      <c r="K578" s="1"/>
      <c r="L578" s="1"/>
      <c r="M578" s="1"/>
      <c r="N578" s="1"/>
      <c r="O578" s="1"/>
      <c r="P578" s="1"/>
      <c r="Q578" s="1"/>
      <c r="R578" s="1"/>
      <c r="S578" s="1"/>
      <c r="T578" s="1"/>
      <c r="U578" s="1"/>
      <c r="V578" s="1"/>
    </row>
    <row r="579" spans="4:22" x14ac:dyDescent="0.2">
      <c r="D579" s="1"/>
      <c r="E579" s="1"/>
      <c r="F579" s="1"/>
      <c r="G579" s="1"/>
      <c r="H579" s="1"/>
      <c r="I579" s="1"/>
      <c r="J579" s="1"/>
      <c r="K579" s="1"/>
      <c r="L579" s="1"/>
      <c r="M579" s="1"/>
      <c r="N579" s="1"/>
      <c r="O579" s="1"/>
      <c r="P579" s="1"/>
      <c r="Q579" s="1"/>
      <c r="R579" s="1"/>
      <c r="S579" s="1"/>
      <c r="T579" s="1"/>
      <c r="U579" s="1"/>
      <c r="V579" s="1"/>
    </row>
    <row r="580" spans="4:22" x14ac:dyDescent="0.2">
      <c r="D580" s="1"/>
      <c r="E580" s="1"/>
      <c r="F580" s="1"/>
      <c r="G580" s="1"/>
      <c r="H580" s="1"/>
      <c r="I580" s="1"/>
      <c r="J580" s="1"/>
      <c r="K580" s="1"/>
      <c r="L580" s="1"/>
      <c r="M580" s="1"/>
      <c r="N580" s="1"/>
      <c r="O580" s="1"/>
      <c r="P580" s="1"/>
      <c r="Q580" s="1"/>
      <c r="R580" s="1"/>
      <c r="S580" s="1"/>
      <c r="T580" s="1"/>
      <c r="U580" s="1"/>
      <c r="V580" s="1"/>
    </row>
    <row r="581" spans="4:22" x14ac:dyDescent="0.2">
      <c r="D581" s="1"/>
      <c r="E581" s="1"/>
      <c r="F581" s="1"/>
      <c r="G581" s="1"/>
      <c r="H581" s="1"/>
      <c r="I581" s="1"/>
      <c r="J581" s="1"/>
      <c r="K581" s="1"/>
      <c r="L581" s="1"/>
      <c r="M581" s="1"/>
      <c r="N581" s="1"/>
      <c r="O581" s="1"/>
      <c r="P581" s="1"/>
      <c r="Q581" s="1"/>
      <c r="R581" s="1"/>
      <c r="S581" s="1"/>
      <c r="T581" s="1"/>
      <c r="U581" s="1"/>
      <c r="V581" s="1"/>
    </row>
    <row r="582" spans="4:22" x14ac:dyDescent="0.2">
      <c r="D582" s="1"/>
      <c r="E582" s="1"/>
      <c r="F582" s="1"/>
      <c r="G582" s="1"/>
      <c r="H582" s="1"/>
      <c r="I582" s="1"/>
      <c r="J582" s="1"/>
      <c r="K582" s="1"/>
      <c r="L582" s="1"/>
      <c r="M582" s="1"/>
      <c r="N582" s="1"/>
      <c r="O582" s="1"/>
      <c r="P582" s="1"/>
      <c r="Q582" s="1"/>
      <c r="R582" s="1"/>
      <c r="S582" s="1"/>
      <c r="T582" s="1"/>
      <c r="U582" s="1"/>
      <c r="V582" s="1"/>
    </row>
    <row r="583" spans="4:22" x14ac:dyDescent="0.2">
      <c r="D583" s="1"/>
      <c r="E583" s="1"/>
      <c r="F583" s="1"/>
      <c r="G583" s="1"/>
      <c r="H583" s="1"/>
      <c r="I583" s="1"/>
      <c r="J583" s="1"/>
      <c r="K583" s="1"/>
      <c r="L583" s="1"/>
      <c r="M583" s="1"/>
      <c r="N583" s="1"/>
      <c r="O583" s="1"/>
      <c r="P583" s="1"/>
      <c r="Q583" s="1"/>
      <c r="R583" s="1"/>
      <c r="S583" s="1"/>
      <c r="T583" s="1"/>
      <c r="U583" s="1"/>
      <c r="V583" s="1"/>
    </row>
    <row r="584" spans="4:22" x14ac:dyDescent="0.2">
      <c r="D584" s="1"/>
      <c r="E584" s="1"/>
      <c r="F584" s="1"/>
      <c r="G584" s="1"/>
      <c r="H584" s="1"/>
      <c r="I584" s="1"/>
      <c r="J584" s="1"/>
      <c r="K584" s="1"/>
      <c r="L584" s="1"/>
      <c r="M584" s="1"/>
      <c r="N584" s="1"/>
      <c r="O584" s="1"/>
      <c r="P584" s="1"/>
      <c r="Q584" s="1"/>
      <c r="R584" s="1"/>
      <c r="S584" s="1"/>
      <c r="T584" s="1"/>
      <c r="U584" s="1"/>
      <c r="V584" s="1"/>
    </row>
    <row r="585" spans="4:22" x14ac:dyDescent="0.2">
      <c r="D585" s="1"/>
      <c r="E585" s="1"/>
      <c r="F585" s="1"/>
      <c r="G585" s="1"/>
      <c r="H585" s="1"/>
      <c r="I585" s="1"/>
      <c r="J585" s="1"/>
      <c r="K585" s="1"/>
      <c r="L585" s="1"/>
      <c r="M585" s="1"/>
      <c r="N585" s="1"/>
      <c r="O585" s="1"/>
      <c r="P585" s="1"/>
      <c r="Q585" s="1"/>
      <c r="R585" s="1"/>
      <c r="S585" s="1"/>
      <c r="T585" s="1"/>
      <c r="U585" s="1"/>
      <c r="V585" s="1"/>
    </row>
    <row r="586" spans="4:22" x14ac:dyDescent="0.2">
      <c r="D586" s="1"/>
      <c r="E586" s="1"/>
      <c r="F586" s="1"/>
      <c r="G586" s="1"/>
      <c r="H586" s="1"/>
      <c r="I586" s="1"/>
      <c r="J586" s="1"/>
      <c r="K586" s="1"/>
      <c r="L586" s="1"/>
      <c r="M586" s="1"/>
      <c r="N586" s="1"/>
      <c r="O586" s="1"/>
      <c r="P586" s="1"/>
      <c r="Q586" s="1"/>
      <c r="R586" s="1"/>
      <c r="S586" s="1"/>
      <c r="T586" s="1"/>
      <c r="U586" s="1"/>
      <c r="V586" s="1"/>
    </row>
    <row r="587" spans="4:22" x14ac:dyDescent="0.2">
      <c r="D587" s="1"/>
      <c r="E587" s="1"/>
      <c r="F587" s="1"/>
      <c r="G587" s="1"/>
      <c r="H587" s="1"/>
      <c r="I587" s="1"/>
      <c r="J587" s="1"/>
      <c r="K587" s="1"/>
      <c r="L587" s="1"/>
      <c r="M587" s="1"/>
      <c r="N587" s="1"/>
      <c r="O587" s="1"/>
      <c r="P587" s="1"/>
      <c r="Q587" s="1"/>
      <c r="R587" s="1"/>
      <c r="S587" s="1"/>
      <c r="T587" s="1"/>
      <c r="U587" s="1"/>
      <c r="V587" s="1"/>
    </row>
    <row r="588" spans="4:22" x14ac:dyDescent="0.2">
      <c r="D588" s="1"/>
      <c r="E588" s="1"/>
      <c r="F588" s="1"/>
      <c r="G588" s="1"/>
      <c r="H588" s="1"/>
      <c r="I588" s="1"/>
      <c r="J588" s="1"/>
      <c r="K588" s="1"/>
      <c r="L588" s="1"/>
      <c r="M588" s="1"/>
      <c r="N588" s="1"/>
      <c r="O588" s="1"/>
      <c r="P588" s="1"/>
      <c r="Q588" s="1"/>
      <c r="R588" s="1"/>
      <c r="S588" s="1"/>
      <c r="T588" s="1"/>
      <c r="U588" s="1"/>
      <c r="V588" s="1"/>
    </row>
    <row r="589" spans="4:22" x14ac:dyDescent="0.2">
      <c r="D589" s="1"/>
      <c r="E589" s="1"/>
      <c r="F589" s="1"/>
      <c r="G589" s="1"/>
      <c r="H589" s="1"/>
      <c r="I589" s="1"/>
      <c r="J589" s="1"/>
      <c r="K589" s="1"/>
      <c r="L589" s="1"/>
      <c r="M589" s="1"/>
      <c r="N589" s="1"/>
      <c r="O589" s="1"/>
      <c r="P589" s="1"/>
      <c r="Q589" s="1"/>
      <c r="R589" s="1"/>
      <c r="S589" s="1"/>
      <c r="T589" s="1"/>
      <c r="U589" s="1"/>
      <c r="V589" s="1"/>
    </row>
    <row r="590" spans="4:22" x14ac:dyDescent="0.2">
      <c r="D590" s="1"/>
      <c r="E590" s="1"/>
      <c r="F590" s="1"/>
      <c r="G590" s="1"/>
      <c r="H590" s="1"/>
      <c r="I590" s="1"/>
      <c r="J590" s="1"/>
      <c r="K590" s="1"/>
      <c r="L590" s="1"/>
      <c r="M590" s="1"/>
      <c r="N590" s="1"/>
      <c r="O590" s="1"/>
      <c r="P590" s="1"/>
      <c r="Q590" s="1"/>
      <c r="R590" s="1"/>
      <c r="S590" s="1"/>
      <c r="T590" s="1"/>
      <c r="U590" s="1"/>
      <c r="V590" s="1"/>
    </row>
    <row r="591" spans="4:22" x14ac:dyDescent="0.2">
      <c r="D591" s="1"/>
      <c r="E591" s="1"/>
      <c r="F591" s="1"/>
      <c r="G591" s="1"/>
      <c r="H591" s="1"/>
      <c r="I591" s="1"/>
      <c r="J591" s="1"/>
      <c r="K591" s="1"/>
      <c r="L591" s="1"/>
      <c r="M591" s="1"/>
      <c r="N591" s="1"/>
      <c r="O591" s="1"/>
      <c r="P591" s="1"/>
      <c r="Q591" s="1"/>
      <c r="R591" s="1"/>
      <c r="S591" s="1"/>
      <c r="T591" s="1"/>
      <c r="U591" s="1"/>
      <c r="V591" s="1"/>
    </row>
    <row r="592" spans="4:22" x14ac:dyDescent="0.2">
      <c r="D592" s="1"/>
      <c r="E592" s="1"/>
      <c r="F592" s="1"/>
      <c r="G592" s="1"/>
      <c r="H592" s="1"/>
      <c r="I592" s="1"/>
      <c r="J592" s="1"/>
      <c r="K592" s="1"/>
      <c r="L592" s="1"/>
      <c r="M592" s="1"/>
      <c r="N592" s="1"/>
      <c r="O592" s="1"/>
      <c r="P592" s="1"/>
      <c r="Q592" s="1"/>
      <c r="R592" s="1"/>
      <c r="S592" s="1"/>
      <c r="T592" s="1"/>
      <c r="U592" s="1"/>
      <c r="V592" s="1"/>
    </row>
    <row r="593" spans="4:22" x14ac:dyDescent="0.2">
      <c r="D593" s="1"/>
      <c r="E593" s="1"/>
      <c r="F593" s="1"/>
      <c r="G593" s="1"/>
      <c r="H593" s="1"/>
      <c r="I593" s="1"/>
      <c r="J593" s="1"/>
      <c r="K593" s="1"/>
      <c r="L593" s="1"/>
      <c r="M593" s="1"/>
      <c r="N593" s="1"/>
      <c r="O593" s="1"/>
      <c r="P593" s="1"/>
      <c r="Q593" s="1"/>
      <c r="R593" s="1"/>
      <c r="S593" s="1"/>
      <c r="T593" s="1"/>
      <c r="U593" s="1"/>
      <c r="V593" s="1"/>
    </row>
    <row r="594" spans="4:22" x14ac:dyDescent="0.2">
      <c r="D594" s="1"/>
      <c r="E594" s="1"/>
      <c r="F594" s="1"/>
      <c r="G594" s="1"/>
      <c r="H594" s="1"/>
      <c r="I594" s="1"/>
      <c r="J594" s="1"/>
      <c r="K594" s="1"/>
      <c r="L594" s="1"/>
      <c r="M594" s="1"/>
      <c r="N594" s="1"/>
      <c r="O594" s="1"/>
      <c r="P594" s="1"/>
      <c r="Q594" s="1"/>
      <c r="R594" s="1"/>
      <c r="S594" s="1"/>
      <c r="T594" s="1"/>
      <c r="U594" s="1"/>
      <c r="V594" s="1"/>
    </row>
    <row r="595" spans="4:22" x14ac:dyDescent="0.2">
      <c r="D595" s="1"/>
      <c r="E595" s="1"/>
      <c r="F595" s="1"/>
      <c r="G595" s="1"/>
      <c r="H595" s="1"/>
      <c r="I595" s="1"/>
      <c r="J595" s="1"/>
      <c r="K595" s="1"/>
      <c r="L595" s="1"/>
      <c r="M595" s="1"/>
      <c r="N595" s="1"/>
      <c r="O595" s="1"/>
      <c r="P595" s="1"/>
      <c r="Q595" s="1"/>
      <c r="R595" s="1"/>
      <c r="S595" s="1"/>
      <c r="T595" s="1"/>
      <c r="U595" s="1"/>
      <c r="V595" s="1"/>
    </row>
    <row r="596" spans="4:22" x14ac:dyDescent="0.2">
      <c r="D596" s="1"/>
      <c r="E596" s="1"/>
      <c r="F596" s="1"/>
      <c r="G596" s="1"/>
      <c r="H596" s="1"/>
      <c r="I596" s="1"/>
      <c r="J596" s="1"/>
      <c r="K596" s="1"/>
      <c r="L596" s="1"/>
      <c r="M596" s="1"/>
      <c r="N596" s="1"/>
      <c r="O596" s="1"/>
      <c r="P596" s="1"/>
      <c r="Q596" s="1"/>
      <c r="R596" s="1"/>
      <c r="S596" s="1"/>
      <c r="T596" s="1"/>
      <c r="U596" s="1"/>
      <c r="V596" s="1"/>
    </row>
    <row r="597" spans="4:22" x14ac:dyDescent="0.2">
      <c r="D597" s="1"/>
      <c r="E597" s="1"/>
      <c r="F597" s="1"/>
      <c r="G597" s="1"/>
      <c r="H597" s="1"/>
      <c r="I597" s="1"/>
      <c r="J597" s="1"/>
      <c r="K597" s="1"/>
      <c r="L597" s="1"/>
      <c r="M597" s="1"/>
      <c r="N597" s="1"/>
      <c r="O597" s="1"/>
      <c r="P597" s="1"/>
      <c r="Q597" s="1"/>
      <c r="R597" s="1"/>
      <c r="S597" s="1"/>
      <c r="T597" s="1"/>
      <c r="U597" s="1"/>
      <c r="V597" s="1"/>
    </row>
    <row r="598" spans="4:22" x14ac:dyDescent="0.2">
      <c r="D598" s="1"/>
      <c r="E598" s="1"/>
      <c r="F598" s="1"/>
      <c r="G598" s="1"/>
      <c r="H598" s="1"/>
      <c r="I598" s="1"/>
      <c r="J598" s="1"/>
      <c r="K598" s="1"/>
      <c r="L598" s="1"/>
      <c r="M598" s="1"/>
      <c r="N598" s="1"/>
      <c r="O598" s="1"/>
      <c r="P598" s="1"/>
      <c r="Q598" s="1"/>
      <c r="R598" s="1"/>
      <c r="S598" s="1"/>
      <c r="T598" s="1"/>
      <c r="U598" s="1"/>
      <c r="V598" s="1"/>
    </row>
    <row r="599" spans="4:22" x14ac:dyDescent="0.2">
      <c r="D599" s="1"/>
      <c r="E599" s="1"/>
      <c r="F599" s="1"/>
      <c r="G599" s="1"/>
      <c r="H599" s="1"/>
      <c r="I599" s="1"/>
      <c r="J599" s="1"/>
      <c r="K599" s="1"/>
      <c r="L599" s="1"/>
      <c r="M599" s="1"/>
      <c r="N599" s="1"/>
      <c r="O599" s="1"/>
      <c r="P599" s="1"/>
      <c r="Q599" s="1"/>
      <c r="R599" s="1"/>
      <c r="S599" s="1"/>
      <c r="T599" s="1"/>
      <c r="U599" s="1"/>
      <c r="V599" s="1"/>
    </row>
    <row r="600" spans="4:22" x14ac:dyDescent="0.2">
      <c r="D600" s="1"/>
      <c r="E600" s="1"/>
      <c r="F600" s="1"/>
      <c r="G600" s="1"/>
      <c r="H600" s="1"/>
      <c r="I600" s="1"/>
      <c r="J600" s="1"/>
      <c r="K600" s="1"/>
      <c r="L600" s="1"/>
      <c r="M600" s="1"/>
      <c r="N600" s="1"/>
      <c r="O600" s="1"/>
      <c r="P600" s="1"/>
      <c r="Q600" s="1"/>
      <c r="R600" s="1"/>
      <c r="S600" s="1"/>
      <c r="T600" s="1"/>
      <c r="U600" s="1"/>
      <c r="V600" s="1"/>
    </row>
    <row r="601" spans="4:22" x14ac:dyDescent="0.2">
      <c r="D601" s="1"/>
      <c r="E601" s="1"/>
      <c r="F601" s="1"/>
      <c r="G601" s="1"/>
      <c r="H601" s="1"/>
      <c r="I601" s="1"/>
      <c r="J601" s="1"/>
      <c r="K601" s="1"/>
      <c r="L601" s="1"/>
      <c r="M601" s="1"/>
      <c r="N601" s="1"/>
      <c r="O601" s="1"/>
      <c r="P601" s="1"/>
      <c r="Q601" s="1"/>
      <c r="R601" s="1"/>
      <c r="S601" s="1"/>
      <c r="T601" s="1"/>
      <c r="U601" s="1"/>
      <c r="V601" s="1"/>
    </row>
    <row r="602" spans="4:22" x14ac:dyDescent="0.2">
      <c r="D602" s="1"/>
      <c r="E602" s="1"/>
      <c r="F602" s="1"/>
      <c r="G602" s="1"/>
      <c r="H602" s="1"/>
      <c r="I602" s="1"/>
      <c r="J602" s="1"/>
      <c r="K602" s="1"/>
      <c r="L602" s="1"/>
      <c r="M602" s="1"/>
      <c r="N602" s="1"/>
      <c r="O602" s="1"/>
      <c r="P602" s="1"/>
      <c r="Q602" s="1"/>
      <c r="R602" s="1"/>
      <c r="S602" s="1"/>
      <c r="T602" s="1"/>
      <c r="U602" s="1"/>
      <c r="V602" s="1"/>
    </row>
    <row r="603" spans="4:22" x14ac:dyDescent="0.2">
      <c r="D603" s="1"/>
      <c r="E603" s="1"/>
      <c r="F603" s="1"/>
      <c r="G603" s="1"/>
      <c r="H603" s="1"/>
      <c r="I603" s="1"/>
      <c r="J603" s="1"/>
      <c r="K603" s="1"/>
      <c r="L603" s="1"/>
      <c r="M603" s="1"/>
      <c r="N603" s="1"/>
      <c r="O603" s="1"/>
      <c r="P603" s="1"/>
      <c r="Q603" s="1"/>
      <c r="R603" s="1"/>
      <c r="S603" s="1"/>
      <c r="T603" s="1"/>
      <c r="U603" s="1"/>
      <c r="V603" s="1"/>
    </row>
    <row r="604" spans="4:22" x14ac:dyDescent="0.2">
      <c r="D604" s="1"/>
      <c r="E604" s="1"/>
      <c r="F604" s="1"/>
      <c r="G604" s="1"/>
      <c r="H604" s="1"/>
      <c r="I604" s="1"/>
      <c r="J604" s="1"/>
      <c r="K604" s="1"/>
      <c r="L604" s="1"/>
      <c r="M604" s="1"/>
      <c r="N604" s="1"/>
      <c r="O604" s="1"/>
      <c r="P604" s="1"/>
      <c r="Q604" s="1"/>
      <c r="R604" s="1"/>
      <c r="S604" s="1"/>
      <c r="T604" s="1"/>
      <c r="U604" s="1"/>
      <c r="V604" s="1"/>
    </row>
    <row r="605" spans="4:22" x14ac:dyDescent="0.2">
      <c r="D605" s="1"/>
      <c r="E605" s="1"/>
      <c r="F605" s="1"/>
      <c r="G605" s="1"/>
      <c r="H605" s="1"/>
      <c r="I605" s="1"/>
      <c r="J605" s="1"/>
      <c r="K605" s="1"/>
      <c r="L605" s="1"/>
      <c r="M605" s="1"/>
      <c r="N605" s="1"/>
      <c r="O605" s="1"/>
      <c r="P605" s="1"/>
      <c r="Q605" s="1"/>
      <c r="R605" s="1"/>
      <c r="S605" s="1"/>
      <c r="T605" s="1"/>
      <c r="U605" s="1"/>
      <c r="V605" s="1"/>
    </row>
    <row r="606" spans="4:22" x14ac:dyDescent="0.2">
      <c r="D606" s="1"/>
      <c r="E606" s="1"/>
      <c r="F606" s="1"/>
      <c r="G606" s="1"/>
      <c r="H606" s="1"/>
      <c r="I606" s="1"/>
      <c r="J606" s="1"/>
      <c r="K606" s="1"/>
      <c r="L606" s="1"/>
      <c r="M606" s="1"/>
      <c r="N606" s="1"/>
      <c r="O606" s="1"/>
      <c r="P606" s="1"/>
      <c r="Q606" s="1"/>
      <c r="R606" s="1"/>
      <c r="S606" s="1"/>
      <c r="T606" s="1"/>
      <c r="U606" s="1"/>
      <c r="V606" s="1"/>
    </row>
    <row r="607" spans="4:22" x14ac:dyDescent="0.2">
      <c r="D607" s="1"/>
      <c r="E607" s="1"/>
      <c r="F607" s="1"/>
      <c r="G607" s="1"/>
      <c r="H607" s="1"/>
      <c r="I607" s="1"/>
      <c r="J607" s="1"/>
      <c r="K607" s="1"/>
      <c r="L607" s="1"/>
      <c r="M607" s="1"/>
      <c r="N607" s="1"/>
      <c r="O607" s="1"/>
      <c r="P607" s="1"/>
      <c r="Q607" s="1"/>
      <c r="R607" s="1"/>
      <c r="S607" s="1"/>
      <c r="T607" s="1"/>
      <c r="U607" s="1"/>
      <c r="V607" s="1"/>
    </row>
    <row r="608" spans="4:22" x14ac:dyDescent="0.2">
      <c r="D608" s="1"/>
      <c r="E608" s="1"/>
      <c r="F608" s="1"/>
      <c r="G608" s="1"/>
      <c r="H608" s="1"/>
      <c r="I608" s="1"/>
      <c r="J608" s="1"/>
      <c r="K608" s="1"/>
      <c r="L608" s="1"/>
      <c r="M608" s="1"/>
      <c r="N608" s="1"/>
      <c r="O608" s="1"/>
      <c r="P608" s="1"/>
      <c r="Q608" s="1"/>
      <c r="R608" s="1"/>
      <c r="S608" s="1"/>
      <c r="T608" s="1"/>
      <c r="U608" s="1"/>
      <c r="V608" s="1"/>
    </row>
    <row r="609" spans="4:22" x14ac:dyDescent="0.2">
      <c r="D609" s="1"/>
      <c r="E609" s="1"/>
      <c r="F609" s="1"/>
      <c r="G609" s="1"/>
      <c r="H609" s="1"/>
      <c r="I609" s="1"/>
      <c r="J609" s="1"/>
      <c r="K609" s="1"/>
      <c r="L609" s="1"/>
      <c r="M609" s="1"/>
      <c r="N609" s="1"/>
      <c r="O609" s="1"/>
      <c r="P609" s="1"/>
      <c r="Q609" s="1"/>
      <c r="R609" s="1"/>
      <c r="S609" s="1"/>
      <c r="T609" s="1"/>
      <c r="U609" s="1"/>
      <c r="V609" s="1"/>
    </row>
    <row r="610" spans="4:22" x14ac:dyDescent="0.2">
      <c r="D610" s="1"/>
      <c r="E610" s="1"/>
      <c r="F610" s="1"/>
      <c r="G610" s="1"/>
      <c r="H610" s="1"/>
      <c r="I610" s="1"/>
      <c r="J610" s="1"/>
      <c r="K610" s="1"/>
      <c r="L610" s="1"/>
      <c r="M610" s="1"/>
      <c r="N610" s="1"/>
      <c r="O610" s="1"/>
      <c r="P610" s="1"/>
      <c r="Q610" s="1"/>
      <c r="R610" s="1"/>
      <c r="S610" s="1"/>
      <c r="T610" s="1"/>
      <c r="U610" s="1"/>
      <c r="V610" s="1"/>
    </row>
    <row r="611" spans="4:22" x14ac:dyDescent="0.2">
      <c r="D611" s="1"/>
      <c r="E611" s="1"/>
      <c r="F611" s="1"/>
      <c r="G611" s="1"/>
      <c r="H611" s="1"/>
      <c r="I611" s="1"/>
      <c r="J611" s="1"/>
      <c r="K611" s="1"/>
      <c r="L611" s="1"/>
      <c r="M611" s="1"/>
      <c r="N611" s="1"/>
      <c r="O611" s="1"/>
      <c r="P611" s="1"/>
      <c r="Q611" s="1"/>
      <c r="R611" s="1"/>
      <c r="S611" s="1"/>
      <c r="T611" s="1"/>
      <c r="U611" s="1"/>
      <c r="V611" s="1"/>
    </row>
    <row r="612" spans="4:22" x14ac:dyDescent="0.2">
      <c r="D612" s="1"/>
      <c r="E612" s="1"/>
      <c r="F612" s="1"/>
      <c r="G612" s="1"/>
      <c r="H612" s="1"/>
      <c r="I612" s="1"/>
      <c r="J612" s="1"/>
      <c r="K612" s="1"/>
      <c r="L612" s="1"/>
      <c r="M612" s="1"/>
      <c r="N612" s="1"/>
      <c r="O612" s="1"/>
      <c r="P612" s="1"/>
      <c r="Q612" s="1"/>
      <c r="R612" s="1"/>
      <c r="S612" s="1"/>
      <c r="T612" s="1"/>
      <c r="U612" s="1"/>
      <c r="V612" s="1"/>
    </row>
    <row r="613" spans="4:22" x14ac:dyDescent="0.2">
      <c r="D613" s="1"/>
      <c r="E613" s="1"/>
      <c r="F613" s="1"/>
      <c r="G613" s="1"/>
      <c r="H613" s="1"/>
      <c r="I613" s="1"/>
      <c r="J613" s="1"/>
      <c r="K613" s="1"/>
      <c r="L613" s="1"/>
      <c r="M613" s="1"/>
      <c r="N613" s="1"/>
      <c r="O613" s="1"/>
      <c r="P613" s="1"/>
      <c r="Q613" s="1"/>
      <c r="R613" s="1"/>
      <c r="S613" s="1"/>
      <c r="T613" s="1"/>
      <c r="U613" s="1"/>
      <c r="V613" s="1"/>
    </row>
    <row r="614" spans="4:22" x14ac:dyDescent="0.2">
      <c r="D614" s="1"/>
      <c r="E614" s="1"/>
      <c r="F614" s="1"/>
      <c r="G614" s="1"/>
      <c r="H614" s="1"/>
      <c r="I614" s="1"/>
      <c r="J614" s="1"/>
      <c r="K614" s="1"/>
      <c r="L614" s="1"/>
      <c r="M614" s="1"/>
      <c r="N614" s="1"/>
      <c r="O614" s="1"/>
      <c r="P614" s="1"/>
      <c r="Q614" s="1"/>
      <c r="R614" s="1"/>
      <c r="S614" s="1"/>
      <c r="T614" s="1"/>
      <c r="U614" s="1"/>
      <c r="V614" s="1"/>
    </row>
    <row r="615" spans="4:22" x14ac:dyDescent="0.2">
      <c r="D615" s="1"/>
      <c r="E615" s="1"/>
      <c r="F615" s="1"/>
      <c r="G615" s="1"/>
      <c r="H615" s="1"/>
      <c r="I615" s="1"/>
      <c r="J615" s="1"/>
      <c r="K615" s="1"/>
      <c r="L615" s="1"/>
      <c r="M615" s="1"/>
      <c r="N615" s="1"/>
      <c r="O615" s="1"/>
      <c r="P615" s="1"/>
      <c r="Q615" s="1"/>
      <c r="R615" s="1"/>
      <c r="S615" s="1"/>
      <c r="T615" s="1"/>
      <c r="U615" s="1"/>
      <c r="V615" s="1"/>
    </row>
    <row r="616" spans="4:22" x14ac:dyDescent="0.2">
      <c r="D616" s="1"/>
      <c r="E616" s="1"/>
      <c r="F616" s="1"/>
      <c r="G616" s="1"/>
      <c r="H616" s="1"/>
      <c r="I616" s="1"/>
      <c r="J616" s="1"/>
      <c r="K616" s="1"/>
      <c r="L616" s="1"/>
      <c r="M616" s="1"/>
      <c r="N616" s="1"/>
      <c r="O616" s="1"/>
      <c r="P616" s="1"/>
      <c r="Q616" s="1"/>
      <c r="R616" s="1"/>
      <c r="S616" s="1"/>
      <c r="T616" s="1"/>
      <c r="U616" s="1"/>
      <c r="V616" s="1"/>
    </row>
    <row r="617" spans="4:22" x14ac:dyDescent="0.2">
      <c r="D617" s="1"/>
      <c r="E617" s="1"/>
      <c r="F617" s="1"/>
      <c r="G617" s="1"/>
      <c r="H617" s="1"/>
      <c r="I617" s="1"/>
      <c r="J617" s="1"/>
      <c r="K617" s="1"/>
      <c r="L617" s="1"/>
      <c r="M617" s="1"/>
      <c r="N617" s="1"/>
      <c r="O617" s="1"/>
      <c r="P617" s="1"/>
      <c r="Q617" s="1"/>
      <c r="R617" s="1"/>
      <c r="S617" s="1"/>
      <c r="T617" s="1"/>
      <c r="U617" s="1"/>
      <c r="V617" s="1"/>
    </row>
    <row r="618" spans="4:22" x14ac:dyDescent="0.2">
      <c r="D618" s="1"/>
      <c r="E618" s="1"/>
      <c r="F618" s="1"/>
      <c r="G618" s="1"/>
      <c r="H618" s="1"/>
      <c r="I618" s="1"/>
      <c r="J618" s="1"/>
      <c r="K618" s="1"/>
      <c r="L618" s="1"/>
      <c r="M618" s="1"/>
      <c r="N618" s="1"/>
      <c r="O618" s="1"/>
      <c r="P618" s="1"/>
      <c r="Q618" s="1"/>
      <c r="R618" s="1"/>
      <c r="S618" s="1"/>
      <c r="T618" s="1"/>
      <c r="U618" s="1"/>
      <c r="V618" s="1"/>
    </row>
    <row r="619" spans="4:22" x14ac:dyDescent="0.2">
      <c r="D619" s="1"/>
      <c r="E619" s="1"/>
      <c r="F619" s="1"/>
      <c r="G619" s="1"/>
      <c r="H619" s="1"/>
      <c r="I619" s="1"/>
      <c r="J619" s="1"/>
      <c r="K619" s="1"/>
      <c r="L619" s="1"/>
      <c r="M619" s="1"/>
      <c r="N619" s="1"/>
      <c r="O619" s="1"/>
      <c r="P619" s="1"/>
      <c r="Q619" s="1"/>
      <c r="R619" s="1"/>
      <c r="S619" s="1"/>
      <c r="T619" s="1"/>
      <c r="U619" s="1"/>
      <c r="V619" s="1"/>
    </row>
    <row r="620" spans="4:22" x14ac:dyDescent="0.2">
      <c r="D620" s="1"/>
      <c r="E620" s="1"/>
      <c r="F620" s="1"/>
      <c r="G620" s="1"/>
      <c r="H620" s="1"/>
      <c r="I620" s="1"/>
      <c r="J620" s="1"/>
      <c r="K620" s="1"/>
      <c r="L620" s="1"/>
      <c r="M620" s="1"/>
      <c r="N620" s="1"/>
      <c r="O620" s="1"/>
      <c r="P620" s="1"/>
      <c r="Q620" s="1"/>
      <c r="R620" s="1"/>
      <c r="S620" s="1"/>
      <c r="T620" s="1"/>
      <c r="U620" s="1"/>
      <c r="V620" s="1"/>
    </row>
    <row r="621" spans="4:22" x14ac:dyDescent="0.2">
      <c r="D621" s="1"/>
      <c r="E621" s="1"/>
      <c r="F621" s="1"/>
      <c r="G621" s="1"/>
      <c r="H621" s="1"/>
      <c r="I621" s="1"/>
      <c r="J621" s="1"/>
      <c r="K621" s="1"/>
      <c r="L621" s="1"/>
      <c r="M621" s="1"/>
      <c r="N621" s="1"/>
      <c r="O621" s="1"/>
      <c r="P621" s="1"/>
      <c r="Q621" s="1"/>
      <c r="R621" s="1"/>
      <c r="S621" s="1"/>
      <c r="T621" s="1"/>
      <c r="U621" s="1"/>
      <c r="V621" s="1"/>
    </row>
    <row r="622" spans="4:22" x14ac:dyDescent="0.2">
      <c r="D622" s="1"/>
      <c r="E622" s="1"/>
      <c r="F622" s="1"/>
      <c r="G622" s="1"/>
      <c r="H622" s="1"/>
      <c r="I622" s="1"/>
      <c r="J622" s="1"/>
      <c r="K622" s="1"/>
      <c r="L622" s="1"/>
      <c r="M622" s="1"/>
      <c r="N622" s="1"/>
      <c r="O622" s="1"/>
      <c r="P622" s="1"/>
      <c r="Q622" s="1"/>
      <c r="R622" s="1"/>
      <c r="S622" s="1"/>
      <c r="T622" s="1"/>
      <c r="U622" s="1"/>
      <c r="V622" s="1"/>
    </row>
    <row r="623" spans="4:22" x14ac:dyDescent="0.2">
      <c r="D623" s="1"/>
      <c r="E623" s="1"/>
      <c r="F623" s="1"/>
      <c r="G623" s="1"/>
      <c r="H623" s="1"/>
      <c r="I623" s="1"/>
      <c r="J623" s="1"/>
      <c r="K623" s="1"/>
      <c r="L623" s="1"/>
      <c r="M623" s="1"/>
      <c r="N623" s="1"/>
      <c r="O623" s="1"/>
      <c r="P623" s="1"/>
      <c r="Q623" s="1"/>
      <c r="R623" s="1"/>
      <c r="S623" s="1"/>
      <c r="T623" s="1"/>
      <c r="U623" s="1"/>
      <c r="V623" s="1"/>
    </row>
    <row r="624" spans="4:22" x14ac:dyDescent="0.2">
      <c r="D624" s="1"/>
      <c r="E624" s="1"/>
      <c r="F624" s="1"/>
      <c r="G624" s="1"/>
      <c r="H624" s="1"/>
      <c r="I624" s="1"/>
      <c r="J624" s="1"/>
      <c r="K624" s="1"/>
      <c r="L624" s="1"/>
      <c r="M624" s="1"/>
      <c r="N624" s="1"/>
      <c r="O624" s="1"/>
      <c r="P624" s="1"/>
      <c r="Q624" s="1"/>
      <c r="R624" s="1"/>
      <c r="S624" s="1"/>
      <c r="T624" s="1"/>
      <c r="U624" s="1"/>
      <c r="V624" s="1"/>
    </row>
    <row r="625" spans="4:22" x14ac:dyDescent="0.2">
      <c r="D625" s="1"/>
      <c r="E625" s="1"/>
      <c r="F625" s="1"/>
      <c r="G625" s="1"/>
      <c r="H625" s="1"/>
      <c r="I625" s="1"/>
      <c r="J625" s="1"/>
      <c r="K625" s="1"/>
      <c r="L625" s="1"/>
      <c r="M625" s="1"/>
      <c r="N625" s="1"/>
      <c r="O625" s="1"/>
      <c r="P625" s="1"/>
      <c r="Q625" s="1"/>
      <c r="R625" s="1"/>
      <c r="S625" s="1"/>
      <c r="T625" s="1"/>
      <c r="U625" s="1"/>
      <c r="V625" s="1"/>
    </row>
    <row r="626" spans="4:22" x14ac:dyDescent="0.2">
      <c r="D626" s="1"/>
      <c r="E626" s="1"/>
      <c r="F626" s="1"/>
      <c r="G626" s="1"/>
      <c r="H626" s="1"/>
      <c r="I626" s="1"/>
      <c r="J626" s="1"/>
      <c r="K626" s="1"/>
      <c r="L626" s="1"/>
      <c r="M626" s="1"/>
      <c r="N626" s="1"/>
      <c r="O626" s="1"/>
      <c r="P626" s="1"/>
      <c r="Q626" s="1"/>
      <c r="R626" s="1"/>
      <c r="S626" s="1"/>
      <c r="T626" s="1"/>
      <c r="U626" s="1"/>
      <c r="V626" s="1"/>
    </row>
    <row r="627" spans="4:22" x14ac:dyDescent="0.2">
      <c r="D627" s="1"/>
      <c r="E627" s="1"/>
      <c r="F627" s="1"/>
      <c r="G627" s="1"/>
      <c r="H627" s="1"/>
      <c r="I627" s="1"/>
      <c r="J627" s="1"/>
      <c r="K627" s="1"/>
      <c r="L627" s="1"/>
      <c r="M627" s="1"/>
      <c r="N627" s="1"/>
      <c r="O627" s="1"/>
      <c r="P627" s="1"/>
      <c r="Q627" s="1"/>
      <c r="R627" s="1"/>
      <c r="S627" s="1"/>
      <c r="T627" s="1"/>
      <c r="U627" s="1"/>
      <c r="V627" s="1"/>
    </row>
    <row r="628" spans="4:22" x14ac:dyDescent="0.2">
      <c r="D628" s="1"/>
      <c r="E628" s="1"/>
      <c r="F628" s="1"/>
      <c r="G628" s="1"/>
      <c r="H628" s="1"/>
      <c r="I628" s="1"/>
      <c r="J628" s="1"/>
      <c r="K628" s="1"/>
      <c r="L628" s="1"/>
      <c r="M628" s="1"/>
      <c r="N628" s="1"/>
      <c r="O628" s="1"/>
      <c r="P628" s="1"/>
      <c r="Q628" s="1"/>
      <c r="R628" s="1"/>
      <c r="S628" s="1"/>
      <c r="T628" s="1"/>
      <c r="U628" s="1"/>
      <c r="V628" s="1"/>
    </row>
    <row r="629" spans="4:22" x14ac:dyDescent="0.2">
      <c r="D629" s="1"/>
      <c r="E629" s="1"/>
      <c r="F629" s="1"/>
      <c r="G629" s="1"/>
      <c r="H629" s="1"/>
      <c r="I629" s="1"/>
      <c r="J629" s="1"/>
      <c r="K629" s="1"/>
      <c r="L629" s="1"/>
      <c r="M629" s="1"/>
      <c r="N629" s="1"/>
      <c r="O629" s="1"/>
      <c r="P629" s="1"/>
      <c r="Q629" s="1"/>
      <c r="R629" s="1"/>
      <c r="S629" s="1"/>
      <c r="T629" s="1"/>
      <c r="U629" s="1"/>
      <c r="V629" s="1"/>
    </row>
    <row r="630" spans="4:22" x14ac:dyDescent="0.2">
      <c r="D630" s="1"/>
      <c r="E630" s="1"/>
      <c r="F630" s="1"/>
      <c r="G630" s="1"/>
      <c r="H630" s="1"/>
      <c r="I630" s="1"/>
      <c r="J630" s="1"/>
      <c r="K630" s="1"/>
      <c r="L630" s="1"/>
      <c r="M630" s="1"/>
      <c r="N630" s="1"/>
      <c r="O630" s="1"/>
      <c r="P630" s="1"/>
      <c r="Q630" s="1"/>
      <c r="R630" s="1"/>
      <c r="S630" s="1"/>
      <c r="T630" s="1"/>
      <c r="U630" s="1"/>
      <c r="V630" s="1"/>
    </row>
    <row r="631" spans="4:22" x14ac:dyDescent="0.2">
      <c r="D631" s="1"/>
      <c r="E631" s="1"/>
      <c r="F631" s="1"/>
      <c r="G631" s="1"/>
      <c r="H631" s="1"/>
      <c r="I631" s="1"/>
      <c r="J631" s="1"/>
      <c r="K631" s="1"/>
      <c r="L631" s="1"/>
      <c r="M631" s="1"/>
      <c r="N631" s="1"/>
      <c r="O631" s="1"/>
      <c r="P631" s="1"/>
      <c r="Q631" s="1"/>
      <c r="R631" s="1"/>
      <c r="S631" s="1"/>
      <c r="T631" s="1"/>
      <c r="U631" s="1"/>
      <c r="V631" s="1"/>
    </row>
    <row r="632" spans="4:22" x14ac:dyDescent="0.2">
      <c r="D632" s="1"/>
      <c r="E632" s="1"/>
      <c r="F632" s="1"/>
      <c r="G632" s="1"/>
      <c r="H632" s="1"/>
      <c r="I632" s="1"/>
      <c r="J632" s="1"/>
      <c r="K632" s="1"/>
      <c r="L632" s="1"/>
      <c r="M632" s="1"/>
      <c r="N632" s="1"/>
      <c r="O632" s="1"/>
      <c r="P632" s="1"/>
      <c r="Q632" s="1"/>
      <c r="R632" s="1"/>
      <c r="S632" s="1"/>
      <c r="T632" s="1"/>
      <c r="U632" s="1"/>
      <c r="V632" s="1"/>
    </row>
    <row r="633" spans="4:22" x14ac:dyDescent="0.2">
      <c r="D633" s="1"/>
      <c r="E633" s="1"/>
      <c r="F633" s="1"/>
      <c r="G633" s="1"/>
      <c r="H633" s="1"/>
      <c r="I633" s="1"/>
      <c r="J633" s="1"/>
      <c r="K633" s="1"/>
      <c r="L633" s="1"/>
      <c r="M633" s="1"/>
      <c r="N633" s="1"/>
      <c r="O633" s="1"/>
      <c r="P633" s="1"/>
      <c r="Q633" s="1"/>
      <c r="R633" s="1"/>
      <c r="S633" s="1"/>
      <c r="T633" s="1"/>
      <c r="U633" s="1"/>
      <c r="V633" s="1"/>
    </row>
    <row r="634" spans="4:22" x14ac:dyDescent="0.2">
      <c r="D634" s="1"/>
      <c r="E634" s="1"/>
      <c r="F634" s="1"/>
      <c r="G634" s="1"/>
      <c r="H634" s="1"/>
      <c r="I634" s="1"/>
      <c r="J634" s="1"/>
      <c r="K634" s="1"/>
      <c r="L634" s="1"/>
      <c r="M634" s="1"/>
      <c r="N634" s="1"/>
      <c r="O634" s="1"/>
      <c r="P634" s="1"/>
      <c r="Q634" s="1"/>
      <c r="R634" s="1"/>
      <c r="S634" s="1"/>
      <c r="T634" s="1"/>
      <c r="U634" s="1"/>
      <c r="V634" s="1"/>
    </row>
    <row r="635" spans="4:22" x14ac:dyDescent="0.2">
      <c r="D635" s="1"/>
      <c r="E635" s="1"/>
      <c r="F635" s="1"/>
      <c r="G635" s="1"/>
      <c r="H635" s="1"/>
      <c r="I635" s="1"/>
      <c r="J635" s="1"/>
      <c r="K635" s="1"/>
      <c r="L635" s="1"/>
      <c r="M635" s="1"/>
      <c r="N635" s="1"/>
      <c r="O635" s="1"/>
      <c r="P635" s="1"/>
      <c r="Q635" s="1"/>
      <c r="R635" s="1"/>
      <c r="S635" s="1"/>
      <c r="T635" s="1"/>
      <c r="U635" s="1"/>
      <c r="V635" s="1"/>
    </row>
    <row r="636" spans="4:22" x14ac:dyDescent="0.2">
      <c r="D636" s="1"/>
      <c r="E636" s="1"/>
      <c r="F636" s="1"/>
      <c r="G636" s="1"/>
      <c r="H636" s="1"/>
      <c r="I636" s="1"/>
      <c r="J636" s="1"/>
      <c r="K636" s="1"/>
      <c r="L636" s="1"/>
      <c r="M636" s="1"/>
      <c r="N636" s="1"/>
      <c r="O636" s="1"/>
      <c r="P636" s="1"/>
      <c r="Q636" s="1"/>
      <c r="R636" s="1"/>
      <c r="S636" s="1"/>
      <c r="T636" s="1"/>
      <c r="U636" s="1"/>
      <c r="V636" s="1"/>
    </row>
    <row r="637" spans="4:22" x14ac:dyDescent="0.2">
      <c r="D637" s="1"/>
      <c r="E637" s="1"/>
      <c r="F637" s="1"/>
      <c r="G637" s="1"/>
      <c r="H637" s="1"/>
      <c r="I637" s="1"/>
      <c r="J637" s="1"/>
      <c r="K637" s="1"/>
      <c r="L637" s="1"/>
      <c r="M637" s="1"/>
      <c r="N637" s="1"/>
      <c r="O637" s="1"/>
      <c r="P637" s="1"/>
      <c r="Q637" s="1"/>
      <c r="R637" s="1"/>
      <c r="S637" s="1"/>
      <c r="T637" s="1"/>
      <c r="U637" s="1"/>
      <c r="V637" s="1"/>
    </row>
    <row r="638" spans="4:22" x14ac:dyDescent="0.2">
      <c r="D638" s="1"/>
      <c r="E638" s="1"/>
      <c r="F638" s="1"/>
      <c r="G638" s="1"/>
      <c r="H638" s="1"/>
      <c r="I638" s="1"/>
      <c r="J638" s="1"/>
      <c r="K638" s="1"/>
      <c r="L638" s="1"/>
      <c r="M638" s="1"/>
      <c r="N638" s="1"/>
      <c r="O638" s="1"/>
      <c r="P638" s="1"/>
      <c r="Q638" s="1"/>
      <c r="R638" s="1"/>
      <c r="S638" s="1"/>
      <c r="T638" s="1"/>
      <c r="U638" s="1"/>
      <c r="V638" s="1"/>
    </row>
    <row r="639" spans="4:22" x14ac:dyDescent="0.2">
      <c r="D639" s="1"/>
      <c r="E639" s="1"/>
      <c r="F639" s="1"/>
      <c r="G639" s="1"/>
      <c r="H639" s="1"/>
      <c r="I639" s="1"/>
      <c r="J639" s="1"/>
      <c r="K639" s="1"/>
      <c r="L639" s="1"/>
      <c r="M639" s="1"/>
      <c r="N639" s="1"/>
      <c r="O639" s="1"/>
      <c r="P639" s="1"/>
      <c r="Q639" s="1"/>
      <c r="R639" s="1"/>
      <c r="S639" s="1"/>
      <c r="T639" s="1"/>
      <c r="U639" s="1"/>
      <c r="V639" s="1"/>
    </row>
    <row r="640" spans="4:22" x14ac:dyDescent="0.2">
      <c r="D640" s="1"/>
      <c r="E640" s="1"/>
      <c r="F640" s="1"/>
      <c r="G640" s="1"/>
      <c r="H640" s="1"/>
      <c r="I640" s="1"/>
      <c r="J640" s="1"/>
      <c r="K640" s="1"/>
      <c r="L640" s="1"/>
      <c r="M640" s="1"/>
      <c r="N640" s="1"/>
      <c r="O640" s="1"/>
      <c r="P640" s="1"/>
      <c r="Q640" s="1"/>
      <c r="R640" s="1"/>
      <c r="S640" s="1"/>
      <c r="T640" s="1"/>
      <c r="U640" s="1"/>
      <c r="V640" s="1"/>
    </row>
    <row r="641" spans="4:22" x14ac:dyDescent="0.2">
      <c r="D641" s="1"/>
      <c r="E641" s="1"/>
      <c r="F641" s="1"/>
      <c r="G641" s="1"/>
      <c r="H641" s="1"/>
      <c r="I641" s="1"/>
      <c r="J641" s="1"/>
      <c r="K641" s="1"/>
      <c r="L641" s="1"/>
      <c r="M641" s="1"/>
      <c r="N641" s="1"/>
      <c r="O641" s="1"/>
      <c r="P641" s="1"/>
      <c r="Q641" s="1"/>
      <c r="R641" s="1"/>
      <c r="S641" s="1"/>
      <c r="T641" s="1"/>
      <c r="U641" s="1"/>
      <c r="V641" s="1"/>
    </row>
    <row r="642" spans="4:22" x14ac:dyDescent="0.2">
      <c r="D642" s="1"/>
      <c r="E642" s="1"/>
      <c r="F642" s="1"/>
      <c r="G642" s="1"/>
      <c r="H642" s="1"/>
      <c r="I642" s="1"/>
      <c r="J642" s="1"/>
      <c r="K642" s="1"/>
      <c r="L642" s="1"/>
      <c r="M642" s="1"/>
      <c r="N642" s="1"/>
      <c r="O642" s="1"/>
      <c r="P642" s="1"/>
      <c r="Q642" s="1"/>
      <c r="R642" s="1"/>
      <c r="S642" s="1"/>
      <c r="T642" s="1"/>
      <c r="U642" s="1"/>
      <c r="V642" s="1"/>
    </row>
    <row r="643" spans="4:22" x14ac:dyDescent="0.2">
      <c r="D643" s="1"/>
      <c r="E643" s="1"/>
      <c r="F643" s="1"/>
      <c r="G643" s="1"/>
      <c r="H643" s="1"/>
      <c r="I643" s="1"/>
      <c r="J643" s="1"/>
      <c r="K643" s="1"/>
      <c r="L643" s="1"/>
      <c r="M643" s="1"/>
      <c r="N643" s="1"/>
      <c r="O643" s="1"/>
      <c r="P643" s="1"/>
      <c r="Q643" s="1"/>
      <c r="R643" s="1"/>
      <c r="S643" s="1"/>
      <c r="T643" s="1"/>
      <c r="U643" s="1"/>
      <c r="V643" s="1"/>
    </row>
    <row r="644" spans="4:22" x14ac:dyDescent="0.2">
      <c r="D644" s="1"/>
      <c r="E644" s="1"/>
      <c r="F644" s="1"/>
      <c r="G644" s="1"/>
      <c r="H644" s="1"/>
      <c r="I644" s="1"/>
      <c r="J644" s="1"/>
      <c r="K644" s="1"/>
      <c r="L644" s="1"/>
      <c r="M644" s="1"/>
      <c r="N644" s="1"/>
      <c r="O644" s="1"/>
      <c r="P644" s="1"/>
      <c r="Q644" s="1"/>
      <c r="R644" s="1"/>
      <c r="S644" s="1"/>
      <c r="T644" s="1"/>
      <c r="U644" s="1"/>
      <c r="V644" s="1"/>
    </row>
    <row r="645" spans="4:22" x14ac:dyDescent="0.2">
      <c r="D645" s="1"/>
      <c r="E645" s="1"/>
      <c r="F645" s="1"/>
      <c r="G645" s="1"/>
      <c r="H645" s="1"/>
      <c r="I645" s="1"/>
      <c r="J645" s="1"/>
      <c r="K645" s="1"/>
      <c r="L645" s="1"/>
      <c r="M645" s="1"/>
      <c r="N645" s="1"/>
      <c r="O645" s="1"/>
      <c r="P645" s="1"/>
      <c r="Q645" s="1"/>
      <c r="R645" s="1"/>
      <c r="S645" s="1"/>
      <c r="T645" s="1"/>
      <c r="U645" s="1"/>
      <c r="V645" s="1"/>
    </row>
    <row r="646" spans="4:22" x14ac:dyDescent="0.2">
      <c r="D646" s="1"/>
      <c r="E646" s="1"/>
      <c r="F646" s="1"/>
      <c r="G646" s="1"/>
      <c r="H646" s="1"/>
      <c r="I646" s="1"/>
      <c r="J646" s="1"/>
      <c r="K646" s="1"/>
      <c r="L646" s="1"/>
      <c r="M646" s="1"/>
      <c r="N646" s="1"/>
      <c r="O646" s="1"/>
      <c r="P646" s="1"/>
      <c r="Q646" s="1"/>
      <c r="R646" s="1"/>
      <c r="S646" s="1"/>
      <c r="T646" s="1"/>
      <c r="U646" s="1"/>
      <c r="V646" s="1"/>
    </row>
    <row r="647" spans="4:22" x14ac:dyDescent="0.2">
      <c r="D647" s="1"/>
      <c r="E647" s="1"/>
      <c r="F647" s="1"/>
      <c r="G647" s="1"/>
      <c r="H647" s="1"/>
      <c r="I647" s="1"/>
      <c r="J647" s="1"/>
      <c r="K647" s="1"/>
      <c r="L647" s="1"/>
      <c r="M647" s="1"/>
      <c r="N647" s="1"/>
      <c r="O647" s="1"/>
      <c r="P647" s="1"/>
      <c r="Q647" s="1"/>
      <c r="R647" s="1"/>
      <c r="S647" s="1"/>
      <c r="T647" s="1"/>
      <c r="U647" s="1"/>
      <c r="V647" s="1"/>
    </row>
    <row r="648" spans="4:22" x14ac:dyDescent="0.2">
      <c r="D648" s="1"/>
      <c r="E648" s="1"/>
      <c r="F648" s="1"/>
      <c r="G648" s="1"/>
      <c r="H648" s="1"/>
      <c r="I648" s="1"/>
      <c r="J648" s="1"/>
      <c r="K648" s="1"/>
      <c r="L648" s="1"/>
      <c r="M648" s="1"/>
      <c r="N648" s="1"/>
      <c r="O648" s="1"/>
      <c r="P648" s="1"/>
      <c r="Q648" s="1"/>
      <c r="R648" s="1"/>
      <c r="S648" s="1"/>
      <c r="T648" s="1"/>
      <c r="U648" s="1"/>
      <c r="V648" s="1"/>
    </row>
    <row r="649" spans="4:22" x14ac:dyDescent="0.2">
      <c r="D649" s="1"/>
      <c r="E649" s="1"/>
      <c r="F649" s="1"/>
      <c r="G649" s="1"/>
      <c r="H649" s="1"/>
      <c r="I649" s="1"/>
      <c r="J649" s="1"/>
      <c r="K649" s="1"/>
      <c r="L649" s="1"/>
      <c r="M649" s="1"/>
      <c r="N649" s="1"/>
      <c r="O649" s="1"/>
      <c r="P649" s="1"/>
      <c r="Q649" s="1"/>
      <c r="R649" s="1"/>
      <c r="S649" s="1"/>
      <c r="T649" s="1"/>
      <c r="U649" s="1"/>
      <c r="V649" s="1"/>
    </row>
    <row r="650" spans="4:22" x14ac:dyDescent="0.2">
      <c r="D650" s="1"/>
      <c r="E650" s="1"/>
      <c r="F650" s="1"/>
      <c r="G650" s="1"/>
      <c r="H650" s="1"/>
      <c r="I650" s="1"/>
      <c r="J650" s="1"/>
      <c r="K650" s="1"/>
      <c r="L650" s="1"/>
      <c r="M650" s="1"/>
      <c r="N650" s="1"/>
      <c r="O650" s="1"/>
      <c r="P650" s="1"/>
      <c r="Q650" s="1"/>
      <c r="R650" s="1"/>
      <c r="S650" s="1"/>
      <c r="T650" s="1"/>
      <c r="U650" s="1"/>
      <c r="V650" s="1"/>
    </row>
    <row r="651" spans="4:22" x14ac:dyDescent="0.2">
      <c r="D651" s="1"/>
      <c r="E651" s="1"/>
      <c r="F651" s="1"/>
      <c r="G651" s="1"/>
      <c r="H651" s="1"/>
      <c r="I651" s="1"/>
      <c r="J651" s="1"/>
      <c r="K651" s="1"/>
      <c r="L651" s="1"/>
      <c r="M651" s="1"/>
      <c r="N651" s="1"/>
      <c r="O651" s="1"/>
      <c r="P651" s="1"/>
      <c r="Q651" s="1"/>
      <c r="R651" s="1"/>
      <c r="S651" s="1"/>
      <c r="T651" s="1"/>
      <c r="U651" s="1"/>
      <c r="V651" s="1"/>
    </row>
    <row r="652" spans="4:22" x14ac:dyDescent="0.2">
      <c r="D652" s="1"/>
      <c r="E652" s="1"/>
      <c r="F652" s="1"/>
      <c r="G652" s="1"/>
      <c r="H652" s="1"/>
      <c r="I652" s="1"/>
      <c r="J652" s="1"/>
      <c r="K652" s="1"/>
      <c r="L652" s="1"/>
      <c r="M652" s="1"/>
      <c r="N652" s="1"/>
      <c r="O652" s="1"/>
      <c r="P652" s="1"/>
      <c r="Q652" s="1"/>
      <c r="R652" s="1"/>
      <c r="S652" s="1"/>
      <c r="T652" s="1"/>
      <c r="U652" s="1"/>
      <c r="V652" s="1"/>
    </row>
    <row r="653" spans="4:22" x14ac:dyDescent="0.2">
      <c r="D653" s="1"/>
      <c r="E653" s="1"/>
      <c r="F653" s="1"/>
      <c r="G653" s="1"/>
      <c r="H653" s="1"/>
      <c r="I653" s="1"/>
      <c r="J653" s="1"/>
      <c r="K653" s="1"/>
      <c r="L653" s="1"/>
      <c r="M653" s="1"/>
      <c r="N653" s="1"/>
      <c r="O653" s="1"/>
      <c r="P653" s="1"/>
      <c r="Q653" s="1"/>
      <c r="R653" s="1"/>
      <c r="S653" s="1"/>
      <c r="T653" s="1"/>
      <c r="U653" s="1"/>
      <c r="V653" s="1"/>
    </row>
    <row r="654" spans="4:22" x14ac:dyDescent="0.2">
      <c r="D654" s="1"/>
      <c r="E654" s="1"/>
      <c r="F654" s="1"/>
      <c r="G654" s="1"/>
      <c r="H654" s="1"/>
      <c r="I654" s="1"/>
      <c r="J654" s="1"/>
      <c r="K654" s="1"/>
      <c r="L654" s="1"/>
      <c r="M654" s="1"/>
      <c r="N654" s="1"/>
      <c r="O654" s="1"/>
      <c r="P654" s="1"/>
      <c r="Q654" s="1"/>
      <c r="R654" s="1"/>
      <c r="S654" s="1"/>
      <c r="T654" s="1"/>
      <c r="U654" s="1"/>
      <c r="V654" s="1"/>
    </row>
    <row r="655" spans="4:22" x14ac:dyDescent="0.2">
      <c r="D655" s="1"/>
      <c r="E655" s="1"/>
      <c r="F655" s="1"/>
      <c r="G655" s="1"/>
      <c r="H655" s="1"/>
      <c r="I655" s="1"/>
      <c r="J655" s="1"/>
      <c r="K655" s="1"/>
      <c r="L655" s="1"/>
      <c r="M655" s="1"/>
      <c r="N655" s="1"/>
      <c r="O655" s="1"/>
      <c r="P655" s="1"/>
      <c r="Q655" s="1"/>
      <c r="R655" s="1"/>
      <c r="S655" s="1"/>
      <c r="T655" s="1"/>
      <c r="U655" s="1"/>
      <c r="V655" s="1"/>
    </row>
    <row r="656" spans="4:22" x14ac:dyDescent="0.2">
      <c r="D656" s="1"/>
      <c r="E656" s="1"/>
      <c r="F656" s="1"/>
      <c r="G656" s="1"/>
      <c r="H656" s="1"/>
      <c r="I656" s="1"/>
      <c r="J656" s="1"/>
      <c r="K656" s="1"/>
      <c r="L656" s="1"/>
      <c r="M656" s="1"/>
      <c r="N656" s="1"/>
      <c r="O656" s="1"/>
      <c r="P656" s="1"/>
      <c r="Q656" s="1"/>
      <c r="R656" s="1"/>
      <c r="S656" s="1"/>
      <c r="T656" s="1"/>
      <c r="U656" s="1"/>
      <c r="V656" s="1"/>
    </row>
    <row r="657" spans="4:22" x14ac:dyDescent="0.2">
      <c r="D657" s="1"/>
      <c r="E657" s="1"/>
      <c r="F657" s="1"/>
      <c r="G657" s="1"/>
      <c r="H657" s="1"/>
      <c r="I657" s="1"/>
      <c r="J657" s="1"/>
      <c r="K657" s="1"/>
      <c r="L657" s="1"/>
      <c r="M657" s="1"/>
      <c r="N657" s="1"/>
      <c r="O657" s="1"/>
      <c r="P657" s="1"/>
      <c r="Q657" s="1"/>
      <c r="R657" s="1"/>
      <c r="S657" s="1"/>
      <c r="T657" s="1"/>
      <c r="U657" s="1"/>
      <c r="V657" s="1"/>
    </row>
    <row r="658" spans="4:22" x14ac:dyDescent="0.2">
      <c r="D658" s="1"/>
      <c r="E658" s="1"/>
      <c r="F658" s="1"/>
      <c r="G658" s="1"/>
      <c r="H658" s="1"/>
      <c r="I658" s="1"/>
      <c r="J658" s="1"/>
      <c r="K658" s="1"/>
      <c r="L658" s="1"/>
      <c r="M658" s="1"/>
      <c r="N658" s="1"/>
      <c r="O658" s="1"/>
      <c r="P658" s="1"/>
      <c r="Q658" s="1"/>
      <c r="R658" s="1"/>
      <c r="S658" s="1"/>
      <c r="T658" s="1"/>
      <c r="U658" s="1"/>
      <c r="V658" s="1"/>
    </row>
    <row r="659" spans="4:22" x14ac:dyDescent="0.2">
      <c r="D659" s="1"/>
      <c r="E659" s="1"/>
      <c r="F659" s="1"/>
      <c r="G659" s="1"/>
      <c r="H659" s="1"/>
      <c r="I659" s="1"/>
      <c r="J659" s="1"/>
      <c r="K659" s="1"/>
      <c r="L659" s="1"/>
      <c r="M659" s="1"/>
      <c r="N659" s="1"/>
      <c r="O659" s="1"/>
      <c r="P659" s="1"/>
      <c r="Q659" s="1"/>
      <c r="R659" s="1"/>
      <c r="S659" s="1"/>
      <c r="T659" s="1"/>
      <c r="U659" s="1"/>
      <c r="V659" s="1"/>
    </row>
    <row r="660" spans="4:22" x14ac:dyDescent="0.2">
      <c r="D660" s="1"/>
      <c r="E660" s="1"/>
      <c r="F660" s="1"/>
      <c r="G660" s="1"/>
      <c r="H660" s="1"/>
      <c r="I660" s="1"/>
      <c r="J660" s="1"/>
      <c r="K660" s="1"/>
      <c r="L660" s="1"/>
      <c r="M660" s="1"/>
      <c r="N660" s="1"/>
      <c r="O660" s="1"/>
      <c r="P660" s="1"/>
      <c r="Q660" s="1"/>
      <c r="R660" s="1"/>
      <c r="S660" s="1"/>
      <c r="T660" s="1"/>
      <c r="U660" s="1"/>
      <c r="V660" s="1"/>
    </row>
    <row r="661" spans="4:22" x14ac:dyDescent="0.2">
      <c r="D661" s="1"/>
      <c r="E661" s="1"/>
      <c r="F661" s="1"/>
      <c r="G661" s="1"/>
      <c r="H661" s="1"/>
      <c r="I661" s="1"/>
      <c r="J661" s="1"/>
      <c r="K661" s="1"/>
      <c r="L661" s="1"/>
      <c r="M661" s="1"/>
      <c r="N661" s="1"/>
      <c r="O661" s="1"/>
      <c r="P661" s="1"/>
      <c r="Q661" s="1"/>
      <c r="R661" s="1"/>
      <c r="S661" s="1"/>
      <c r="T661" s="1"/>
      <c r="U661" s="1"/>
      <c r="V661" s="1"/>
    </row>
    <row r="662" spans="4:22" x14ac:dyDescent="0.2">
      <c r="D662" s="1"/>
      <c r="E662" s="1"/>
      <c r="F662" s="1"/>
      <c r="G662" s="1"/>
      <c r="H662" s="1"/>
      <c r="I662" s="1"/>
      <c r="J662" s="1"/>
      <c r="K662" s="1"/>
      <c r="L662" s="1"/>
      <c r="M662" s="1"/>
      <c r="N662" s="1"/>
      <c r="O662" s="1"/>
      <c r="P662" s="1"/>
      <c r="Q662" s="1"/>
      <c r="R662" s="1"/>
      <c r="S662" s="1"/>
      <c r="T662" s="1"/>
      <c r="U662" s="1"/>
      <c r="V662" s="1"/>
    </row>
    <row r="663" spans="4:22" x14ac:dyDescent="0.2">
      <c r="D663" s="1"/>
      <c r="E663" s="1"/>
      <c r="F663" s="1"/>
      <c r="G663" s="1"/>
      <c r="H663" s="1"/>
      <c r="I663" s="1"/>
      <c r="J663" s="1"/>
      <c r="K663" s="1"/>
      <c r="L663" s="1"/>
      <c r="M663" s="1"/>
      <c r="N663" s="1"/>
      <c r="O663" s="1"/>
      <c r="P663" s="1"/>
      <c r="Q663" s="1"/>
      <c r="R663" s="1"/>
      <c r="S663" s="1"/>
      <c r="T663" s="1"/>
      <c r="U663" s="1"/>
      <c r="V663" s="1"/>
    </row>
    <row r="664" spans="4:22" x14ac:dyDescent="0.2">
      <c r="D664" s="1"/>
      <c r="E664" s="1"/>
      <c r="F664" s="1"/>
      <c r="G664" s="1"/>
      <c r="H664" s="1"/>
      <c r="I664" s="1"/>
      <c r="J664" s="1"/>
      <c r="K664" s="1"/>
      <c r="L664" s="1"/>
      <c r="M664" s="1"/>
      <c r="N664" s="1"/>
      <c r="O664" s="1"/>
      <c r="P664" s="1"/>
      <c r="Q664" s="1"/>
      <c r="R664" s="1"/>
      <c r="S664" s="1"/>
      <c r="T664" s="1"/>
      <c r="U664" s="1"/>
      <c r="V664" s="1"/>
    </row>
    <row r="665" spans="4:22" x14ac:dyDescent="0.2">
      <c r="D665" s="1"/>
      <c r="E665" s="1"/>
      <c r="F665" s="1"/>
      <c r="G665" s="1"/>
      <c r="H665" s="1"/>
      <c r="I665" s="1"/>
      <c r="J665" s="1"/>
      <c r="K665" s="1"/>
      <c r="L665" s="1"/>
      <c r="M665" s="1"/>
      <c r="N665" s="1"/>
      <c r="O665" s="1"/>
      <c r="P665" s="1"/>
      <c r="Q665" s="1"/>
      <c r="R665" s="1"/>
      <c r="S665" s="1"/>
      <c r="T665" s="1"/>
      <c r="U665" s="1"/>
      <c r="V665" s="1"/>
    </row>
    <row r="666" spans="4:22" x14ac:dyDescent="0.2">
      <c r="D666" s="1"/>
      <c r="E666" s="1"/>
      <c r="F666" s="1"/>
      <c r="G666" s="1"/>
      <c r="H666" s="1"/>
      <c r="I666" s="1"/>
      <c r="J666" s="1"/>
      <c r="K666" s="1"/>
      <c r="L666" s="1"/>
      <c r="M666" s="1"/>
      <c r="N666" s="1"/>
      <c r="O666" s="1"/>
      <c r="P666" s="1"/>
      <c r="Q666" s="1"/>
      <c r="R666" s="1"/>
      <c r="S666" s="1"/>
      <c r="T666" s="1"/>
      <c r="U666" s="1"/>
      <c r="V666" s="1"/>
    </row>
    <row r="667" spans="4:22" x14ac:dyDescent="0.2">
      <c r="D667" s="1"/>
      <c r="E667" s="1"/>
      <c r="F667" s="1"/>
      <c r="G667" s="1"/>
      <c r="H667" s="1"/>
      <c r="I667" s="1"/>
      <c r="J667" s="1"/>
      <c r="K667" s="1"/>
      <c r="L667" s="1"/>
      <c r="M667" s="1"/>
      <c r="N667" s="1"/>
      <c r="O667" s="1"/>
      <c r="P667" s="1"/>
      <c r="Q667" s="1"/>
      <c r="R667" s="1"/>
      <c r="S667" s="1"/>
      <c r="T667" s="1"/>
      <c r="U667" s="1"/>
      <c r="V667" s="1"/>
    </row>
    <row r="668" spans="4:22" x14ac:dyDescent="0.2">
      <c r="D668" s="1"/>
      <c r="E668" s="1"/>
      <c r="F668" s="1"/>
      <c r="G668" s="1"/>
      <c r="H668" s="1"/>
      <c r="I668" s="1"/>
      <c r="J668" s="1"/>
      <c r="K668" s="1"/>
      <c r="L668" s="1"/>
      <c r="M668" s="1"/>
      <c r="N668" s="1"/>
      <c r="O668" s="1"/>
      <c r="P668" s="1"/>
      <c r="Q668" s="1"/>
      <c r="R668" s="1"/>
      <c r="S668" s="1"/>
      <c r="T668" s="1"/>
      <c r="U668" s="1"/>
      <c r="V668" s="1"/>
    </row>
    <row r="669" spans="4:22" x14ac:dyDescent="0.2">
      <c r="D669" s="1"/>
      <c r="E669" s="1"/>
      <c r="F669" s="1"/>
      <c r="G669" s="1"/>
      <c r="H669" s="1"/>
      <c r="I669" s="1"/>
      <c r="J669" s="1"/>
      <c r="K669" s="1"/>
      <c r="L669" s="1"/>
      <c r="M669" s="1"/>
      <c r="N669" s="1"/>
      <c r="O669" s="1"/>
      <c r="P669" s="1"/>
      <c r="Q669" s="1"/>
      <c r="R669" s="1"/>
      <c r="S669" s="1"/>
      <c r="T669" s="1"/>
      <c r="U669" s="1"/>
      <c r="V669" s="1"/>
    </row>
    <row r="670" spans="4:22" x14ac:dyDescent="0.2">
      <c r="D670" s="1"/>
      <c r="E670" s="1"/>
      <c r="F670" s="1"/>
      <c r="G670" s="1"/>
      <c r="H670" s="1"/>
      <c r="I670" s="1"/>
      <c r="J670" s="1"/>
      <c r="K670" s="1"/>
      <c r="L670" s="1"/>
      <c r="M670" s="1"/>
      <c r="N670" s="1"/>
      <c r="O670" s="1"/>
      <c r="P670" s="1"/>
      <c r="Q670" s="1"/>
      <c r="R670" s="1"/>
      <c r="S670" s="1"/>
      <c r="T670" s="1"/>
      <c r="U670" s="1"/>
      <c r="V670" s="1"/>
    </row>
    <row r="671" spans="4:22" x14ac:dyDescent="0.2">
      <c r="D671" s="1"/>
      <c r="E671" s="1"/>
      <c r="F671" s="1"/>
      <c r="G671" s="1"/>
      <c r="H671" s="1"/>
      <c r="I671" s="1"/>
      <c r="J671" s="1"/>
      <c r="K671" s="1"/>
      <c r="L671" s="1"/>
      <c r="M671" s="1"/>
      <c r="N671" s="1"/>
      <c r="O671" s="1"/>
      <c r="P671" s="1"/>
      <c r="Q671" s="1"/>
      <c r="R671" s="1"/>
      <c r="S671" s="1"/>
      <c r="T671" s="1"/>
      <c r="U671" s="1"/>
      <c r="V671" s="1"/>
    </row>
    <row r="672" spans="4:22" x14ac:dyDescent="0.2">
      <c r="D672" s="1"/>
      <c r="E672" s="1"/>
      <c r="F672" s="1"/>
      <c r="G672" s="1"/>
      <c r="H672" s="1"/>
      <c r="I672" s="1"/>
      <c r="J672" s="1"/>
      <c r="K672" s="1"/>
      <c r="L672" s="1"/>
      <c r="M672" s="1"/>
      <c r="N672" s="1"/>
      <c r="O672" s="1"/>
      <c r="P672" s="1"/>
      <c r="Q672" s="1"/>
      <c r="R672" s="1"/>
      <c r="S672" s="1"/>
      <c r="T672" s="1"/>
      <c r="U672" s="1"/>
      <c r="V672" s="1"/>
    </row>
    <row r="673" spans="4:22" x14ac:dyDescent="0.2">
      <c r="D673" s="1"/>
      <c r="E673" s="1"/>
      <c r="F673" s="1"/>
      <c r="G673" s="1"/>
      <c r="H673" s="1"/>
      <c r="I673" s="1"/>
      <c r="J673" s="1"/>
      <c r="K673" s="1"/>
      <c r="L673" s="1"/>
      <c r="M673" s="1"/>
      <c r="N673" s="1"/>
      <c r="O673" s="1"/>
      <c r="P673" s="1"/>
      <c r="Q673" s="1"/>
      <c r="R673" s="1"/>
      <c r="S673" s="1"/>
      <c r="T673" s="1"/>
      <c r="U673" s="1"/>
      <c r="V673" s="1"/>
    </row>
    <row r="674" spans="4:22" x14ac:dyDescent="0.2">
      <c r="D674" s="1"/>
      <c r="E674" s="1"/>
      <c r="F674" s="1"/>
      <c r="G674" s="1"/>
      <c r="H674" s="1"/>
      <c r="I674" s="1"/>
      <c r="J674" s="1"/>
      <c r="K674" s="1"/>
      <c r="L674" s="1"/>
      <c r="M674" s="1"/>
      <c r="N674" s="1"/>
      <c r="O674" s="1"/>
      <c r="P674" s="1"/>
      <c r="Q674" s="1"/>
      <c r="R674" s="1"/>
      <c r="S674" s="1"/>
      <c r="T674" s="1"/>
      <c r="U674" s="1"/>
      <c r="V674" s="1"/>
    </row>
    <row r="675" spans="4:22" x14ac:dyDescent="0.2">
      <c r="D675" s="1"/>
      <c r="E675" s="1"/>
      <c r="F675" s="1"/>
      <c r="G675" s="1"/>
      <c r="H675" s="1"/>
      <c r="I675" s="1"/>
      <c r="J675" s="1"/>
      <c r="K675" s="1"/>
      <c r="L675" s="1"/>
      <c r="M675" s="1"/>
      <c r="N675" s="1"/>
      <c r="O675" s="1"/>
      <c r="P675" s="1"/>
      <c r="Q675" s="1"/>
      <c r="R675" s="1"/>
      <c r="S675" s="1"/>
      <c r="T675" s="1"/>
      <c r="U675" s="1"/>
      <c r="V675" s="1"/>
    </row>
    <row r="676" spans="4:22" x14ac:dyDescent="0.2">
      <c r="D676" s="1"/>
      <c r="E676" s="1"/>
      <c r="F676" s="1"/>
      <c r="G676" s="1"/>
      <c r="H676" s="1"/>
      <c r="I676" s="1"/>
      <c r="J676" s="1"/>
      <c r="K676" s="1"/>
      <c r="L676" s="1"/>
      <c r="M676" s="1"/>
      <c r="N676" s="1"/>
      <c r="O676" s="1"/>
      <c r="P676" s="1"/>
      <c r="Q676" s="1"/>
      <c r="R676" s="1"/>
      <c r="S676" s="1"/>
      <c r="T676" s="1"/>
      <c r="U676" s="1"/>
      <c r="V676" s="1"/>
    </row>
    <row r="677" spans="4:22" x14ac:dyDescent="0.2">
      <c r="D677" s="1"/>
      <c r="E677" s="1"/>
      <c r="F677" s="1"/>
      <c r="G677" s="1"/>
      <c r="H677" s="1"/>
      <c r="I677" s="1"/>
      <c r="J677" s="1"/>
      <c r="K677" s="1"/>
      <c r="L677" s="1"/>
      <c r="M677" s="1"/>
      <c r="N677" s="1"/>
      <c r="O677" s="1"/>
      <c r="P677" s="1"/>
      <c r="Q677" s="1"/>
      <c r="R677" s="1"/>
      <c r="S677" s="1"/>
      <c r="T677" s="1"/>
      <c r="U677" s="1"/>
      <c r="V677" s="1"/>
    </row>
    <row r="678" spans="4:22" x14ac:dyDescent="0.2">
      <c r="D678" s="1"/>
      <c r="E678" s="1"/>
      <c r="F678" s="1"/>
      <c r="G678" s="1"/>
      <c r="H678" s="1"/>
      <c r="I678" s="1"/>
      <c r="J678" s="1"/>
      <c r="K678" s="1"/>
      <c r="L678" s="1"/>
      <c r="M678" s="1"/>
      <c r="N678" s="1"/>
      <c r="O678" s="1"/>
      <c r="P678" s="1"/>
      <c r="Q678" s="1"/>
      <c r="R678" s="1"/>
      <c r="S678" s="1"/>
      <c r="T678" s="1"/>
      <c r="U678" s="1"/>
      <c r="V678" s="1"/>
    </row>
    <row r="679" spans="4:22" x14ac:dyDescent="0.2">
      <c r="D679" s="1"/>
      <c r="E679" s="1"/>
      <c r="F679" s="1"/>
      <c r="G679" s="1"/>
      <c r="H679" s="1"/>
      <c r="I679" s="1"/>
      <c r="J679" s="1"/>
      <c r="K679" s="1"/>
      <c r="L679" s="1"/>
      <c r="M679" s="1"/>
      <c r="N679" s="1"/>
      <c r="O679" s="1"/>
      <c r="P679" s="1"/>
      <c r="Q679" s="1"/>
      <c r="R679" s="1"/>
      <c r="S679" s="1"/>
      <c r="T679" s="1"/>
      <c r="U679" s="1"/>
      <c r="V679" s="1"/>
    </row>
    <row r="680" spans="4:22" x14ac:dyDescent="0.2">
      <c r="D680" s="1"/>
      <c r="E680" s="1"/>
      <c r="F680" s="1"/>
      <c r="G680" s="1"/>
      <c r="H680" s="1"/>
      <c r="I680" s="1"/>
      <c r="J680" s="1"/>
      <c r="K680" s="1"/>
      <c r="L680" s="1"/>
      <c r="M680" s="1"/>
      <c r="N680" s="1"/>
      <c r="O680" s="1"/>
      <c r="P680" s="1"/>
      <c r="Q680" s="1"/>
      <c r="R680" s="1"/>
      <c r="S680" s="1"/>
      <c r="T680" s="1"/>
      <c r="U680" s="1"/>
      <c r="V680" s="1"/>
    </row>
    <row r="681" spans="4:22" x14ac:dyDescent="0.2">
      <c r="D681" s="1"/>
      <c r="E681" s="1"/>
      <c r="F681" s="1"/>
      <c r="G681" s="1"/>
      <c r="H681" s="1"/>
      <c r="I681" s="1"/>
      <c r="J681" s="1"/>
      <c r="K681" s="1"/>
      <c r="L681" s="1"/>
      <c r="M681" s="1"/>
      <c r="N681" s="1"/>
      <c r="O681" s="1"/>
      <c r="P681" s="1"/>
      <c r="Q681" s="1"/>
      <c r="R681" s="1"/>
      <c r="S681" s="1"/>
      <c r="T681" s="1"/>
      <c r="U681" s="1"/>
      <c r="V681" s="1"/>
    </row>
    <row r="682" spans="4:22" x14ac:dyDescent="0.2">
      <c r="D682" s="1"/>
      <c r="E682" s="1"/>
      <c r="F682" s="1"/>
      <c r="G682" s="1"/>
      <c r="H682" s="1"/>
      <c r="I682" s="1"/>
      <c r="J682" s="1"/>
      <c r="K682" s="1"/>
      <c r="L682" s="1"/>
      <c r="M682" s="1"/>
      <c r="N682" s="1"/>
      <c r="O682" s="1"/>
      <c r="P682" s="1"/>
      <c r="Q682" s="1"/>
      <c r="R682" s="1"/>
      <c r="S682" s="1"/>
      <c r="T682" s="1"/>
      <c r="U682" s="1"/>
      <c r="V682" s="1"/>
    </row>
    <row r="683" spans="4:22" x14ac:dyDescent="0.2">
      <c r="D683" s="1"/>
      <c r="E683" s="1"/>
      <c r="F683" s="1"/>
      <c r="G683" s="1"/>
      <c r="H683" s="1"/>
      <c r="I683" s="1"/>
      <c r="J683" s="1"/>
      <c r="K683" s="1"/>
      <c r="L683" s="1"/>
      <c r="M683" s="1"/>
      <c r="N683" s="1"/>
      <c r="O683" s="1"/>
      <c r="P683" s="1"/>
      <c r="Q683" s="1"/>
      <c r="R683" s="1"/>
      <c r="S683" s="1"/>
      <c r="T683" s="1"/>
      <c r="U683" s="1"/>
      <c r="V683" s="1"/>
    </row>
    <row r="684" spans="4:22" x14ac:dyDescent="0.2">
      <c r="D684" s="1"/>
      <c r="E684" s="1"/>
      <c r="F684" s="1"/>
      <c r="G684" s="1"/>
      <c r="H684" s="1"/>
      <c r="I684" s="1"/>
      <c r="J684" s="1"/>
      <c r="K684" s="1"/>
      <c r="L684" s="1"/>
      <c r="M684" s="1"/>
      <c r="N684" s="1"/>
      <c r="O684" s="1"/>
      <c r="P684" s="1"/>
      <c r="Q684" s="1"/>
      <c r="R684" s="1"/>
      <c r="S684" s="1"/>
      <c r="T684" s="1"/>
      <c r="U684" s="1"/>
      <c r="V684" s="1"/>
    </row>
    <row r="685" spans="4:22" x14ac:dyDescent="0.2">
      <c r="D685" s="1"/>
      <c r="E685" s="1"/>
      <c r="F685" s="1"/>
      <c r="G685" s="1"/>
      <c r="H685" s="1"/>
      <c r="I685" s="1"/>
      <c r="J685" s="1"/>
      <c r="K685" s="1"/>
      <c r="L685" s="1"/>
      <c r="M685" s="1"/>
      <c r="N685" s="1"/>
      <c r="O685" s="1"/>
      <c r="P685" s="1"/>
      <c r="Q685" s="1"/>
      <c r="R685" s="1"/>
      <c r="S685" s="1"/>
      <c r="T685" s="1"/>
      <c r="U685" s="1"/>
      <c r="V685" s="1"/>
    </row>
    <row r="686" spans="4:22" x14ac:dyDescent="0.2">
      <c r="D686" s="1"/>
      <c r="E686" s="1"/>
      <c r="F686" s="1"/>
      <c r="G686" s="1"/>
      <c r="H686" s="1"/>
      <c r="I686" s="1"/>
      <c r="J686" s="1"/>
      <c r="K686" s="1"/>
      <c r="L686" s="1"/>
      <c r="M686" s="1"/>
      <c r="N686" s="1"/>
      <c r="O686" s="1"/>
      <c r="P686" s="1"/>
      <c r="Q686" s="1"/>
      <c r="R686" s="1"/>
      <c r="S686" s="1"/>
      <c r="T686" s="1"/>
      <c r="U686" s="1"/>
      <c r="V686" s="1"/>
    </row>
    <row r="687" spans="4:22" x14ac:dyDescent="0.2">
      <c r="D687" s="1"/>
      <c r="E687" s="1"/>
      <c r="F687" s="1"/>
      <c r="G687" s="1"/>
      <c r="H687" s="1"/>
      <c r="I687" s="1"/>
      <c r="J687" s="1"/>
      <c r="K687" s="1"/>
      <c r="L687" s="1"/>
      <c r="M687" s="1"/>
      <c r="N687" s="1"/>
      <c r="O687" s="1"/>
      <c r="P687" s="1"/>
      <c r="Q687" s="1"/>
      <c r="R687" s="1"/>
      <c r="S687" s="1"/>
      <c r="T687" s="1"/>
      <c r="U687" s="1"/>
      <c r="V687" s="1"/>
    </row>
    <row r="688" spans="4:22" x14ac:dyDescent="0.2">
      <c r="D688" s="1"/>
      <c r="E688" s="1"/>
      <c r="F688" s="1"/>
      <c r="G688" s="1"/>
      <c r="H688" s="1"/>
      <c r="I688" s="1"/>
      <c r="J688" s="1"/>
      <c r="K688" s="1"/>
      <c r="L688" s="1"/>
      <c r="M688" s="1"/>
      <c r="N688" s="1"/>
      <c r="O688" s="1"/>
      <c r="P688" s="1"/>
      <c r="Q688" s="1"/>
      <c r="R688" s="1"/>
      <c r="S688" s="1"/>
      <c r="T688" s="1"/>
      <c r="U688" s="1"/>
      <c r="V688" s="1"/>
    </row>
    <row r="689" spans="4:22" x14ac:dyDescent="0.2">
      <c r="D689" s="1"/>
      <c r="E689" s="1"/>
      <c r="F689" s="1"/>
      <c r="G689" s="1"/>
      <c r="H689" s="1"/>
      <c r="I689" s="1"/>
      <c r="J689" s="1"/>
      <c r="K689" s="1"/>
      <c r="L689" s="1"/>
      <c r="M689" s="1"/>
      <c r="N689" s="1"/>
      <c r="O689" s="1"/>
      <c r="P689" s="1"/>
      <c r="Q689" s="1"/>
      <c r="R689" s="1"/>
      <c r="S689" s="1"/>
      <c r="T689" s="1"/>
      <c r="U689" s="1"/>
      <c r="V689" s="1"/>
    </row>
    <row r="690" spans="4:22" x14ac:dyDescent="0.2">
      <c r="D690" s="1"/>
      <c r="E690" s="1"/>
      <c r="F690" s="1"/>
      <c r="G690" s="1"/>
      <c r="H690" s="1"/>
      <c r="I690" s="1"/>
      <c r="J690" s="1"/>
      <c r="K690" s="1"/>
      <c r="L690" s="1"/>
      <c r="M690" s="1"/>
      <c r="N690" s="1"/>
      <c r="O690" s="1"/>
      <c r="P690" s="1"/>
      <c r="Q690" s="1"/>
      <c r="R690" s="1"/>
      <c r="S690" s="1"/>
      <c r="T690" s="1"/>
      <c r="U690" s="1"/>
      <c r="V690" s="1"/>
    </row>
    <row r="691" spans="4:22" x14ac:dyDescent="0.2">
      <c r="D691" s="1"/>
      <c r="E691" s="1"/>
      <c r="F691" s="1"/>
      <c r="G691" s="1"/>
      <c r="H691" s="1"/>
      <c r="I691" s="1"/>
      <c r="J691" s="1"/>
      <c r="K691" s="1"/>
      <c r="L691" s="1"/>
      <c r="M691" s="1"/>
      <c r="N691" s="1"/>
      <c r="O691" s="1"/>
      <c r="P691" s="1"/>
      <c r="Q691" s="1"/>
      <c r="R691" s="1"/>
      <c r="S691" s="1"/>
      <c r="T691" s="1"/>
      <c r="U691" s="1"/>
      <c r="V691" s="1"/>
    </row>
    <row r="692" spans="4:22" x14ac:dyDescent="0.2">
      <c r="D692" s="1"/>
      <c r="E692" s="1"/>
      <c r="F692" s="1"/>
      <c r="G692" s="1"/>
      <c r="H692" s="1"/>
      <c r="I692" s="1"/>
      <c r="J692" s="1"/>
      <c r="K692" s="1"/>
      <c r="L692" s="1"/>
      <c r="M692" s="1"/>
      <c r="N692" s="1"/>
      <c r="O692" s="1"/>
      <c r="P692" s="1"/>
      <c r="Q692" s="1"/>
      <c r="R692" s="1"/>
      <c r="S692" s="1"/>
      <c r="T692" s="1"/>
      <c r="U692" s="1"/>
      <c r="V692" s="1"/>
    </row>
    <row r="693" spans="4:22" x14ac:dyDescent="0.2">
      <c r="D693" s="1"/>
      <c r="E693" s="1"/>
      <c r="F693" s="1"/>
      <c r="G693" s="1"/>
      <c r="H693" s="1"/>
      <c r="I693" s="1"/>
      <c r="J693" s="1"/>
      <c r="K693" s="1"/>
      <c r="L693" s="1"/>
      <c r="M693" s="1"/>
      <c r="N693" s="1"/>
      <c r="O693" s="1"/>
      <c r="P693" s="1"/>
      <c r="Q693" s="1"/>
      <c r="R693" s="1"/>
      <c r="S693" s="1"/>
      <c r="T693" s="1"/>
      <c r="U693" s="1"/>
      <c r="V693" s="1"/>
    </row>
    <row r="694" spans="4:22" x14ac:dyDescent="0.2">
      <c r="D694" s="1"/>
      <c r="E694" s="1"/>
      <c r="F694" s="1"/>
      <c r="G694" s="1"/>
      <c r="H694" s="1"/>
      <c r="I694" s="1"/>
      <c r="J694" s="1"/>
      <c r="K694" s="1"/>
      <c r="L694" s="1"/>
      <c r="M694" s="1"/>
      <c r="N694" s="1"/>
      <c r="O694" s="1"/>
      <c r="P694" s="1"/>
      <c r="Q694" s="1"/>
      <c r="R694" s="1"/>
      <c r="S694" s="1"/>
      <c r="T694" s="1"/>
      <c r="U694" s="1"/>
      <c r="V694" s="1"/>
    </row>
    <row r="695" spans="4:22" x14ac:dyDescent="0.2">
      <c r="D695" s="1"/>
      <c r="E695" s="1"/>
      <c r="F695" s="1"/>
      <c r="G695" s="1"/>
      <c r="H695" s="1"/>
      <c r="I695" s="1"/>
      <c r="J695" s="1"/>
      <c r="K695" s="1"/>
      <c r="L695" s="1"/>
      <c r="M695" s="1"/>
      <c r="N695" s="1"/>
      <c r="O695" s="1"/>
      <c r="P695" s="1"/>
      <c r="Q695" s="1"/>
      <c r="R695" s="1"/>
      <c r="S695" s="1"/>
      <c r="T695" s="1"/>
      <c r="U695" s="1"/>
      <c r="V695" s="1"/>
    </row>
    <row r="696" spans="4:22" x14ac:dyDescent="0.2">
      <c r="D696" s="1"/>
      <c r="E696" s="1"/>
      <c r="F696" s="1"/>
      <c r="G696" s="1"/>
      <c r="H696" s="1"/>
      <c r="I696" s="1"/>
      <c r="J696" s="1"/>
      <c r="K696" s="1"/>
      <c r="L696" s="1"/>
      <c r="M696" s="1"/>
      <c r="N696" s="1"/>
      <c r="O696" s="1"/>
      <c r="P696" s="1"/>
      <c r="Q696" s="1"/>
      <c r="R696" s="1"/>
      <c r="S696" s="1"/>
      <c r="T696" s="1"/>
      <c r="U696" s="1"/>
      <c r="V696" s="1"/>
    </row>
    <row r="697" spans="4:22" x14ac:dyDescent="0.2">
      <c r="D697" s="1"/>
      <c r="E697" s="1"/>
      <c r="F697" s="1"/>
      <c r="G697" s="1"/>
      <c r="H697" s="1"/>
      <c r="I697" s="1"/>
      <c r="J697" s="1"/>
      <c r="K697" s="1"/>
      <c r="L697" s="1"/>
      <c r="M697" s="1"/>
      <c r="N697" s="1"/>
      <c r="O697" s="1"/>
      <c r="P697" s="1"/>
      <c r="Q697" s="1"/>
      <c r="R697" s="1"/>
      <c r="S697" s="1"/>
      <c r="T697" s="1"/>
      <c r="U697" s="1"/>
      <c r="V697" s="1"/>
    </row>
    <row r="698" spans="4:22" x14ac:dyDescent="0.2">
      <c r="D698" s="1"/>
      <c r="E698" s="1"/>
      <c r="F698" s="1"/>
      <c r="G698" s="1"/>
      <c r="H698" s="1"/>
      <c r="I698" s="1"/>
      <c r="J698" s="1"/>
      <c r="K698" s="1"/>
      <c r="L698" s="1"/>
      <c r="M698" s="1"/>
      <c r="N698" s="1"/>
      <c r="O698" s="1"/>
      <c r="P698" s="1"/>
      <c r="Q698" s="1"/>
      <c r="R698" s="1"/>
      <c r="S698" s="1"/>
      <c r="T698" s="1"/>
      <c r="U698" s="1"/>
      <c r="V698" s="1"/>
    </row>
    <row r="699" spans="4:22" x14ac:dyDescent="0.2">
      <c r="D699" s="1"/>
      <c r="E699" s="1"/>
      <c r="F699" s="1"/>
      <c r="G699" s="1"/>
      <c r="H699" s="1"/>
      <c r="I699" s="1"/>
      <c r="J699" s="1"/>
      <c r="K699" s="1"/>
      <c r="L699" s="1"/>
      <c r="M699" s="1"/>
      <c r="N699" s="1"/>
      <c r="O699" s="1"/>
      <c r="P699" s="1"/>
      <c r="Q699" s="1"/>
      <c r="R699" s="1"/>
      <c r="S699" s="1"/>
      <c r="T699" s="1"/>
      <c r="U699" s="1"/>
      <c r="V699" s="1"/>
    </row>
    <row r="700" spans="4:22" x14ac:dyDescent="0.2">
      <c r="D700" s="1"/>
      <c r="E700" s="1"/>
      <c r="F700" s="1"/>
      <c r="G700" s="1"/>
      <c r="H700" s="1"/>
      <c r="I700" s="1"/>
      <c r="J700" s="1"/>
      <c r="K700" s="1"/>
      <c r="L700" s="1"/>
      <c r="M700" s="1"/>
      <c r="N700" s="1"/>
      <c r="O700" s="1"/>
      <c r="P700" s="1"/>
      <c r="Q700" s="1"/>
      <c r="R700" s="1"/>
      <c r="S700" s="1"/>
      <c r="T700" s="1"/>
      <c r="U700" s="1"/>
      <c r="V700" s="1"/>
    </row>
    <row r="701" spans="4:22" x14ac:dyDescent="0.2">
      <c r="D701" s="1"/>
      <c r="E701" s="1"/>
      <c r="F701" s="1"/>
      <c r="G701" s="1"/>
      <c r="H701" s="1"/>
      <c r="I701" s="1"/>
      <c r="J701" s="1"/>
      <c r="K701" s="1"/>
      <c r="L701" s="1"/>
      <c r="M701" s="1"/>
      <c r="N701" s="1"/>
      <c r="O701" s="1"/>
      <c r="P701" s="1"/>
      <c r="Q701" s="1"/>
      <c r="R701" s="1"/>
      <c r="S701" s="1"/>
      <c r="T701" s="1"/>
      <c r="U701" s="1"/>
      <c r="V701" s="1"/>
    </row>
    <row r="702" spans="4:22" x14ac:dyDescent="0.2">
      <c r="D702" s="1"/>
      <c r="E702" s="1"/>
      <c r="F702" s="1"/>
      <c r="G702" s="1"/>
      <c r="H702" s="1"/>
      <c r="I702" s="1"/>
      <c r="J702" s="1"/>
      <c r="K702" s="1"/>
      <c r="L702" s="1"/>
      <c r="M702" s="1"/>
      <c r="N702" s="1"/>
      <c r="O702" s="1"/>
      <c r="P702" s="1"/>
      <c r="Q702" s="1"/>
      <c r="R702" s="1"/>
      <c r="S702" s="1"/>
      <c r="T702" s="1"/>
      <c r="U702" s="1"/>
      <c r="V702" s="1"/>
    </row>
    <row r="703" spans="4:22" x14ac:dyDescent="0.2">
      <c r="D703" s="1"/>
      <c r="E703" s="1"/>
      <c r="F703" s="1"/>
      <c r="G703" s="1"/>
      <c r="H703" s="1"/>
      <c r="I703" s="1"/>
      <c r="J703" s="1"/>
      <c r="K703" s="1"/>
      <c r="L703" s="1"/>
      <c r="M703" s="1"/>
      <c r="N703" s="1"/>
      <c r="O703" s="1"/>
      <c r="P703" s="1"/>
      <c r="Q703" s="1"/>
      <c r="R703" s="1"/>
      <c r="S703" s="1"/>
      <c r="T703" s="1"/>
      <c r="U703" s="1"/>
      <c r="V703" s="1"/>
    </row>
    <row r="704" spans="4:22" x14ac:dyDescent="0.2">
      <c r="D704" s="1"/>
      <c r="E704" s="1"/>
      <c r="F704" s="1"/>
      <c r="G704" s="1"/>
      <c r="H704" s="1"/>
      <c r="I704" s="1"/>
      <c r="J704" s="1"/>
      <c r="K704" s="1"/>
      <c r="L704" s="1"/>
      <c r="M704" s="1"/>
      <c r="N704" s="1"/>
      <c r="O704" s="1"/>
      <c r="P704" s="1"/>
      <c r="Q704" s="1"/>
      <c r="R704" s="1"/>
      <c r="S704" s="1"/>
      <c r="T704" s="1"/>
      <c r="U704" s="1"/>
      <c r="V704" s="1"/>
    </row>
    <row r="705" spans="4:22" x14ac:dyDescent="0.2">
      <c r="D705" s="1"/>
      <c r="E705" s="1"/>
      <c r="F705" s="1"/>
      <c r="G705" s="1"/>
      <c r="H705" s="1"/>
      <c r="I705" s="1"/>
      <c r="J705" s="1"/>
      <c r="K705" s="1"/>
      <c r="L705" s="1"/>
      <c r="M705" s="1"/>
      <c r="N705" s="1"/>
      <c r="O705" s="1"/>
      <c r="P705" s="1"/>
      <c r="Q705" s="1"/>
      <c r="R705" s="1"/>
      <c r="S705" s="1"/>
      <c r="T705" s="1"/>
      <c r="U705" s="1"/>
      <c r="V705" s="1"/>
    </row>
    <row r="706" spans="4:22" x14ac:dyDescent="0.2">
      <c r="D706" s="1"/>
      <c r="E706" s="1"/>
      <c r="F706" s="1"/>
      <c r="G706" s="1"/>
      <c r="H706" s="1"/>
      <c r="I706" s="1"/>
      <c r="J706" s="1"/>
      <c r="K706" s="1"/>
      <c r="L706" s="1"/>
      <c r="M706" s="1"/>
      <c r="N706" s="1"/>
      <c r="O706" s="1"/>
      <c r="P706" s="1"/>
      <c r="Q706" s="1"/>
      <c r="R706" s="1"/>
      <c r="S706" s="1"/>
      <c r="T706" s="1"/>
      <c r="U706" s="1"/>
      <c r="V706" s="1"/>
    </row>
    <row r="707" spans="4:22" x14ac:dyDescent="0.2">
      <c r="D707" s="1"/>
      <c r="E707" s="1"/>
      <c r="F707" s="1"/>
      <c r="G707" s="1"/>
      <c r="H707" s="1"/>
      <c r="I707" s="1"/>
      <c r="J707" s="1"/>
      <c r="K707" s="1"/>
      <c r="L707" s="1"/>
      <c r="M707" s="1"/>
      <c r="N707" s="1"/>
      <c r="O707" s="1"/>
      <c r="P707" s="1"/>
      <c r="Q707" s="1"/>
      <c r="R707" s="1"/>
      <c r="S707" s="1"/>
      <c r="T707" s="1"/>
      <c r="U707" s="1"/>
      <c r="V707" s="1"/>
    </row>
    <row r="708" spans="4:22" x14ac:dyDescent="0.2">
      <c r="D708" s="1"/>
      <c r="E708" s="1"/>
      <c r="F708" s="1"/>
      <c r="G708" s="1"/>
      <c r="H708" s="1"/>
      <c r="I708" s="1"/>
      <c r="J708" s="1"/>
      <c r="K708" s="1"/>
      <c r="L708" s="1"/>
      <c r="M708" s="1"/>
      <c r="N708" s="1"/>
      <c r="O708" s="1"/>
      <c r="P708" s="1"/>
      <c r="Q708" s="1"/>
      <c r="R708" s="1"/>
      <c r="S708" s="1"/>
      <c r="T708" s="1"/>
      <c r="U708" s="1"/>
      <c r="V708" s="1"/>
    </row>
    <row r="709" spans="4:22" x14ac:dyDescent="0.2">
      <c r="D709" s="1"/>
      <c r="E709" s="1"/>
      <c r="F709" s="1"/>
      <c r="G709" s="1"/>
      <c r="H709" s="1"/>
      <c r="I709" s="1"/>
      <c r="J709" s="1"/>
      <c r="K709" s="1"/>
      <c r="L709" s="1"/>
      <c r="M709" s="1"/>
      <c r="N709" s="1"/>
      <c r="O709" s="1"/>
      <c r="P709" s="1"/>
      <c r="Q709" s="1"/>
      <c r="R709" s="1"/>
      <c r="S709" s="1"/>
      <c r="T709" s="1"/>
      <c r="U709" s="1"/>
      <c r="V709" s="1"/>
    </row>
    <row r="710" spans="4:22" x14ac:dyDescent="0.2">
      <c r="D710" s="1"/>
      <c r="E710" s="1"/>
      <c r="F710" s="1"/>
      <c r="G710" s="1"/>
      <c r="H710" s="1"/>
      <c r="I710" s="1"/>
      <c r="J710" s="1"/>
      <c r="K710" s="1"/>
      <c r="L710" s="1"/>
      <c r="M710" s="1"/>
      <c r="N710" s="1"/>
      <c r="O710" s="1"/>
      <c r="P710" s="1"/>
      <c r="Q710" s="1"/>
      <c r="R710" s="1"/>
      <c r="S710" s="1"/>
      <c r="T710" s="1"/>
      <c r="U710" s="1"/>
      <c r="V710" s="1"/>
    </row>
    <row r="711" spans="4:22" x14ac:dyDescent="0.2">
      <c r="D711" s="1"/>
      <c r="E711" s="1"/>
      <c r="F711" s="1"/>
      <c r="G711" s="1"/>
      <c r="H711" s="1"/>
      <c r="I711" s="1"/>
      <c r="J711" s="1"/>
      <c r="K711" s="1"/>
      <c r="L711" s="1"/>
      <c r="M711" s="1"/>
      <c r="N711" s="1"/>
      <c r="O711" s="1"/>
      <c r="P711" s="1"/>
      <c r="Q711" s="1"/>
      <c r="R711" s="1"/>
      <c r="S711" s="1"/>
      <c r="T711" s="1"/>
      <c r="U711" s="1"/>
      <c r="V711" s="1"/>
    </row>
    <row r="712" spans="4:22" x14ac:dyDescent="0.2">
      <c r="D712" s="1"/>
      <c r="E712" s="1"/>
      <c r="F712" s="1"/>
      <c r="G712" s="1"/>
      <c r="H712" s="1"/>
      <c r="I712" s="1"/>
      <c r="J712" s="1"/>
      <c r="K712" s="1"/>
      <c r="L712" s="1"/>
      <c r="M712" s="1"/>
      <c r="N712" s="1"/>
      <c r="O712" s="1"/>
      <c r="P712" s="1"/>
      <c r="Q712" s="1"/>
      <c r="R712" s="1"/>
      <c r="S712" s="1"/>
      <c r="T712" s="1"/>
      <c r="U712" s="1"/>
      <c r="V712" s="1"/>
    </row>
    <row r="713" spans="4:22" x14ac:dyDescent="0.2">
      <c r="D713" s="1"/>
      <c r="E713" s="1"/>
      <c r="F713" s="1"/>
      <c r="G713" s="1"/>
      <c r="H713" s="1"/>
      <c r="I713" s="1"/>
      <c r="J713" s="1"/>
      <c r="K713" s="1"/>
      <c r="L713" s="1"/>
      <c r="M713" s="1"/>
      <c r="N713" s="1"/>
      <c r="O713" s="1"/>
      <c r="P713" s="1"/>
      <c r="Q713" s="1"/>
      <c r="R713" s="1"/>
      <c r="S713" s="1"/>
      <c r="T713" s="1"/>
      <c r="U713" s="1"/>
      <c r="V713" s="1"/>
    </row>
    <row r="714" spans="4:22" x14ac:dyDescent="0.2">
      <c r="D714" s="1"/>
      <c r="E714" s="1"/>
      <c r="F714" s="1"/>
      <c r="G714" s="1"/>
      <c r="H714" s="1"/>
      <c r="I714" s="1"/>
      <c r="J714" s="1"/>
      <c r="K714" s="1"/>
      <c r="L714" s="1"/>
      <c r="M714" s="1"/>
      <c r="N714" s="1"/>
      <c r="O714" s="1"/>
      <c r="P714" s="1"/>
      <c r="Q714" s="1"/>
      <c r="R714" s="1"/>
      <c r="S714" s="1"/>
      <c r="T714" s="1"/>
      <c r="U714" s="1"/>
      <c r="V714" s="1"/>
    </row>
    <row r="715" spans="4:22" x14ac:dyDescent="0.2">
      <c r="D715" s="1"/>
      <c r="E715" s="1"/>
      <c r="F715" s="1"/>
      <c r="G715" s="1"/>
      <c r="H715" s="1"/>
      <c r="I715" s="1"/>
      <c r="J715" s="1"/>
      <c r="K715" s="1"/>
      <c r="L715" s="1"/>
      <c r="M715" s="1"/>
      <c r="N715" s="1"/>
      <c r="O715" s="1"/>
      <c r="P715" s="1"/>
      <c r="Q715" s="1"/>
      <c r="R715" s="1"/>
      <c r="S715" s="1"/>
      <c r="T715" s="1"/>
      <c r="U715" s="1"/>
      <c r="V715" s="1"/>
    </row>
    <row r="716" spans="4:22" x14ac:dyDescent="0.2">
      <c r="D716" s="1"/>
      <c r="E716" s="1"/>
      <c r="F716" s="1"/>
      <c r="G716" s="1"/>
      <c r="H716" s="1"/>
      <c r="I716" s="1"/>
      <c r="J716" s="1"/>
      <c r="K716" s="1"/>
      <c r="L716" s="1"/>
      <c r="M716" s="1"/>
      <c r="N716" s="1"/>
      <c r="O716" s="1"/>
      <c r="P716" s="1"/>
      <c r="Q716" s="1"/>
      <c r="R716" s="1"/>
      <c r="S716" s="1"/>
      <c r="T716" s="1"/>
      <c r="U716" s="1"/>
      <c r="V716" s="1"/>
    </row>
    <row r="717" spans="4:22" x14ac:dyDescent="0.2">
      <c r="D717" s="1"/>
      <c r="E717" s="1"/>
      <c r="F717" s="1"/>
      <c r="G717" s="1"/>
      <c r="H717" s="1"/>
      <c r="I717" s="1"/>
      <c r="J717" s="1"/>
      <c r="K717" s="1"/>
      <c r="L717" s="1"/>
      <c r="M717" s="1"/>
      <c r="N717" s="1"/>
      <c r="O717" s="1"/>
      <c r="P717" s="1"/>
      <c r="Q717" s="1"/>
      <c r="R717" s="1"/>
      <c r="S717" s="1"/>
      <c r="T717" s="1"/>
      <c r="U717" s="1"/>
      <c r="V717" s="1"/>
    </row>
    <row r="718" spans="4:22" x14ac:dyDescent="0.2">
      <c r="D718" s="1"/>
      <c r="E718" s="1"/>
      <c r="F718" s="1"/>
      <c r="G718" s="1"/>
      <c r="H718" s="1"/>
      <c r="I718" s="1"/>
      <c r="J718" s="1"/>
      <c r="K718" s="1"/>
      <c r="L718" s="1"/>
      <c r="M718" s="1"/>
      <c r="N718" s="1"/>
      <c r="O718" s="1"/>
      <c r="P718" s="1"/>
      <c r="Q718" s="1"/>
      <c r="R718" s="1"/>
      <c r="S718" s="1"/>
      <c r="T718" s="1"/>
      <c r="U718" s="1"/>
      <c r="V718" s="1"/>
    </row>
    <row r="719" spans="4:22" x14ac:dyDescent="0.2">
      <c r="D719" s="1"/>
      <c r="E719" s="1"/>
      <c r="F719" s="1"/>
      <c r="G719" s="1"/>
      <c r="H719" s="1"/>
      <c r="I719" s="1"/>
      <c r="J719" s="1"/>
      <c r="K719" s="1"/>
      <c r="L719" s="1"/>
      <c r="M719" s="1"/>
      <c r="N719" s="1"/>
      <c r="O719" s="1"/>
      <c r="P719" s="1"/>
      <c r="Q719" s="1"/>
      <c r="R719" s="1"/>
      <c r="S719" s="1"/>
      <c r="T719" s="1"/>
      <c r="U719" s="1"/>
      <c r="V719" s="1"/>
    </row>
    <row r="720" spans="4:22" x14ac:dyDescent="0.2">
      <c r="D720" s="1"/>
      <c r="E720" s="1"/>
      <c r="F720" s="1"/>
      <c r="G720" s="1"/>
      <c r="H720" s="1"/>
      <c r="I720" s="1"/>
      <c r="J720" s="1"/>
      <c r="K720" s="1"/>
      <c r="L720" s="1"/>
      <c r="M720" s="1"/>
      <c r="N720" s="1"/>
      <c r="O720" s="1"/>
      <c r="P720" s="1"/>
      <c r="Q720" s="1"/>
      <c r="R720" s="1"/>
      <c r="S720" s="1"/>
      <c r="T720" s="1"/>
      <c r="U720" s="1"/>
      <c r="V720" s="1"/>
    </row>
    <row r="721" spans="4:22" x14ac:dyDescent="0.2">
      <c r="D721" s="1"/>
      <c r="E721" s="1"/>
      <c r="F721" s="1"/>
      <c r="G721" s="1"/>
      <c r="H721" s="1"/>
      <c r="I721" s="1"/>
      <c r="J721" s="1"/>
      <c r="K721" s="1"/>
      <c r="L721" s="1"/>
      <c r="M721" s="1"/>
      <c r="N721" s="1"/>
      <c r="O721" s="1"/>
      <c r="P721" s="1"/>
      <c r="Q721" s="1"/>
      <c r="R721" s="1"/>
      <c r="S721" s="1"/>
      <c r="T721" s="1"/>
      <c r="U721" s="1"/>
      <c r="V721" s="1"/>
    </row>
    <row r="722" spans="4:22" x14ac:dyDescent="0.2">
      <c r="D722" s="1"/>
      <c r="E722" s="1"/>
      <c r="F722" s="1"/>
      <c r="G722" s="1"/>
      <c r="H722" s="1"/>
      <c r="I722" s="1"/>
      <c r="J722" s="1"/>
      <c r="K722" s="1"/>
      <c r="L722" s="1"/>
      <c r="M722" s="1"/>
      <c r="N722" s="1"/>
      <c r="O722" s="1"/>
      <c r="P722" s="1"/>
      <c r="Q722" s="1"/>
      <c r="R722" s="1"/>
      <c r="S722" s="1"/>
      <c r="T722" s="1"/>
      <c r="U722" s="1"/>
      <c r="V722" s="1"/>
    </row>
    <row r="723" spans="4:22" x14ac:dyDescent="0.2">
      <c r="D723" s="1"/>
      <c r="E723" s="1"/>
      <c r="F723" s="1"/>
      <c r="G723" s="1"/>
      <c r="H723" s="1"/>
      <c r="I723" s="1"/>
      <c r="J723" s="1"/>
      <c r="K723" s="1"/>
      <c r="L723" s="1"/>
      <c r="M723" s="1"/>
      <c r="N723" s="1"/>
      <c r="O723" s="1"/>
      <c r="P723" s="1"/>
      <c r="Q723" s="1"/>
      <c r="R723" s="1"/>
      <c r="S723" s="1"/>
      <c r="T723" s="1"/>
      <c r="U723" s="1"/>
      <c r="V723" s="1"/>
    </row>
    <row r="724" spans="4:22" x14ac:dyDescent="0.2">
      <c r="D724" s="1"/>
      <c r="E724" s="1"/>
      <c r="F724" s="1"/>
      <c r="G724" s="1"/>
      <c r="H724" s="1"/>
      <c r="I724" s="1"/>
      <c r="J724" s="1"/>
      <c r="K724" s="1"/>
      <c r="L724" s="1"/>
      <c r="M724" s="1"/>
      <c r="N724" s="1"/>
      <c r="O724" s="1"/>
      <c r="P724" s="1"/>
      <c r="Q724" s="1"/>
      <c r="R724" s="1"/>
      <c r="S724" s="1"/>
      <c r="T724" s="1"/>
      <c r="U724" s="1"/>
      <c r="V724" s="1"/>
    </row>
    <row r="725" spans="4:22" x14ac:dyDescent="0.2">
      <c r="D725" s="1"/>
      <c r="E725" s="1"/>
      <c r="F725" s="1"/>
      <c r="G725" s="1"/>
      <c r="H725" s="1"/>
      <c r="I725" s="1"/>
      <c r="J725" s="1"/>
      <c r="K725" s="1"/>
      <c r="L725" s="1"/>
      <c r="M725" s="1"/>
      <c r="N725" s="1"/>
      <c r="O725" s="1"/>
      <c r="P725" s="1"/>
      <c r="Q725" s="1"/>
      <c r="R725" s="1"/>
      <c r="S725" s="1"/>
      <c r="T725" s="1"/>
      <c r="U725" s="1"/>
      <c r="V725" s="1"/>
    </row>
    <row r="726" spans="4:22" x14ac:dyDescent="0.2">
      <c r="D726" s="1"/>
      <c r="E726" s="1"/>
      <c r="F726" s="1"/>
      <c r="G726" s="1"/>
      <c r="H726" s="1"/>
      <c r="I726" s="1"/>
      <c r="J726" s="1"/>
      <c r="K726" s="1"/>
      <c r="L726" s="1"/>
      <c r="M726" s="1"/>
      <c r="N726" s="1"/>
      <c r="O726" s="1"/>
      <c r="P726" s="1"/>
      <c r="Q726" s="1"/>
      <c r="R726" s="1"/>
      <c r="S726" s="1"/>
      <c r="T726" s="1"/>
      <c r="U726" s="1"/>
      <c r="V726" s="1"/>
    </row>
    <row r="727" spans="4:22" x14ac:dyDescent="0.2">
      <c r="D727" s="1"/>
      <c r="E727" s="1"/>
      <c r="F727" s="1"/>
      <c r="G727" s="1"/>
      <c r="H727" s="1"/>
      <c r="I727" s="1"/>
      <c r="J727" s="1"/>
      <c r="K727" s="1"/>
      <c r="L727" s="1"/>
      <c r="M727" s="1"/>
      <c r="N727" s="1"/>
      <c r="O727" s="1"/>
      <c r="P727" s="1"/>
      <c r="Q727" s="1"/>
      <c r="R727" s="1"/>
      <c r="S727" s="1"/>
      <c r="T727" s="1"/>
      <c r="U727" s="1"/>
      <c r="V727" s="1"/>
    </row>
    <row r="728" spans="4:22" x14ac:dyDescent="0.2">
      <c r="D728" s="1"/>
      <c r="E728" s="1"/>
      <c r="F728" s="1"/>
      <c r="G728" s="1"/>
      <c r="H728" s="1"/>
      <c r="I728" s="1"/>
      <c r="J728" s="1"/>
      <c r="K728" s="1"/>
      <c r="L728" s="1"/>
      <c r="M728" s="1"/>
      <c r="N728" s="1"/>
      <c r="O728" s="1"/>
      <c r="P728" s="1"/>
      <c r="Q728" s="1"/>
      <c r="R728" s="1"/>
      <c r="S728" s="1"/>
      <c r="T728" s="1"/>
      <c r="U728" s="1"/>
      <c r="V728" s="1"/>
    </row>
    <row r="729" spans="4:22" x14ac:dyDescent="0.2">
      <c r="D729" s="1"/>
      <c r="E729" s="1"/>
      <c r="F729" s="1"/>
      <c r="G729" s="1"/>
      <c r="H729" s="1"/>
      <c r="I729" s="1"/>
      <c r="J729" s="1"/>
      <c r="K729" s="1"/>
      <c r="L729" s="1"/>
      <c r="M729" s="1"/>
      <c r="N729" s="1"/>
      <c r="O729" s="1"/>
      <c r="P729" s="1"/>
      <c r="Q729" s="1"/>
      <c r="R729" s="1"/>
      <c r="S729" s="1"/>
      <c r="T729" s="1"/>
      <c r="U729" s="1"/>
      <c r="V729" s="1"/>
    </row>
    <row r="730" spans="4:22" x14ac:dyDescent="0.2">
      <c r="D730" s="1"/>
      <c r="E730" s="1"/>
      <c r="F730" s="1"/>
      <c r="G730" s="1"/>
      <c r="H730" s="1"/>
      <c r="I730" s="1"/>
      <c r="J730" s="1"/>
      <c r="K730" s="1"/>
      <c r="L730" s="1"/>
      <c r="M730" s="1"/>
      <c r="N730" s="1"/>
      <c r="O730" s="1"/>
      <c r="P730" s="1"/>
      <c r="Q730" s="1"/>
      <c r="R730" s="1"/>
      <c r="S730" s="1"/>
      <c r="T730" s="1"/>
      <c r="U730" s="1"/>
      <c r="V730" s="1"/>
    </row>
    <row r="731" spans="4:22" x14ac:dyDescent="0.2">
      <c r="D731" s="1"/>
      <c r="E731" s="1"/>
      <c r="F731" s="1"/>
      <c r="G731" s="1"/>
      <c r="H731" s="1"/>
      <c r="I731" s="1"/>
      <c r="J731" s="1"/>
      <c r="K731" s="1"/>
      <c r="L731" s="1"/>
      <c r="M731" s="1"/>
      <c r="N731" s="1"/>
      <c r="O731" s="1"/>
      <c r="P731" s="1"/>
      <c r="Q731" s="1"/>
      <c r="R731" s="1"/>
      <c r="S731" s="1"/>
      <c r="T731" s="1"/>
      <c r="U731" s="1"/>
      <c r="V731" s="1"/>
    </row>
    <row r="732" spans="4:22" x14ac:dyDescent="0.2">
      <c r="D732" s="1"/>
      <c r="E732" s="1"/>
      <c r="F732" s="1"/>
      <c r="G732" s="1"/>
      <c r="H732" s="1"/>
      <c r="I732" s="1"/>
      <c r="J732" s="1"/>
      <c r="K732" s="1"/>
      <c r="L732" s="1"/>
      <c r="M732" s="1"/>
      <c r="N732" s="1"/>
      <c r="O732" s="1"/>
      <c r="P732" s="1"/>
      <c r="Q732" s="1"/>
      <c r="R732" s="1"/>
      <c r="S732" s="1"/>
      <c r="T732" s="1"/>
      <c r="U732" s="1"/>
      <c r="V732" s="1"/>
    </row>
    <row r="733" spans="4:22" x14ac:dyDescent="0.2">
      <c r="D733" s="1"/>
      <c r="E733" s="1"/>
      <c r="F733" s="1"/>
      <c r="G733" s="1"/>
      <c r="H733" s="1"/>
      <c r="I733" s="1"/>
      <c r="J733" s="1"/>
      <c r="K733" s="1"/>
      <c r="L733" s="1"/>
      <c r="M733" s="1"/>
      <c r="N733" s="1"/>
      <c r="O733" s="1"/>
      <c r="P733" s="1"/>
      <c r="Q733" s="1"/>
      <c r="R733" s="1"/>
      <c r="S733" s="1"/>
      <c r="T733" s="1"/>
      <c r="U733" s="1"/>
      <c r="V733" s="1"/>
    </row>
    <row r="734" spans="4:22" x14ac:dyDescent="0.2">
      <c r="D734" s="1"/>
      <c r="E734" s="1"/>
      <c r="F734" s="1"/>
      <c r="G734" s="1"/>
      <c r="H734" s="1"/>
      <c r="I734" s="1"/>
      <c r="J734" s="1"/>
      <c r="K734" s="1"/>
      <c r="L734" s="1"/>
      <c r="M734" s="1"/>
      <c r="N734" s="1"/>
      <c r="O734" s="1"/>
      <c r="P734" s="1"/>
      <c r="Q734" s="1"/>
      <c r="R734" s="1"/>
      <c r="S734" s="1"/>
      <c r="T734" s="1"/>
      <c r="U734" s="1"/>
      <c r="V734" s="1"/>
    </row>
    <row r="735" spans="4:22" x14ac:dyDescent="0.2">
      <c r="D735" s="1"/>
      <c r="E735" s="1"/>
      <c r="F735" s="1"/>
      <c r="G735" s="1"/>
      <c r="H735" s="1"/>
      <c r="I735" s="1"/>
      <c r="J735" s="1"/>
      <c r="K735" s="1"/>
      <c r="L735" s="1"/>
      <c r="M735" s="1"/>
      <c r="N735" s="1"/>
      <c r="O735" s="1"/>
      <c r="P735" s="1"/>
      <c r="Q735" s="1"/>
      <c r="R735" s="1"/>
      <c r="S735" s="1"/>
      <c r="T735" s="1"/>
      <c r="U735" s="1"/>
      <c r="V735" s="1"/>
    </row>
  </sheetData>
  <sheetProtection selectLockedCells="1" autoFilter="0"/>
  <mergeCells count="28">
    <mergeCell ref="B85:AT85"/>
    <mergeCell ref="C47:D49"/>
    <mergeCell ref="U22:Y22"/>
    <mergeCell ref="C33:D41"/>
    <mergeCell ref="R23:S23"/>
    <mergeCell ref="AO33:AS33"/>
    <mergeCell ref="AO35:AS35"/>
    <mergeCell ref="AO37:AS37"/>
    <mergeCell ref="AO39:AS39"/>
    <mergeCell ref="AO41:AS41"/>
    <mergeCell ref="AH41:AM41"/>
    <mergeCell ref="S47:V55"/>
    <mergeCell ref="M33:P33"/>
    <mergeCell ref="M35:P35"/>
    <mergeCell ref="M37:P37"/>
    <mergeCell ref="M39:P39"/>
    <mergeCell ref="U24:Y24"/>
    <mergeCell ref="B2:AT2"/>
    <mergeCell ref="B4:AT4"/>
    <mergeCell ref="M41:P41"/>
    <mergeCell ref="AH33:AM33"/>
    <mergeCell ref="AH35:AM35"/>
    <mergeCell ref="AH37:AM37"/>
    <mergeCell ref="AH39:AM39"/>
    <mergeCell ref="B28:AT28"/>
    <mergeCell ref="U18:Y18"/>
    <mergeCell ref="U26:Y26"/>
    <mergeCell ref="U20:Y20"/>
  </mergeCells>
  <dataValidations count="4">
    <dataValidation type="whole" allowBlank="1" showInputMessage="1" showErrorMessage="1" sqref="L23 O13:O15" xr:uid="{00000000-0002-0000-0700-000000000000}">
      <formula1>1</formula1>
      <formula2>10000000</formula2>
    </dataValidation>
    <dataValidation type="decimal" allowBlank="1" showInputMessage="1" showErrorMessage="1" sqref="Z26 Z22 Z24 Z20 U18:Z18" xr:uid="{00000000-0002-0000-0700-000001000000}">
      <formula1>30000</formula1>
      <formula2>250000</formula2>
    </dataValidation>
    <dataValidation type="decimal" allowBlank="1" showInputMessage="1" showErrorMessage="1" sqref="U20:Y20 U22:Y22" xr:uid="{00000000-0002-0000-0700-000002000000}">
      <formula1>30000</formula1>
      <formula2>10000000</formula2>
    </dataValidation>
    <dataValidation type="decimal" allowBlank="1" showInputMessage="1" showErrorMessage="1" sqref="U24:Y24 U26:Y26 AH33:AM33 AH35:AM35 AH37:AM37 AH39:AM39 AH41:AM41" xr:uid="{00000000-0002-0000-0700-000003000000}">
      <formula1>0.01</formula1>
      <formula2>10000000</formula2>
    </dataValidation>
  </dataValidations>
  <pageMargins left="0.51181102362204722" right="0.31496062992125984" top="0.55118110236220474" bottom="0.35433070866141736" header="0.31496062992125984" footer="0.31496062992125984"/>
  <pageSetup paperSize="9" scale="64" orientation="portrait" r:id="rId1"/>
  <headerFooter alignWithMargins="0">
    <oddFooter>&amp;L&amp;1#&amp;"Calibri"&amp;10&amp;K000000Classification: Private</oddFooter>
  </headerFooter>
  <drawing r:id="rId2"/>
  <extLst>
    <ext xmlns:x14="http://schemas.microsoft.com/office/spreadsheetml/2009/9/main" uri="{CCE6A557-97BC-4b89-ADB6-D9C93CAAB3DF}">
      <x14:dataValidations xmlns:xm="http://schemas.microsoft.com/office/excel/2006/main" count="2">
        <x14:dataValidation type="list" allowBlank="1" showInputMessage="1" showErrorMessage="1" xr:uid="{00000000-0002-0000-0700-000004000000}">
          <x14:formula1>
            <xm:f>Lists!$A$2:$A$3</xm:f>
          </x14:formula1>
          <xm:sqref>M37 M33 M39 M35 M41</xm:sqref>
        </x14:dataValidation>
        <x14:dataValidation type="list" allowBlank="1" showInputMessage="1" showErrorMessage="1" xr:uid="{00000000-0002-0000-0700-000005000000}">
          <x14:formula1>
            <xm:f>Lists!$B$2:$B$7</xm:f>
          </x14:formula1>
          <xm:sqref>AO33:AS33 AO39:AS39 AO35:AS35 AO37:AS37 AO41:AS41</xm:sqref>
        </x14:dataValidation>
      </x14:dataValidations>
    </ext>
  </extLst>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800-000000000000}">
  <sheetPr codeName="Sheet5">
    <pageSetUpPr fitToPage="1"/>
  </sheetPr>
  <dimension ref="A1:CG2241"/>
  <sheetViews>
    <sheetView showGridLines="0" zoomScale="90" zoomScaleNormal="90" workbookViewId="0">
      <selection activeCell="F6" sqref="F6:K6"/>
    </sheetView>
  </sheetViews>
  <sheetFormatPr defaultColWidth="8.7109375" defaultRowHeight="12.75" x14ac:dyDescent="0.2"/>
  <cols>
    <col min="1" max="1" width="2.5703125" style="11" customWidth="1"/>
    <col min="2" max="2" width="18.7109375" style="76" customWidth="1"/>
    <col min="3" max="10" width="2.5703125" style="9" customWidth="1"/>
    <col min="11" max="41" width="2.5703125" style="11" customWidth="1"/>
    <col min="42" max="16384" width="8.7109375" style="11"/>
  </cols>
  <sheetData>
    <row r="1" spans="1:85" s="7" customFormat="1" ht="80.099999999999994" customHeight="1" x14ac:dyDescent="0.2">
      <c r="B1" s="22"/>
      <c r="C1" s="22"/>
      <c r="D1" s="22"/>
      <c r="E1" s="22"/>
      <c r="F1" s="22"/>
      <c r="G1" s="22"/>
      <c r="H1" s="22"/>
      <c r="I1" s="22"/>
      <c r="J1" s="22"/>
      <c r="K1" s="22"/>
      <c r="L1" s="22"/>
      <c r="M1" s="22"/>
      <c r="N1" s="22"/>
      <c r="O1" s="22"/>
      <c r="P1" s="22"/>
      <c r="Q1" s="22"/>
      <c r="R1" s="22"/>
      <c r="S1" s="22"/>
      <c r="T1" s="22"/>
      <c r="U1" s="22"/>
      <c r="W1" s="68"/>
      <c r="X1" s="23"/>
      <c r="Y1" s="23"/>
      <c r="Z1" s="23"/>
      <c r="AA1" s="23"/>
      <c r="AB1" s="23"/>
      <c r="AC1" s="23"/>
      <c r="AD1" s="23"/>
      <c r="AE1" s="23"/>
      <c r="AF1" s="23"/>
      <c r="AG1" s="23"/>
      <c r="AH1" s="23"/>
      <c r="AJ1" s="23"/>
      <c r="AK1" s="23"/>
      <c r="AL1" s="23"/>
      <c r="AM1" s="23"/>
      <c r="AN1" s="23"/>
      <c r="AO1" s="23"/>
      <c r="AP1" s="23"/>
      <c r="AQ1" s="23"/>
      <c r="AR1" s="23"/>
      <c r="AS1" s="23"/>
      <c r="AT1" s="113"/>
    </row>
    <row r="2" spans="1:85" s="7" customFormat="1" ht="36.75" customHeight="1" thickBot="1" x14ac:dyDescent="0.25">
      <c r="A2" s="3"/>
      <c r="B2" s="211" t="s">
        <v>146</v>
      </c>
      <c r="C2" s="211"/>
      <c r="D2" s="211"/>
      <c r="E2" s="211"/>
      <c r="F2" s="211"/>
      <c r="G2" s="211"/>
      <c r="H2" s="211"/>
      <c r="I2" s="211"/>
      <c r="J2" s="211"/>
      <c r="K2" s="211"/>
      <c r="L2" s="211"/>
      <c r="M2" s="211"/>
      <c r="N2" s="211"/>
      <c r="O2" s="211"/>
      <c r="P2" s="211"/>
      <c r="Q2" s="211"/>
      <c r="R2" s="211"/>
      <c r="S2" s="211"/>
      <c r="T2" s="211"/>
      <c r="U2" s="211"/>
      <c r="V2" s="211"/>
      <c r="W2" s="211"/>
      <c r="X2" s="211"/>
      <c r="Y2" s="211"/>
      <c r="Z2" s="211"/>
      <c r="AA2" s="211"/>
      <c r="AB2" s="211"/>
      <c r="AC2" s="211"/>
      <c r="AD2" s="211"/>
      <c r="AE2" s="211"/>
      <c r="AF2" s="211"/>
      <c r="AG2" s="211"/>
      <c r="AH2" s="211"/>
      <c r="AI2" s="211"/>
      <c r="AJ2" s="211"/>
      <c r="AK2" s="211"/>
      <c r="AL2" s="211"/>
      <c r="AM2" s="211"/>
      <c r="AN2" s="211"/>
      <c r="AO2" s="211"/>
      <c r="AP2" s="11"/>
      <c r="AQ2" s="11"/>
      <c r="AR2" s="11"/>
      <c r="AS2" s="11"/>
      <c r="AT2" s="11"/>
      <c r="AU2" s="11"/>
      <c r="AV2" s="11"/>
      <c r="AW2" s="11"/>
      <c r="AX2" s="11"/>
      <c r="AY2" s="11"/>
      <c r="AZ2" s="11"/>
      <c r="BA2" s="11"/>
      <c r="BB2" s="11"/>
      <c r="BC2" s="11"/>
      <c r="BD2" s="11"/>
      <c r="BE2" s="11"/>
      <c r="BF2" s="11"/>
      <c r="BG2" s="11"/>
      <c r="BH2" s="11"/>
      <c r="BI2" s="11"/>
      <c r="BJ2" s="11"/>
      <c r="BK2" s="11"/>
      <c r="BL2" s="11"/>
      <c r="BM2" s="11"/>
      <c r="BN2" s="11"/>
      <c r="BO2" s="11"/>
      <c r="BP2" s="11"/>
      <c r="BQ2" s="11"/>
      <c r="BR2" s="11"/>
      <c r="BS2" s="11"/>
      <c r="BT2" s="11"/>
      <c r="BU2" s="11"/>
      <c r="BV2" s="11"/>
      <c r="BW2" s="11"/>
      <c r="BX2" s="11"/>
      <c r="BY2" s="11"/>
      <c r="BZ2" s="11"/>
      <c r="CA2" s="11"/>
      <c r="CB2" s="11"/>
      <c r="CC2" s="11"/>
      <c r="CD2" s="11"/>
      <c r="CE2" s="11"/>
      <c r="CF2" s="11"/>
      <c r="CG2" s="11"/>
    </row>
    <row r="3" spans="1:85" ht="5.25" customHeight="1" x14ac:dyDescent="0.2">
      <c r="B3" s="72" t="s">
        <v>0</v>
      </c>
      <c r="C3" s="16"/>
      <c r="D3" s="16"/>
      <c r="E3" s="16"/>
      <c r="F3" s="16"/>
      <c r="G3" s="16"/>
      <c r="H3" s="16"/>
      <c r="I3" s="16"/>
      <c r="J3" s="16"/>
    </row>
    <row r="4" spans="1:85" ht="20.100000000000001" customHeight="1" x14ac:dyDescent="0.2">
      <c r="B4" s="283" t="s">
        <v>8</v>
      </c>
      <c r="C4" s="283"/>
      <c r="D4" s="283"/>
      <c r="E4" s="283"/>
      <c r="F4" s="283"/>
      <c r="G4" s="283"/>
      <c r="H4" s="283"/>
      <c r="I4" s="283"/>
      <c r="J4" s="283"/>
      <c r="K4" s="283"/>
      <c r="L4" s="283"/>
      <c r="M4" s="283"/>
      <c r="N4" s="283"/>
      <c r="O4" s="283"/>
      <c r="P4" s="283"/>
      <c r="Q4" s="283"/>
      <c r="R4" s="283"/>
      <c r="S4" s="283"/>
      <c r="T4" s="283"/>
      <c r="U4" s="283"/>
      <c r="V4" s="283"/>
      <c r="W4" s="283"/>
      <c r="X4" s="283"/>
      <c r="Y4" s="283"/>
      <c r="Z4" s="283"/>
      <c r="AA4" s="283"/>
      <c r="AB4" s="283"/>
      <c r="AC4" s="283"/>
      <c r="AD4" s="283"/>
      <c r="AE4" s="283"/>
      <c r="AF4" s="283"/>
      <c r="AG4" s="283"/>
      <c r="AH4" s="283"/>
      <c r="AI4" s="283"/>
      <c r="AJ4" s="283"/>
      <c r="AK4" s="283"/>
      <c r="AL4" s="283"/>
      <c r="AM4" s="283"/>
      <c r="AN4" s="283"/>
      <c r="AO4" s="283"/>
    </row>
    <row r="5" spans="1:85" ht="6.95" customHeight="1" x14ac:dyDescent="0.2">
      <c r="B5" s="16"/>
      <c r="C5" s="11"/>
      <c r="D5" s="85"/>
      <c r="E5" s="11"/>
      <c r="F5" s="11"/>
      <c r="G5" s="11"/>
      <c r="H5" s="11"/>
      <c r="I5" s="11"/>
      <c r="J5" s="11"/>
    </row>
    <row r="6" spans="1:85" ht="20.100000000000001" customHeight="1" x14ac:dyDescent="0.2">
      <c r="B6" s="16" t="s">
        <v>95</v>
      </c>
      <c r="C6" s="11"/>
      <c r="D6" s="85"/>
      <c r="E6" s="11"/>
      <c r="F6" s="284"/>
      <c r="G6" s="285"/>
      <c r="H6" s="285"/>
      <c r="I6" s="285"/>
      <c r="J6" s="285"/>
      <c r="K6" s="286"/>
      <c r="L6" s="182"/>
      <c r="M6" s="182"/>
      <c r="N6" s="182"/>
      <c r="O6" s="182"/>
      <c r="P6" s="182"/>
      <c r="Q6" s="182"/>
      <c r="R6" s="182"/>
      <c r="S6" s="182"/>
      <c r="T6" s="182"/>
      <c r="U6" s="182"/>
      <c r="V6" s="182"/>
      <c r="W6" s="182"/>
      <c r="X6" s="182"/>
      <c r="Y6" s="182"/>
      <c r="Z6" s="182"/>
      <c r="AA6" s="182"/>
    </row>
    <row r="7" spans="1:85" ht="6.95" customHeight="1" x14ac:dyDescent="0.2">
      <c r="B7" s="16"/>
      <c r="C7" s="11"/>
      <c r="D7" s="85"/>
      <c r="E7" s="11"/>
      <c r="F7" s="182"/>
      <c r="G7" s="182"/>
      <c r="H7" s="182"/>
      <c r="I7" s="182"/>
      <c r="J7" s="182"/>
      <c r="K7" s="182"/>
      <c r="L7" s="182"/>
      <c r="M7" s="182"/>
      <c r="N7" s="182"/>
      <c r="O7" s="182"/>
      <c r="P7" s="182"/>
      <c r="Q7" s="182"/>
      <c r="R7" s="182"/>
      <c r="S7" s="182"/>
      <c r="T7" s="182"/>
      <c r="U7" s="182"/>
      <c r="V7" s="182"/>
      <c r="W7" s="182"/>
      <c r="X7" s="182"/>
      <c r="Y7" s="182"/>
      <c r="Z7" s="182"/>
      <c r="AA7" s="182"/>
    </row>
    <row r="8" spans="1:85" ht="20.100000000000001" customHeight="1" x14ac:dyDescent="0.2">
      <c r="B8" s="16" t="s">
        <v>9</v>
      </c>
      <c r="C8" s="11"/>
      <c r="D8" s="85"/>
      <c r="E8" s="11"/>
      <c r="F8" s="284"/>
      <c r="G8" s="285"/>
      <c r="H8" s="285"/>
      <c r="I8" s="285"/>
      <c r="J8" s="285"/>
      <c r="K8" s="285"/>
      <c r="L8" s="285"/>
      <c r="M8" s="285"/>
      <c r="N8" s="285"/>
      <c r="O8" s="285"/>
      <c r="P8" s="285"/>
      <c r="Q8" s="285"/>
      <c r="R8" s="285"/>
      <c r="S8" s="285"/>
      <c r="T8" s="285"/>
      <c r="U8" s="285"/>
      <c r="V8" s="285"/>
      <c r="W8" s="285"/>
      <c r="X8" s="285"/>
      <c r="Y8" s="285"/>
      <c r="Z8" s="285"/>
      <c r="AA8" s="286"/>
    </row>
    <row r="9" spans="1:85" s="85" customFormat="1" ht="6.95" customHeight="1" x14ac:dyDescent="0.2">
      <c r="B9" s="16"/>
      <c r="F9" s="182"/>
      <c r="G9" s="182"/>
      <c r="H9" s="182"/>
      <c r="I9" s="182"/>
      <c r="J9" s="182"/>
      <c r="K9" s="182"/>
      <c r="L9" s="182"/>
      <c r="M9" s="182"/>
      <c r="N9" s="182"/>
      <c r="O9" s="182"/>
      <c r="P9" s="182"/>
      <c r="Q9" s="182"/>
      <c r="R9" s="182"/>
      <c r="S9" s="182"/>
      <c r="T9" s="182"/>
      <c r="U9" s="182"/>
      <c r="V9" s="182"/>
      <c r="W9" s="182"/>
      <c r="X9" s="182"/>
      <c r="Y9" s="182"/>
      <c r="Z9" s="182"/>
      <c r="AA9" s="182"/>
    </row>
    <row r="10" spans="1:85" s="85" customFormat="1" ht="20.100000000000001" customHeight="1" x14ac:dyDescent="0.2">
      <c r="B10" s="16" t="s">
        <v>201</v>
      </c>
      <c r="F10" s="284"/>
      <c r="G10" s="285"/>
      <c r="H10" s="285"/>
      <c r="I10" s="285"/>
      <c r="J10" s="285"/>
      <c r="K10" s="285"/>
      <c r="L10" s="285"/>
      <c r="M10" s="285"/>
      <c r="N10" s="285"/>
      <c r="O10" s="285"/>
      <c r="P10" s="285"/>
      <c r="Q10" s="285"/>
      <c r="R10" s="285"/>
      <c r="S10" s="285"/>
      <c r="T10" s="285"/>
      <c r="U10" s="285"/>
      <c r="V10" s="285"/>
      <c r="W10" s="285"/>
      <c r="X10" s="285"/>
      <c r="Y10" s="285"/>
      <c r="Z10" s="285"/>
      <c r="AA10" s="286"/>
    </row>
    <row r="11" spans="1:85" ht="6.95" customHeight="1" x14ac:dyDescent="0.2">
      <c r="B11" s="16"/>
      <c r="C11" s="11"/>
      <c r="D11" s="85"/>
      <c r="E11" s="11"/>
      <c r="F11" s="182"/>
      <c r="G11" s="182"/>
      <c r="H11" s="182"/>
      <c r="I11" s="182"/>
      <c r="J11" s="182"/>
      <c r="K11" s="182"/>
      <c r="L11" s="182"/>
      <c r="M11" s="182"/>
      <c r="N11" s="182"/>
      <c r="O11" s="182"/>
      <c r="P11" s="182"/>
      <c r="Q11" s="182"/>
      <c r="R11" s="182"/>
      <c r="S11" s="182"/>
      <c r="T11" s="182"/>
      <c r="U11" s="182"/>
      <c r="V11" s="182"/>
      <c r="W11" s="182"/>
      <c r="X11" s="182"/>
      <c r="Y11" s="182"/>
      <c r="Z11" s="182"/>
      <c r="AA11" s="182"/>
    </row>
    <row r="12" spans="1:85" ht="20.100000000000001" customHeight="1" x14ac:dyDescent="0.2">
      <c r="B12" s="16" t="s">
        <v>10</v>
      </c>
      <c r="C12" s="11"/>
      <c r="D12" s="85"/>
      <c r="E12" s="11"/>
      <c r="F12" s="284"/>
      <c r="G12" s="285"/>
      <c r="H12" s="285"/>
      <c r="I12" s="285"/>
      <c r="J12" s="285"/>
      <c r="K12" s="285"/>
      <c r="L12" s="285"/>
      <c r="M12" s="285"/>
      <c r="N12" s="285"/>
      <c r="O12" s="285"/>
      <c r="P12" s="285"/>
      <c r="Q12" s="285"/>
      <c r="R12" s="285"/>
      <c r="S12" s="285"/>
      <c r="T12" s="285"/>
      <c r="U12" s="285"/>
      <c r="V12" s="285"/>
      <c r="W12" s="285"/>
      <c r="X12" s="285"/>
      <c r="Y12" s="285"/>
      <c r="Z12" s="285"/>
      <c r="AA12" s="286"/>
    </row>
    <row r="13" spans="1:85" ht="6.95" customHeight="1" x14ac:dyDescent="0.2">
      <c r="B13" s="16"/>
      <c r="C13" s="11"/>
      <c r="D13" s="85"/>
      <c r="E13" s="11"/>
      <c r="F13" s="182"/>
      <c r="G13" s="182"/>
      <c r="H13" s="182"/>
      <c r="I13" s="182"/>
      <c r="J13" s="182"/>
      <c r="K13" s="182"/>
      <c r="L13" s="182"/>
      <c r="M13" s="182"/>
      <c r="N13" s="182"/>
      <c r="O13" s="182"/>
      <c r="P13" s="182"/>
      <c r="Q13" s="182"/>
      <c r="R13" s="182"/>
      <c r="S13" s="182"/>
      <c r="T13" s="182"/>
      <c r="U13" s="182"/>
      <c r="V13" s="182"/>
      <c r="W13" s="182"/>
      <c r="X13" s="182"/>
      <c r="Y13" s="182"/>
      <c r="Z13" s="182"/>
      <c r="AA13" s="182"/>
    </row>
    <row r="14" spans="1:85" ht="20.100000000000001" customHeight="1" x14ac:dyDescent="0.2">
      <c r="B14" s="16" t="s">
        <v>40</v>
      </c>
      <c r="C14" s="11"/>
      <c r="D14" s="85"/>
      <c r="E14" s="11"/>
      <c r="F14" s="293"/>
      <c r="G14" s="294"/>
      <c r="H14" s="294"/>
      <c r="I14" s="294"/>
      <c r="J14" s="294"/>
      <c r="K14" s="295"/>
      <c r="L14" s="182"/>
      <c r="M14" s="182"/>
      <c r="N14" s="182"/>
      <c r="O14" s="182"/>
      <c r="P14" s="182"/>
      <c r="Q14" s="182"/>
      <c r="R14" s="182"/>
      <c r="S14" s="182"/>
      <c r="T14" s="182"/>
      <c r="U14" s="182"/>
      <c r="V14" s="182"/>
      <c r="W14" s="182"/>
      <c r="X14" s="182"/>
      <c r="Y14" s="182"/>
      <c r="Z14" s="182"/>
      <c r="AA14" s="182"/>
    </row>
    <row r="15" spans="1:85" ht="6.95" customHeight="1" x14ac:dyDescent="0.2">
      <c r="B15" s="16"/>
      <c r="C15" s="11"/>
      <c r="D15" s="85"/>
      <c r="E15" s="11"/>
      <c r="F15" s="182"/>
      <c r="G15" s="183"/>
      <c r="H15" s="182"/>
      <c r="I15" s="182"/>
      <c r="J15" s="182"/>
      <c r="K15" s="182"/>
      <c r="L15" s="182"/>
      <c r="M15" s="182"/>
      <c r="N15" s="182"/>
      <c r="O15" s="182"/>
      <c r="P15" s="182"/>
      <c r="Q15" s="182"/>
      <c r="R15" s="182"/>
      <c r="S15" s="182"/>
      <c r="T15" s="182"/>
      <c r="U15" s="182"/>
      <c r="V15" s="182"/>
      <c r="W15" s="182"/>
      <c r="X15" s="182"/>
      <c r="Y15" s="182"/>
      <c r="Z15" s="182"/>
      <c r="AA15" s="182"/>
    </row>
    <row r="16" spans="1:85" s="85" customFormat="1" ht="20.100000000000001" customHeight="1" x14ac:dyDescent="0.2">
      <c r="B16" s="16" t="s">
        <v>35</v>
      </c>
      <c r="F16" s="290"/>
      <c r="G16" s="291"/>
      <c r="H16" s="291"/>
      <c r="I16" s="291"/>
      <c r="J16" s="291"/>
      <c r="K16" s="292"/>
      <c r="L16" s="184"/>
      <c r="M16" s="184"/>
      <c r="N16" s="184"/>
      <c r="O16" s="184"/>
      <c r="P16" s="182"/>
      <c r="Q16" s="182"/>
      <c r="R16" s="182"/>
      <c r="S16" s="182"/>
      <c r="T16" s="182"/>
      <c r="U16" s="182"/>
      <c r="V16" s="182"/>
      <c r="W16" s="182"/>
      <c r="X16" s="182"/>
      <c r="Y16" s="182"/>
      <c r="Z16" s="182"/>
      <c r="AA16" s="182"/>
    </row>
    <row r="17" spans="2:43" ht="6.95" customHeight="1" x14ac:dyDescent="0.2">
      <c r="B17" s="16"/>
      <c r="C17" s="11"/>
      <c r="D17" s="85"/>
      <c r="E17" s="11"/>
      <c r="F17" s="182"/>
      <c r="G17" s="182"/>
      <c r="H17" s="182"/>
      <c r="I17" s="182"/>
      <c r="J17" s="182"/>
      <c r="K17" s="182"/>
      <c r="L17" s="182"/>
      <c r="M17" s="182"/>
      <c r="N17" s="182"/>
      <c r="O17" s="182"/>
      <c r="P17" s="182"/>
      <c r="Q17" s="182"/>
      <c r="R17" s="182"/>
      <c r="S17" s="182"/>
      <c r="T17" s="182"/>
      <c r="U17" s="182"/>
      <c r="V17" s="182"/>
      <c r="W17" s="182"/>
      <c r="X17" s="182"/>
      <c r="Y17" s="182"/>
      <c r="Z17" s="182"/>
      <c r="AA17" s="182"/>
    </row>
    <row r="18" spans="2:43" ht="20.100000000000001" customHeight="1" x14ac:dyDescent="0.2">
      <c r="B18" s="16" t="s">
        <v>19</v>
      </c>
      <c r="C18" s="11"/>
      <c r="D18" s="85"/>
      <c r="E18" s="11"/>
      <c r="F18" s="284"/>
      <c r="G18" s="285"/>
      <c r="H18" s="285"/>
      <c r="I18" s="285"/>
      <c r="J18" s="285"/>
      <c r="K18" s="285"/>
      <c r="L18" s="285"/>
      <c r="M18" s="285"/>
      <c r="N18" s="285"/>
      <c r="O18" s="285"/>
      <c r="P18" s="285"/>
      <c r="Q18" s="285"/>
      <c r="R18" s="285"/>
      <c r="S18" s="285"/>
      <c r="T18" s="285"/>
      <c r="U18" s="286"/>
      <c r="V18" s="184"/>
      <c r="W18" s="184"/>
      <c r="X18" s="184"/>
      <c r="Y18" s="184"/>
      <c r="Z18" s="184"/>
      <c r="AA18" s="184"/>
    </row>
    <row r="19" spans="2:43" ht="6.95" customHeight="1" x14ac:dyDescent="0.2">
      <c r="B19" s="16"/>
      <c r="C19" s="11"/>
      <c r="D19" s="85"/>
      <c r="E19" s="11"/>
      <c r="F19" s="182"/>
      <c r="G19" s="182"/>
      <c r="H19" s="182"/>
      <c r="I19" s="182"/>
      <c r="J19" s="182"/>
      <c r="K19" s="182"/>
      <c r="L19" s="182"/>
      <c r="M19" s="182"/>
      <c r="N19" s="182"/>
      <c r="O19" s="182"/>
      <c r="P19" s="182"/>
      <c r="Q19" s="182"/>
      <c r="R19" s="182"/>
      <c r="S19" s="182"/>
      <c r="T19" s="182"/>
      <c r="U19" s="182"/>
      <c r="V19" s="182"/>
      <c r="W19" s="182"/>
      <c r="X19" s="182"/>
      <c r="Y19" s="182"/>
      <c r="Z19" s="182"/>
      <c r="AA19" s="182"/>
    </row>
    <row r="20" spans="2:43" ht="20.100000000000001" customHeight="1" x14ac:dyDescent="0.2">
      <c r="B20" s="16" t="s">
        <v>21</v>
      </c>
      <c r="C20" s="11"/>
      <c r="D20" s="85"/>
      <c r="E20" s="11"/>
      <c r="F20" s="284"/>
      <c r="G20" s="285"/>
      <c r="H20" s="285"/>
      <c r="I20" s="285"/>
      <c r="J20" s="285"/>
      <c r="K20" s="285"/>
      <c r="L20" s="285"/>
      <c r="M20" s="285"/>
      <c r="N20" s="285"/>
      <c r="O20" s="285"/>
      <c r="P20" s="285"/>
      <c r="Q20" s="285"/>
      <c r="R20" s="285"/>
      <c r="S20" s="285"/>
      <c r="T20" s="285"/>
      <c r="U20" s="286"/>
      <c r="V20" s="184"/>
      <c r="W20" s="184"/>
      <c r="X20" s="184"/>
      <c r="Y20" s="184"/>
      <c r="Z20" s="184"/>
      <c r="AA20" s="184"/>
    </row>
    <row r="21" spans="2:43" s="85" customFormat="1" ht="20.100000000000001" customHeight="1" x14ac:dyDescent="0.2">
      <c r="B21" s="17"/>
      <c r="C21" s="35"/>
      <c r="D21" s="35"/>
      <c r="E21" s="28"/>
      <c r="F21" s="75"/>
      <c r="G21" s="75"/>
      <c r="H21" s="75"/>
      <c r="I21" s="30"/>
      <c r="J21" s="29"/>
      <c r="K21" s="75"/>
      <c r="L21" s="75"/>
      <c r="M21" s="75"/>
      <c r="N21" s="29"/>
      <c r="O21" s="29"/>
      <c r="P21" s="70"/>
      <c r="Q21" s="29"/>
      <c r="R21" s="29"/>
      <c r="S21" s="29"/>
      <c r="T21" s="29"/>
      <c r="U21" s="29"/>
      <c r="V21" s="29"/>
      <c r="W21" s="71"/>
      <c r="X21" s="29"/>
      <c r="Y21" s="29"/>
      <c r="Z21" s="29"/>
      <c r="AA21" s="29"/>
      <c r="AD21" s="36"/>
      <c r="AH21" s="31"/>
      <c r="AI21" s="31"/>
      <c r="AJ21" s="31"/>
      <c r="AK21" s="31"/>
      <c r="AL21" s="31"/>
      <c r="AM21" s="31"/>
      <c r="AN21" s="31"/>
      <c r="AO21" s="31"/>
      <c r="AP21" s="28"/>
      <c r="AQ21" s="26"/>
    </row>
    <row r="22" spans="2:43" s="29" customFormat="1" x14ac:dyDescent="0.2">
      <c r="B22" s="16"/>
      <c r="C22" s="85"/>
      <c r="D22" s="85"/>
      <c r="E22" s="85"/>
      <c r="F22" s="85"/>
      <c r="G22" s="85"/>
      <c r="H22" s="85"/>
      <c r="I22" s="85"/>
      <c r="J22" s="85"/>
    </row>
    <row r="23" spans="2:43" s="85" customFormat="1" ht="20.100000000000001" customHeight="1" x14ac:dyDescent="0.2">
      <c r="B23" s="287" t="s">
        <v>164</v>
      </c>
      <c r="C23" s="288"/>
      <c r="D23" s="288"/>
      <c r="E23" s="288"/>
      <c r="F23" s="288"/>
      <c r="G23" s="288"/>
      <c r="H23" s="288"/>
      <c r="I23" s="288"/>
      <c r="J23" s="288"/>
      <c r="K23" s="288"/>
      <c r="L23" s="288"/>
      <c r="M23" s="288"/>
      <c r="N23" s="288"/>
      <c r="O23" s="288"/>
      <c r="P23" s="288"/>
      <c r="Q23" s="288"/>
      <c r="R23" s="288"/>
      <c r="S23" s="288"/>
      <c r="T23" s="288"/>
      <c r="U23" s="288"/>
      <c r="V23" s="288"/>
      <c r="W23" s="288"/>
      <c r="X23" s="288"/>
      <c r="Y23" s="288"/>
      <c r="Z23" s="288"/>
      <c r="AA23" s="288"/>
      <c r="AB23" s="288"/>
      <c r="AC23" s="288"/>
      <c r="AD23" s="288"/>
      <c r="AE23" s="288"/>
      <c r="AF23" s="288"/>
      <c r="AG23" s="288"/>
      <c r="AH23" s="288"/>
      <c r="AI23" s="288"/>
      <c r="AJ23" s="288"/>
      <c r="AK23" s="288"/>
      <c r="AL23" s="288"/>
      <c r="AM23" s="288"/>
      <c r="AN23" s="288"/>
      <c r="AO23" s="289"/>
    </row>
    <row r="24" spans="2:43" s="85" customFormat="1" ht="6.95" customHeight="1" x14ac:dyDescent="0.2">
      <c r="B24" s="16"/>
      <c r="K24" s="176"/>
      <c r="L24" s="176"/>
      <c r="M24" s="176"/>
      <c r="N24" s="176"/>
      <c r="O24" s="176"/>
      <c r="P24" s="176"/>
      <c r="Q24" s="176"/>
      <c r="R24" s="176"/>
      <c r="S24" s="176"/>
      <c r="T24" s="176"/>
      <c r="U24" s="176"/>
      <c r="V24" s="176"/>
      <c r="W24" s="176"/>
      <c r="X24" s="176"/>
      <c r="Y24" s="176"/>
      <c r="Z24" s="176"/>
      <c r="AA24" s="32"/>
      <c r="AB24" s="32"/>
      <c r="AC24" s="32"/>
      <c r="AD24" s="32"/>
      <c r="AE24" s="32"/>
      <c r="AF24" s="32"/>
    </row>
    <row r="25" spans="2:43" s="85" customFormat="1" ht="17.100000000000001" customHeight="1" x14ac:dyDescent="0.2">
      <c r="B25" s="85" t="s">
        <v>173</v>
      </c>
      <c r="F25" s="293"/>
      <c r="G25" s="294"/>
      <c r="H25" s="294"/>
      <c r="I25" s="294"/>
      <c r="J25" s="294"/>
      <c r="K25" s="295"/>
      <c r="L25"/>
      <c r="M25"/>
      <c r="N25"/>
      <c r="O25"/>
      <c r="P25"/>
      <c r="Q25" s="297" t="s">
        <v>176</v>
      </c>
      <c r="R25" s="297"/>
      <c r="S25" s="297"/>
      <c r="T25" s="297"/>
      <c r="U25" s="297"/>
      <c r="V25" s="297"/>
      <c r="W25" s="297"/>
      <c r="X25" s="297"/>
      <c r="Y25" s="297"/>
      <c r="Z25" s="297"/>
      <c r="AA25" s="297"/>
      <c r="AB25" s="297"/>
      <c r="AC25" s="297"/>
      <c r="AD25" s="297"/>
      <c r="AE25" s="297"/>
      <c r="AF25" s="297"/>
      <c r="AG25" s="297"/>
      <c r="AH25" s="297"/>
      <c r="AI25" s="297"/>
      <c r="AJ25" s="297"/>
      <c r="AK25" s="297"/>
      <c r="AL25" s="297"/>
      <c r="AM25" s="297"/>
      <c r="AN25" s="297"/>
      <c r="AO25" s="297"/>
    </row>
    <row r="26" spans="2:43" s="85" customFormat="1" ht="30.95" customHeight="1" x14ac:dyDescent="0.2">
      <c r="E26" s="7"/>
      <c r="F26" s="7"/>
      <c r="G26" s="7"/>
      <c r="H26" s="7"/>
      <c r="I26" s="7"/>
      <c r="J26" s="22"/>
      <c r="K26" s="7"/>
      <c r="L26" s="7"/>
      <c r="M26" s="7"/>
      <c r="N26" s="7"/>
      <c r="O26" s="22"/>
      <c r="P26" s="7"/>
      <c r="Q26" s="296" t="s">
        <v>177</v>
      </c>
      <c r="R26" s="296"/>
      <c r="S26" s="296"/>
      <c r="T26" s="296"/>
      <c r="U26" s="296"/>
      <c r="V26" s="296"/>
      <c r="W26" s="296"/>
      <c r="X26" s="296"/>
      <c r="Y26" s="296"/>
      <c r="Z26" s="296"/>
      <c r="AA26" s="296"/>
      <c r="AB26" s="296"/>
      <c r="AC26" s="296"/>
      <c r="AD26" s="296"/>
      <c r="AE26" s="296"/>
      <c r="AF26" s="296"/>
      <c r="AG26" s="296"/>
      <c r="AH26" s="296"/>
      <c r="AI26" s="296"/>
      <c r="AJ26" s="296"/>
      <c r="AK26" s="296"/>
      <c r="AL26" s="296"/>
      <c r="AM26" s="296"/>
      <c r="AN26" s="296"/>
      <c r="AO26" s="296"/>
    </row>
    <row r="27" spans="2:43" s="85" customFormat="1" ht="30" customHeight="1" x14ac:dyDescent="0.2">
      <c r="B27" s="16"/>
      <c r="E27" s="7"/>
      <c r="F27" s="7"/>
      <c r="G27" s="7"/>
      <c r="H27" s="7"/>
      <c r="I27" s="7"/>
      <c r="J27" s="7"/>
      <c r="K27" s="7"/>
      <c r="L27" s="7"/>
      <c r="M27" s="7"/>
      <c r="N27" s="7"/>
      <c r="O27" s="7"/>
      <c r="P27" s="7"/>
      <c r="Q27" s="296" t="s">
        <v>175</v>
      </c>
      <c r="R27" s="296"/>
      <c r="S27" s="296"/>
      <c r="T27" s="296"/>
      <c r="U27" s="296"/>
      <c r="V27" s="296"/>
      <c r="W27" s="296"/>
      <c r="X27" s="296"/>
      <c r="Y27" s="296"/>
      <c r="Z27" s="296"/>
      <c r="AA27" s="296"/>
      <c r="AB27" s="296"/>
      <c r="AC27" s="296"/>
      <c r="AD27" s="296"/>
      <c r="AE27" s="296"/>
      <c r="AF27" s="296"/>
      <c r="AG27" s="296"/>
      <c r="AH27" s="296"/>
      <c r="AI27" s="296"/>
      <c r="AJ27" s="296"/>
      <c r="AK27" s="296"/>
      <c r="AL27" s="296"/>
      <c r="AM27" s="296"/>
      <c r="AN27" s="296"/>
      <c r="AO27" s="296"/>
    </row>
    <row r="28" spans="2:43" s="85" customFormat="1" ht="17.100000000000001" customHeight="1" x14ac:dyDescent="0.2">
      <c r="B28" s="16"/>
      <c r="V28" s="177"/>
      <c r="W28" s="177"/>
      <c r="X28" s="177"/>
      <c r="Y28" s="177"/>
      <c r="Z28" s="177"/>
      <c r="AA28" s="177"/>
      <c r="AB28" s="177"/>
      <c r="AC28" s="177"/>
      <c r="AD28" s="177"/>
      <c r="AE28" s="177"/>
      <c r="AF28" s="177"/>
      <c r="AG28" s="177"/>
      <c r="AH28" s="177"/>
      <c r="AI28" s="177"/>
      <c r="AJ28" s="177"/>
      <c r="AK28" s="177"/>
      <c r="AL28" s="177"/>
      <c r="AM28" s="177"/>
      <c r="AN28" s="177"/>
      <c r="AO28" s="177"/>
    </row>
    <row r="29" spans="2:43" ht="20.100000000000001" customHeight="1" x14ac:dyDescent="0.2">
      <c r="B29" s="287" t="s">
        <v>165</v>
      </c>
      <c r="C29" s="288"/>
      <c r="D29" s="288"/>
      <c r="E29" s="288"/>
      <c r="F29" s="288"/>
      <c r="G29" s="288"/>
      <c r="H29" s="288"/>
      <c r="I29" s="288"/>
      <c r="J29" s="288"/>
      <c r="K29" s="288"/>
      <c r="L29" s="288"/>
      <c r="M29" s="288"/>
      <c r="N29" s="288"/>
      <c r="O29" s="288"/>
      <c r="P29" s="288"/>
      <c r="Q29" s="288"/>
      <c r="R29" s="288"/>
      <c r="S29" s="288"/>
      <c r="T29" s="288"/>
      <c r="U29" s="288"/>
      <c r="V29" s="288"/>
      <c r="W29" s="288"/>
      <c r="X29" s="288"/>
      <c r="Y29" s="288"/>
      <c r="Z29" s="288"/>
      <c r="AA29" s="288"/>
      <c r="AB29" s="288"/>
      <c r="AC29" s="288"/>
      <c r="AD29" s="288"/>
      <c r="AE29" s="288"/>
      <c r="AF29" s="288"/>
      <c r="AG29" s="288"/>
      <c r="AH29" s="288"/>
      <c r="AI29" s="288"/>
      <c r="AJ29" s="288"/>
      <c r="AK29" s="288"/>
      <c r="AL29" s="288"/>
      <c r="AM29" s="288"/>
      <c r="AN29" s="288"/>
      <c r="AO29" s="289"/>
    </row>
    <row r="30" spans="2:43" ht="6.95" customHeight="1" x14ac:dyDescent="0.2">
      <c r="B30" s="16"/>
      <c r="C30" s="16"/>
      <c r="D30" s="16"/>
      <c r="E30" s="16"/>
      <c r="F30" s="16"/>
      <c r="G30" s="16"/>
      <c r="H30" s="16"/>
      <c r="I30" s="16"/>
      <c r="J30" s="16"/>
    </row>
    <row r="31" spans="2:43" s="85" customFormat="1" ht="20.100000000000001" customHeight="1" x14ac:dyDescent="0.2">
      <c r="B31" s="16" t="s">
        <v>152</v>
      </c>
      <c r="F31" s="293" t="s">
        <v>47</v>
      </c>
      <c r="G31" s="294"/>
      <c r="H31" s="294"/>
      <c r="I31" s="294"/>
      <c r="J31" s="294"/>
      <c r="K31" s="294"/>
      <c r="L31" s="294"/>
      <c r="M31" s="294"/>
      <c r="N31" s="294"/>
      <c r="O31" s="294"/>
      <c r="P31" s="294"/>
      <c r="Q31" s="294"/>
      <c r="R31" s="294"/>
      <c r="S31" s="295"/>
      <c r="T31"/>
    </row>
    <row r="32" spans="2:43" s="85" customFormat="1" ht="6.95" customHeight="1" x14ac:dyDescent="0.2">
      <c r="B32" s="16"/>
      <c r="K32" s="176"/>
      <c r="L32" s="176"/>
      <c r="M32" s="176"/>
      <c r="N32" s="176"/>
      <c r="O32" s="176"/>
      <c r="P32" s="176"/>
      <c r="Q32" s="176"/>
      <c r="R32" s="176"/>
      <c r="S32" s="176"/>
      <c r="T32" s="176"/>
      <c r="U32" s="176"/>
      <c r="V32" s="176"/>
      <c r="W32" s="176"/>
      <c r="X32" s="176"/>
      <c r="Y32" s="176"/>
      <c r="Z32" s="176"/>
      <c r="AA32" s="32"/>
      <c r="AB32" s="32"/>
      <c r="AC32" s="32"/>
      <c r="AD32" s="32"/>
      <c r="AE32" s="32"/>
      <c r="AF32" s="32"/>
    </row>
    <row r="33" spans="2:43" s="85" customFormat="1" ht="20.100000000000001" customHeight="1" x14ac:dyDescent="0.2">
      <c r="B33" s="17"/>
      <c r="C33" s="35"/>
      <c r="D33" s="35"/>
      <c r="E33" s="28"/>
      <c r="F33" s="75"/>
      <c r="G33" s="75"/>
      <c r="H33" s="75"/>
      <c r="I33" s="30"/>
      <c r="J33" s="29"/>
      <c r="K33" s="75"/>
      <c r="L33" s="75"/>
      <c r="M33" s="75"/>
      <c r="N33" s="29"/>
      <c r="O33" s="29"/>
      <c r="P33" s="70"/>
      <c r="Q33" s="29"/>
      <c r="R33" s="29"/>
      <c r="S33" s="29"/>
      <c r="T33" s="29"/>
      <c r="U33" s="29"/>
      <c r="V33" s="29"/>
      <c r="W33" s="71"/>
      <c r="X33" s="29"/>
      <c r="Y33" s="29"/>
      <c r="Z33" s="29"/>
      <c r="AA33" s="29"/>
      <c r="AD33" s="36"/>
      <c r="AH33" s="31"/>
      <c r="AI33" s="31"/>
      <c r="AJ33" s="31"/>
      <c r="AK33" s="31"/>
      <c r="AL33" s="31"/>
      <c r="AM33" s="31"/>
      <c r="AN33" s="31"/>
      <c r="AO33" s="31"/>
      <c r="AP33" s="28"/>
      <c r="AQ33" s="26"/>
    </row>
    <row r="34" spans="2:43" s="29" customFormat="1" x14ac:dyDescent="0.2">
      <c r="B34" s="16"/>
      <c r="C34" s="85"/>
      <c r="D34" s="85"/>
      <c r="E34" s="85"/>
      <c r="F34" s="85"/>
      <c r="G34" s="85"/>
      <c r="H34" s="85"/>
      <c r="I34" s="85"/>
      <c r="J34" s="85"/>
    </row>
    <row r="35" spans="2:43" s="29" customFormat="1" x14ac:dyDescent="0.2">
      <c r="B35" s="16"/>
      <c r="C35" s="85"/>
      <c r="D35" s="85"/>
      <c r="E35" s="85"/>
      <c r="F35" s="85"/>
      <c r="G35" s="85"/>
      <c r="H35" s="85"/>
      <c r="I35" s="85"/>
      <c r="J35" s="85"/>
    </row>
    <row r="36" spans="2:43" s="29" customFormat="1" x14ac:dyDescent="0.2">
      <c r="B36" s="16"/>
      <c r="C36" s="85"/>
      <c r="D36" s="85"/>
      <c r="E36" s="85"/>
      <c r="F36" s="85"/>
      <c r="G36" s="85"/>
      <c r="H36" s="85"/>
      <c r="I36" s="85"/>
      <c r="J36" s="85"/>
    </row>
    <row r="37" spans="2:43" s="29" customFormat="1" x14ac:dyDescent="0.2">
      <c r="B37" s="16"/>
      <c r="C37" s="85"/>
      <c r="D37" s="85"/>
      <c r="E37" s="85"/>
      <c r="F37" s="85"/>
      <c r="G37" s="85"/>
      <c r="H37" s="85"/>
      <c r="I37" s="85"/>
      <c r="J37" s="85"/>
    </row>
    <row r="38" spans="2:43" s="29" customFormat="1" x14ac:dyDescent="0.2">
      <c r="B38" s="16"/>
      <c r="C38" s="85"/>
      <c r="D38" s="85"/>
      <c r="E38" s="85"/>
      <c r="F38" s="85"/>
      <c r="G38" s="85"/>
      <c r="H38" s="85"/>
      <c r="I38" s="85"/>
      <c r="J38" s="85"/>
    </row>
    <row r="39" spans="2:43" s="29" customFormat="1" x14ac:dyDescent="0.2">
      <c r="B39" s="16"/>
      <c r="C39" s="85"/>
      <c r="D39" s="85"/>
      <c r="E39" s="85"/>
      <c r="F39" s="85"/>
      <c r="G39" s="85"/>
      <c r="H39" s="85"/>
      <c r="I39" s="85"/>
      <c r="J39" s="85"/>
    </row>
    <row r="40" spans="2:43" s="29" customFormat="1" x14ac:dyDescent="0.2">
      <c r="B40" s="16"/>
      <c r="C40" s="85"/>
      <c r="D40" s="85"/>
      <c r="E40" s="85"/>
      <c r="F40" s="85"/>
      <c r="G40" s="85"/>
      <c r="H40" s="85"/>
      <c r="I40" s="85"/>
      <c r="J40" s="85"/>
    </row>
    <row r="41" spans="2:43" s="29" customFormat="1" x14ac:dyDescent="0.2">
      <c r="B41" s="16"/>
      <c r="C41" s="85"/>
      <c r="D41" s="85"/>
      <c r="E41" s="85"/>
      <c r="F41" s="85"/>
      <c r="G41" s="85"/>
      <c r="H41" s="85"/>
      <c r="I41" s="85"/>
      <c r="J41" s="85"/>
    </row>
    <row r="42" spans="2:43" s="29" customFormat="1" x14ac:dyDescent="0.2">
      <c r="B42" s="16"/>
      <c r="C42" s="85"/>
      <c r="D42" s="85"/>
      <c r="E42" s="85"/>
      <c r="F42" s="85"/>
      <c r="G42" s="85"/>
      <c r="H42" s="85"/>
      <c r="I42" s="85"/>
      <c r="J42" s="85"/>
    </row>
    <row r="43" spans="2:43" s="29" customFormat="1" x14ac:dyDescent="0.2">
      <c r="B43" s="16"/>
      <c r="C43" s="85"/>
      <c r="D43" s="85"/>
      <c r="E43" s="85"/>
      <c r="F43" s="85"/>
      <c r="G43" s="85"/>
      <c r="H43" s="85"/>
      <c r="I43" s="85"/>
      <c r="J43" s="85"/>
    </row>
    <row r="44" spans="2:43" s="29" customFormat="1" x14ac:dyDescent="0.2">
      <c r="B44" s="16"/>
      <c r="C44" s="85"/>
      <c r="D44" s="85"/>
      <c r="E44" s="85"/>
      <c r="F44" s="85"/>
      <c r="G44" s="85"/>
      <c r="H44" s="85"/>
      <c r="I44" s="85"/>
      <c r="J44" s="85"/>
    </row>
    <row r="45" spans="2:43" s="4" customFormat="1" x14ac:dyDescent="0.2">
      <c r="B45" s="16"/>
      <c r="C45" s="16"/>
      <c r="D45" s="16"/>
      <c r="E45" s="16"/>
      <c r="F45" s="16"/>
      <c r="G45" s="16"/>
      <c r="H45" s="16"/>
      <c r="I45" s="16"/>
      <c r="J45" s="16"/>
    </row>
    <row r="46" spans="2:43" s="4" customFormat="1" x14ac:dyDescent="0.2">
      <c r="B46" s="16"/>
      <c r="C46" s="16"/>
      <c r="D46" s="16"/>
      <c r="E46" s="16"/>
      <c r="F46" s="16"/>
      <c r="G46" s="16"/>
      <c r="H46" s="16"/>
      <c r="I46" s="16"/>
      <c r="J46" s="16"/>
    </row>
    <row r="47" spans="2:43" s="4" customFormat="1" x14ac:dyDescent="0.2">
      <c r="B47" s="16"/>
      <c r="C47" s="16"/>
      <c r="D47" s="16"/>
      <c r="E47" s="16"/>
      <c r="F47" s="16"/>
      <c r="G47" s="16"/>
      <c r="H47" s="16"/>
      <c r="I47" s="16"/>
      <c r="J47" s="16"/>
    </row>
    <row r="48" spans="2:43" s="4" customFormat="1" x14ac:dyDescent="0.2">
      <c r="B48" s="16"/>
      <c r="C48" s="16"/>
      <c r="D48" s="16"/>
      <c r="E48" s="16"/>
      <c r="F48" s="16"/>
      <c r="G48" s="16"/>
      <c r="H48" s="16"/>
      <c r="I48" s="16"/>
      <c r="J48" s="16"/>
    </row>
    <row r="49" spans="2:10" s="4" customFormat="1" x14ac:dyDescent="0.2">
      <c r="B49" s="16"/>
      <c r="C49" s="16"/>
      <c r="D49" s="16"/>
      <c r="E49" s="16"/>
      <c r="F49" s="16"/>
      <c r="G49" s="16"/>
      <c r="H49" s="16"/>
      <c r="I49" s="16"/>
      <c r="J49" s="16"/>
    </row>
    <row r="50" spans="2:10" s="4" customFormat="1" x14ac:dyDescent="0.2">
      <c r="B50" s="16"/>
      <c r="C50" s="16"/>
      <c r="D50" s="16"/>
      <c r="E50" s="16"/>
      <c r="F50" s="16"/>
      <c r="G50" s="16"/>
      <c r="H50" s="16"/>
      <c r="I50" s="16"/>
      <c r="J50" s="16"/>
    </row>
    <row r="51" spans="2:10" s="4" customFormat="1" x14ac:dyDescent="0.2">
      <c r="B51" s="16"/>
      <c r="C51" s="16"/>
      <c r="D51" s="16"/>
      <c r="E51" s="16"/>
      <c r="F51" s="16"/>
      <c r="G51" s="16"/>
      <c r="H51" s="16"/>
      <c r="I51" s="16"/>
      <c r="J51" s="16"/>
    </row>
    <row r="52" spans="2:10" s="4" customFormat="1" x14ac:dyDescent="0.2">
      <c r="B52" s="16"/>
      <c r="C52" s="16"/>
      <c r="D52" s="16"/>
      <c r="E52" s="16"/>
      <c r="F52" s="16"/>
      <c r="G52" s="16"/>
      <c r="H52" s="16"/>
      <c r="I52" s="16"/>
      <c r="J52" s="16"/>
    </row>
    <row r="53" spans="2:10" s="4" customFormat="1" x14ac:dyDescent="0.2">
      <c r="B53" s="16"/>
      <c r="C53" s="16"/>
      <c r="D53" s="16"/>
      <c r="E53" s="16"/>
      <c r="F53" s="16"/>
      <c r="G53" s="16"/>
      <c r="H53" s="16"/>
      <c r="I53" s="16"/>
      <c r="J53" s="16"/>
    </row>
    <row r="54" spans="2:10" s="4" customFormat="1" x14ac:dyDescent="0.2">
      <c r="B54" s="16"/>
      <c r="C54" s="16"/>
      <c r="D54" s="16"/>
      <c r="E54" s="16"/>
      <c r="F54" s="16"/>
      <c r="G54" s="16"/>
      <c r="H54" s="16"/>
      <c r="I54" s="16"/>
      <c r="J54" s="16"/>
    </row>
    <row r="55" spans="2:10" s="4" customFormat="1" x14ac:dyDescent="0.2">
      <c r="B55" s="16"/>
      <c r="C55" s="16"/>
      <c r="D55" s="16"/>
      <c r="E55" s="16"/>
      <c r="F55" s="16"/>
      <c r="G55" s="16"/>
      <c r="H55" s="16"/>
      <c r="I55" s="16"/>
      <c r="J55" s="16"/>
    </row>
    <row r="56" spans="2:10" s="4" customFormat="1" x14ac:dyDescent="0.2">
      <c r="B56" s="16"/>
      <c r="C56" s="16"/>
      <c r="D56" s="16"/>
      <c r="E56" s="16"/>
      <c r="F56" s="16"/>
      <c r="G56" s="16"/>
      <c r="H56" s="16"/>
      <c r="I56" s="16"/>
      <c r="J56" s="16"/>
    </row>
    <row r="57" spans="2:10" s="4" customFormat="1" x14ac:dyDescent="0.2">
      <c r="B57" s="16"/>
      <c r="C57" s="16"/>
      <c r="D57" s="16"/>
      <c r="E57" s="16"/>
      <c r="F57" s="16"/>
      <c r="G57" s="16"/>
      <c r="H57" s="16"/>
      <c r="I57" s="16"/>
      <c r="J57" s="16"/>
    </row>
    <row r="58" spans="2:10" s="4" customFormat="1" x14ac:dyDescent="0.2">
      <c r="B58" s="16"/>
      <c r="C58" s="16"/>
      <c r="D58" s="16"/>
      <c r="E58" s="16"/>
      <c r="F58" s="16"/>
      <c r="G58" s="16"/>
      <c r="H58" s="16"/>
      <c r="I58" s="16"/>
      <c r="J58" s="16"/>
    </row>
    <row r="59" spans="2:10" s="4" customFormat="1" x14ac:dyDescent="0.2">
      <c r="B59" s="16"/>
      <c r="C59" s="16"/>
      <c r="D59" s="16"/>
      <c r="E59" s="16"/>
      <c r="F59" s="16"/>
      <c r="G59" s="16"/>
      <c r="H59" s="16"/>
      <c r="I59" s="16"/>
      <c r="J59" s="16"/>
    </row>
    <row r="60" spans="2:10" s="4" customFormat="1" x14ac:dyDescent="0.2">
      <c r="B60" s="16"/>
      <c r="C60" s="16"/>
      <c r="D60" s="16"/>
      <c r="E60" s="16"/>
      <c r="F60" s="16"/>
      <c r="G60" s="16"/>
      <c r="H60" s="16"/>
      <c r="I60" s="16"/>
      <c r="J60" s="16"/>
    </row>
    <row r="61" spans="2:10" s="4" customFormat="1" x14ac:dyDescent="0.2">
      <c r="B61" s="16"/>
      <c r="C61" s="16"/>
      <c r="D61" s="16"/>
      <c r="E61" s="16"/>
      <c r="F61" s="16"/>
      <c r="G61" s="16"/>
      <c r="H61" s="16"/>
      <c r="I61" s="16"/>
      <c r="J61" s="16"/>
    </row>
    <row r="62" spans="2:10" s="4" customFormat="1" x14ac:dyDescent="0.2">
      <c r="B62" s="16"/>
      <c r="C62" s="16"/>
      <c r="D62" s="16"/>
      <c r="E62" s="16"/>
      <c r="F62" s="16"/>
      <c r="G62" s="16"/>
      <c r="H62" s="16"/>
      <c r="I62" s="16"/>
      <c r="J62" s="16"/>
    </row>
    <row r="63" spans="2:10" s="4" customFormat="1" x14ac:dyDescent="0.2">
      <c r="B63" s="16"/>
      <c r="C63" s="16"/>
      <c r="D63" s="16"/>
      <c r="E63" s="16"/>
      <c r="F63" s="16"/>
      <c r="G63" s="16"/>
      <c r="H63" s="16"/>
      <c r="I63" s="16"/>
      <c r="J63" s="16"/>
    </row>
    <row r="64" spans="2:10" s="4" customFormat="1" x14ac:dyDescent="0.2">
      <c r="B64" s="16"/>
      <c r="C64" s="16"/>
      <c r="D64" s="16"/>
      <c r="E64" s="16"/>
      <c r="F64" s="16"/>
      <c r="G64" s="16"/>
      <c r="H64" s="16"/>
      <c r="I64" s="16"/>
      <c r="J64" s="16"/>
    </row>
    <row r="65" spans="2:41" s="7" customFormat="1" ht="26.45" customHeight="1" x14ac:dyDescent="0.2">
      <c r="B65" s="227" t="s">
        <v>210</v>
      </c>
      <c r="C65" s="227"/>
      <c r="D65" s="227"/>
      <c r="E65" s="227"/>
      <c r="F65" s="227"/>
      <c r="G65" s="227"/>
      <c r="H65" s="227"/>
      <c r="I65" s="227"/>
      <c r="J65" s="227"/>
      <c r="K65" s="227"/>
      <c r="L65" s="227"/>
      <c r="M65" s="227"/>
      <c r="N65" s="227"/>
      <c r="O65" s="227"/>
      <c r="P65" s="227"/>
      <c r="Q65" s="227"/>
      <c r="R65" s="227"/>
      <c r="S65" s="227"/>
      <c r="T65" s="227"/>
      <c r="U65" s="227"/>
      <c r="V65" s="227"/>
      <c r="W65" s="227"/>
      <c r="X65" s="227"/>
      <c r="Y65" s="227"/>
      <c r="Z65" s="227"/>
      <c r="AA65" s="227"/>
      <c r="AB65" s="227"/>
      <c r="AC65" s="227"/>
      <c r="AD65" s="227"/>
      <c r="AE65" s="227"/>
      <c r="AF65" s="227"/>
      <c r="AG65" s="227"/>
      <c r="AH65" s="227"/>
      <c r="AI65" s="227"/>
      <c r="AJ65" s="227"/>
      <c r="AK65" s="227"/>
      <c r="AL65" s="227"/>
      <c r="AM65" s="227"/>
      <c r="AN65" s="227"/>
      <c r="AO65" s="227"/>
    </row>
    <row r="66" spans="2:41" s="7" customFormat="1" x14ac:dyDescent="0.2">
      <c r="B66" s="206" t="s">
        <v>211</v>
      </c>
      <c r="C66" s="1"/>
      <c r="D66" s="1"/>
      <c r="E66" s="1"/>
      <c r="F66" s="1"/>
      <c r="G66" s="1"/>
      <c r="H66" s="1"/>
      <c r="I66" s="1"/>
      <c r="J66" s="1"/>
      <c r="K66" s="1"/>
      <c r="L66" s="1"/>
      <c r="M66" s="1"/>
      <c r="N66" s="1"/>
      <c r="O66" s="1"/>
      <c r="P66" s="1"/>
      <c r="Q66" s="1"/>
      <c r="R66" s="1"/>
      <c r="S66" s="1"/>
      <c r="T66" s="1"/>
      <c r="U66" s="1"/>
      <c r="W66" s="69"/>
      <c r="X66" s="69"/>
      <c r="Y66" s="69"/>
      <c r="Z66" s="69"/>
      <c r="AA66" s="69"/>
      <c r="AB66" s="69"/>
      <c r="AC66" s="69"/>
      <c r="AD66" s="69"/>
      <c r="AE66" s="69"/>
      <c r="AF66" s="69"/>
      <c r="AG66" s="112"/>
    </row>
    <row r="67" spans="2:41" s="4" customFormat="1" x14ac:dyDescent="0.2">
      <c r="B67" s="16"/>
      <c r="C67" s="16"/>
      <c r="D67" s="16"/>
      <c r="E67" s="16"/>
      <c r="F67" s="16"/>
      <c r="G67" s="16"/>
      <c r="H67" s="16"/>
      <c r="I67" s="16"/>
      <c r="J67" s="16"/>
    </row>
    <row r="68" spans="2:41" s="4" customFormat="1" x14ac:dyDescent="0.2">
      <c r="B68" s="16"/>
      <c r="C68" s="16"/>
      <c r="D68" s="16"/>
      <c r="E68" s="16"/>
      <c r="F68" s="16"/>
      <c r="G68" s="16"/>
      <c r="H68" s="16"/>
      <c r="I68" s="16"/>
      <c r="J68" s="16"/>
    </row>
    <row r="69" spans="2:41" s="4" customFormat="1" x14ac:dyDescent="0.2">
      <c r="B69" s="16"/>
      <c r="C69" s="16"/>
      <c r="D69" s="16"/>
      <c r="E69" s="16"/>
      <c r="F69" s="16"/>
      <c r="G69" s="16"/>
      <c r="H69" s="16"/>
      <c r="I69" s="16"/>
      <c r="J69" s="16"/>
    </row>
    <row r="70" spans="2:41" s="4" customFormat="1" x14ac:dyDescent="0.2">
      <c r="B70" s="16"/>
      <c r="C70" s="16"/>
      <c r="D70" s="16"/>
      <c r="E70" s="16"/>
      <c r="F70" s="16"/>
      <c r="G70" s="16"/>
      <c r="H70" s="16"/>
      <c r="I70" s="16"/>
      <c r="J70" s="16"/>
    </row>
    <row r="71" spans="2:41" s="4" customFormat="1" x14ac:dyDescent="0.2">
      <c r="B71" s="16"/>
      <c r="C71" s="16"/>
      <c r="D71" s="16"/>
      <c r="E71" s="16"/>
      <c r="F71" s="16"/>
      <c r="G71" s="16"/>
      <c r="H71" s="16"/>
      <c r="I71" s="16"/>
      <c r="J71" s="16"/>
    </row>
    <row r="72" spans="2:41" s="4" customFormat="1" x14ac:dyDescent="0.2">
      <c r="B72" s="16"/>
      <c r="C72" s="16"/>
      <c r="D72" s="16"/>
      <c r="E72" s="16"/>
      <c r="F72" s="16"/>
      <c r="G72" s="16"/>
      <c r="H72" s="16"/>
      <c r="I72" s="16"/>
      <c r="J72" s="16"/>
    </row>
    <row r="73" spans="2:41" s="4" customFormat="1" x14ac:dyDescent="0.2">
      <c r="B73" s="16"/>
      <c r="C73" s="16"/>
      <c r="D73" s="16"/>
      <c r="E73" s="16"/>
      <c r="F73" s="16"/>
      <c r="G73" s="16"/>
      <c r="H73" s="16"/>
      <c r="I73" s="16"/>
      <c r="J73" s="16"/>
    </row>
    <row r="74" spans="2:41" s="4" customFormat="1" x14ac:dyDescent="0.2">
      <c r="B74" s="16"/>
      <c r="C74" s="16"/>
      <c r="D74" s="16"/>
      <c r="E74" s="16"/>
      <c r="F74" s="16"/>
      <c r="G74" s="16"/>
      <c r="H74" s="16"/>
      <c r="I74" s="16"/>
      <c r="J74" s="16"/>
    </row>
    <row r="75" spans="2:41" s="4" customFormat="1" x14ac:dyDescent="0.2">
      <c r="B75" s="16"/>
      <c r="C75" s="16"/>
      <c r="D75" s="16"/>
      <c r="E75" s="16"/>
      <c r="F75" s="16"/>
      <c r="G75" s="16"/>
      <c r="H75" s="16"/>
      <c r="I75" s="16"/>
      <c r="J75" s="16"/>
    </row>
    <row r="76" spans="2:41" s="4" customFormat="1" x14ac:dyDescent="0.2">
      <c r="B76" s="16"/>
      <c r="C76" s="16"/>
      <c r="D76" s="16"/>
      <c r="E76" s="16"/>
      <c r="F76" s="16"/>
      <c r="G76" s="16"/>
      <c r="H76" s="16"/>
      <c r="I76" s="16"/>
      <c r="J76" s="16"/>
    </row>
    <row r="77" spans="2:41" s="4" customFormat="1" x14ac:dyDescent="0.2">
      <c r="B77" s="16"/>
      <c r="C77" s="16"/>
      <c r="D77" s="16"/>
      <c r="E77" s="16"/>
      <c r="F77" s="16"/>
      <c r="G77" s="16"/>
      <c r="H77" s="16"/>
      <c r="I77" s="16"/>
      <c r="J77" s="16"/>
    </row>
    <row r="78" spans="2:41" s="4" customFormat="1" x14ac:dyDescent="0.2">
      <c r="B78" s="16"/>
      <c r="C78" s="16"/>
      <c r="D78" s="16"/>
      <c r="E78" s="16"/>
      <c r="F78" s="16"/>
      <c r="G78" s="16"/>
      <c r="H78" s="16"/>
      <c r="I78" s="16"/>
      <c r="J78" s="16"/>
    </row>
    <row r="79" spans="2:41" s="4" customFormat="1" x14ac:dyDescent="0.2">
      <c r="B79" s="16"/>
      <c r="C79" s="16"/>
      <c r="D79" s="16"/>
      <c r="E79" s="16"/>
      <c r="F79" s="16"/>
      <c r="G79" s="16"/>
      <c r="H79" s="16"/>
      <c r="I79" s="16"/>
      <c r="J79" s="16"/>
    </row>
    <row r="80" spans="2:41" s="4" customFormat="1" x14ac:dyDescent="0.2">
      <c r="B80" s="16"/>
      <c r="C80" s="16"/>
      <c r="D80" s="16"/>
      <c r="E80" s="16"/>
      <c r="F80" s="16"/>
      <c r="G80" s="16"/>
      <c r="H80" s="16"/>
      <c r="I80" s="16"/>
      <c r="J80" s="16"/>
    </row>
    <row r="81" spans="2:10" s="4" customFormat="1" x14ac:dyDescent="0.2">
      <c r="B81" s="16"/>
      <c r="C81" s="16"/>
      <c r="D81" s="16"/>
      <c r="E81" s="16"/>
      <c r="F81" s="16"/>
      <c r="G81" s="16"/>
      <c r="H81" s="16"/>
      <c r="I81" s="16"/>
      <c r="J81" s="16"/>
    </row>
    <row r="82" spans="2:10" s="4" customFormat="1" x14ac:dyDescent="0.2">
      <c r="B82" s="16"/>
      <c r="C82" s="16"/>
      <c r="D82" s="16"/>
      <c r="E82" s="16"/>
      <c r="F82" s="16"/>
      <c r="G82" s="16"/>
      <c r="H82" s="16"/>
      <c r="I82" s="16"/>
      <c r="J82" s="16"/>
    </row>
    <row r="83" spans="2:10" s="4" customFormat="1" x14ac:dyDescent="0.2">
      <c r="B83" s="16"/>
      <c r="C83" s="16"/>
      <c r="D83" s="16"/>
      <c r="E83" s="16"/>
      <c r="F83" s="16"/>
      <c r="G83" s="16"/>
      <c r="H83" s="16"/>
      <c r="I83" s="16"/>
      <c r="J83" s="16"/>
    </row>
    <row r="84" spans="2:10" s="4" customFormat="1" x14ac:dyDescent="0.2">
      <c r="B84" s="16"/>
      <c r="C84" s="16"/>
      <c r="D84" s="16"/>
      <c r="E84" s="16"/>
      <c r="F84" s="16"/>
      <c r="G84" s="16"/>
      <c r="H84" s="16"/>
      <c r="I84" s="16"/>
      <c r="J84" s="16"/>
    </row>
    <row r="85" spans="2:10" s="4" customFormat="1" x14ac:dyDescent="0.2">
      <c r="B85" s="16"/>
      <c r="C85" s="16"/>
      <c r="D85" s="16"/>
      <c r="E85" s="16"/>
      <c r="F85" s="16"/>
      <c r="G85" s="16"/>
      <c r="H85" s="16"/>
      <c r="I85" s="16"/>
      <c r="J85" s="16"/>
    </row>
    <row r="86" spans="2:10" s="4" customFormat="1" x14ac:dyDescent="0.2">
      <c r="B86" s="16"/>
      <c r="C86" s="16"/>
      <c r="D86" s="16"/>
      <c r="E86" s="16"/>
      <c r="F86" s="16"/>
      <c r="G86" s="16"/>
      <c r="H86" s="16"/>
      <c r="I86" s="16"/>
      <c r="J86" s="16"/>
    </row>
    <row r="87" spans="2:10" s="4" customFormat="1" x14ac:dyDescent="0.2">
      <c r="B87" s="16"/>
      <c r="C87" s="16"/>
      <c r="D87" s="16"/>
      <c r="E87" s="16"/>
      <c r="F87" s="16"/>
      <c r="G87" s="16"/>
      <c r="H87" s="16"/>
      <c r="I87" s="16"/>
      <c r="J87" s="16"/>
    </row>
    <row r="88" spans="2:10" s="4" customFormat="1" x14ac:dyDescent="0.2">
      <c r="B88" s="16"/>
      <c r="C88" s="16"/>
      <c r="D88" s="16"/>
      <c r="E88" s="16"/>
      <c r="F88" s="16"/>
      <c r="G88" s="16"/>
      <c r="H88" s="16"/>
      <c r="I88" s="16"/>
      <c r="J88" s="16"/>
    </row>
    <row r="89" spans="2:10" s="4" customFormat="1" x14ac:dyDescent="0.2">
      <c r="B89" s="16"/>
      <c r="C89" s="16"/>
      <c r="D89" s="16"/>
      <c r="E89" s="16"/>
      <c r="F89" s="16"/>
      <c r="G89" s="16"/>
      <c r="H89" s="16"/>
      <c r="I89" s="16"/>
      <c r="J89" s="16"/>
    </row>
    <row r="90" spans="2:10" s="4" customFormat="1" x14ac:dyDescent="0.2">
      <c r="B90" s="16"/>
      <c r="C90" s="16"/>
      <c r="D90" s="16"/>
      <c r="E90" s="16"/>
      <c r="F90" s="16"/>
      <c r="G90" s="16"/>
      <c r="H90" s="16"/>
      <c r="I90" s="16"/>
      <c r="J90" s="16"/>
    </row>
    <row r="91" spans="2:10" s="4" customFormat="1" x14ac:dyDescent="0.2">
      <c r="B91" s="16"/>
      <c r="C91" s="16"/>
      <c r="D91" s="16"/>
      <c r="E91" s="16"/>
      <c r="F91" s="16"/>
      <c r="G91" s="16"/>
      <c r="H91" s="16"/>
      <c r="I91" s="16"/>
      <c r="J91" s="16"/>
    </row>
    <row r="92" spans="2:10" s="4" customFormat="1" x14ac:dyDescent="0.2">
      <c r="B92" s="16"/>
      <c r="C92" s="16"/>
      <c r="D92" s="16"/>
      <c r="E92" s="16"/>
      <c r="F92" s="16"/>
      <c r="G92" s="16"/>
      <c r="H92" s="16"/>
      <c r="I92" s="16"/>
      <c r="J92" s="16"/>
    </row>
    <row r="93" spans="2:10" s="4" customFormat="1" x14ac:dyDescent="0.2">
      <c r="B93" s="16"/>
      <c r="C93" s="16"/>
      <c r="D93" s="16"/>
      <c r="E93" s="16"/>
      <c r="F93" s="16"/>
      <c r="G93" s="16"/>
      <c r="H93" s="16"/>
      <c r="I93" s="16"/>
      <c r="J93" s="16"/>
    </row>
    <row r="94" spans="2:10" s="4" customFormat="1" x14ac:dyDescent="0.2">
      <c r="B94" s="16"/>
      <c r="C94" s="16"/>
      <c r="D94" s="16"/>
      <c r="E94" s="16"/>
      <c r="F94" s="16"/>
      <c r="G94" s="16"/>
      <c r="H94" s="16"/>
      <c r="I94" s="16"/>
      <c r="J94" s="16"/>
    </row>
    <row r="95" spans="2:10" s="4" customFormat="1" x14ac:dyDescent="0.2">
      <c r="B95" s="16"/>
      <c r="C95" s="16"/>
      <c r="D95" s="16"/>
      <c r="E95" s="16"/>
      <c r="F95" s="16"/>
      <c r="G95" s="16"/>
      <c r="H95" s="16"/>
      <c r="I95" s="16"/>
      <c r="J95" s="16"/>
    </row>
    <row r="96" spans="2:10" s="4" customFormat="1" x14ac:dyDescent="0.2">
      <c r="B96" s="16"/>
      <c r="C96" s="16"/>
      <c r="D96" s="16"/>
      <c r="E96" s="16"/>
      <c r="F96" s="16"/>
      <c r="G96" s="16"/>
      <c r="H96" s="16"/>
      <c r="I96" s="16"/>
      <c r="J96" s="16"/>
    </row>
    <row r="97" spans="2:10" s="4" customFormat="1" x14ac:dyDescent="0.2">
      <c r="B97" s="16"/>
      <c r="C97" s="16"/>
      <c r="D97" s="16"/>
      <c r="E97" s="16"/>
      <c r="F97" s="16"/>
      <c r="G97" s="16"/>
      <c r="H97" s="16"/>
      <c r="I97" s="16"/>
      <c r="J97" s="16"/>
    </row>
    <row r="98" spans="2:10" s="4" customFormat="1" x14ac:dyDescent="0.2">
      <c r="B98" s="16"/>
      <c r="C98" s="16"/>
      <c r="D98" s="16"/>
      <c r="E98" s="16"/>
      <c r="F98" s="16"/>
      <c r="G98" s="16"/>
      <c r="H98" s="16"/>
      <c r="I98" s="16"/>
      <c r="J98" s="16"/>
    </row>
    <row r="99" spans="2:10" s="4" customFormat="1" x14ac:dyDescent="0.2">
      <c r="B99" s="16"/>
      <c r="C99" s="16"/>
      <c r="D99" s="16"/>
      <c r="E99" s="16"/>
      <c r="F99" s="16"/>
      <c r="G99" s="16"/>
      <c r="H99" s="16"/>
      <c r="I99" s="16"/>
      <c r="J99" s="16"/>
    </row>
    <row r="100" spans="2:10" s="4" customFormat="1" x14ac:dyDescent="0.2">
      <c r="B100" s="16"/>
      <c r="C100" s="16"/>
      <c r="D100" s="16"/>
      <c r="E100" s="16"/>
      <c r="F100" s="16"/>
      <c r="G100" s="16"/>
      <c r="H100" s="16"/>
      <c r="I100" s="16"/>
      <c r="J100" s="16"/>
    </row>
    <row r="101" spans="2:10" s="4" customFormat="1" x14ac:dyDescent="0.2">
      <c r="B101" s="16"/>
      <c r="C101" s="16"/>
      <c r="D101" s="16"/>
      <c r="E101" s="16"/>
      <c r="F101" s="16"/>
      <c r="G101" s="16"/>
      <c r="H101" s="16"/>
      <c r="I101" s="16"/>
      <c r="J101" s="16"/>
    </row>
    <row r="102" spans="2:10" s="4" customFormat="1" x14ac:dyDescent="0.2">
      <c r="B102" s="16"/>
      <c r="C102" s="16"/>
      <c r="D102" s="16"/>
      <c r="E102" s="16"/>
      <c r="F102" s="16"/>
      <c r="G102" s="16"/>
      <c r="H102" s="16"/>
      <c r="I102" s="16"/>
      <c r="J102" s="16"/>
    </row>
    <row r="103" spans="2:10" s="4" customFormat="1" x14ac:dyDescent="0.2">
      <c r="B103" s="16"/>
      <c r="C103" s="16"/>
      <c r="D103" s="16"/>
      <c r="E103" s="16"/>
      <c r="F103" s="16"/>
      <c r="G103" s="16"/>
      <c r="H103" s="16"/>
      <c r="I103" s="16"/>
      <c r="J103" s="16"/>
    </row>
    <row r="104" spans="2:10" s="4" customFormat="1" x14ac:dyDescent="0.2">
      <c r="B104" s="16"/>
      <c r="C104" s="16"/>
      <c r="D104" s="16"/>
      <c r="E104" s="16"/>
      <c r="F104" s="16"/>
      <c r="G104" s="16"/>
      <c r="H104" s="16"/>
      <c r="I104" s="16"/>
      <c r="J104" s="16"/>
    </row>
    <row r="105" spans="2:10" s="4" customFormat="1" x14ac:dyDescent="0.2">
      <c r="B105" s="16"/>
      <c r="C105" s="16"/>
      <c r="D105" s="16"/>
      <c r="E105" s="16"/>
      <c r="F105" s="16"/>
      <c r="G105" s="16"/>
      <c r="H105" s="16"/>
      <c r="I105" s="16"/>
      <c r="J105" s="16"/>
    </row>
    <row r="106" spans="2:10" s="4" customFormat="1" x14ac:dyDescent="0.2">
      <c r="B106" s="16"/>
      <c r="C106" s="16"/>
      <c r="D106" s="16"/>
      <c r="E106" s="16"/>
      <c r="F106" s="16"/>
      <c r="G106" s="16"/>
      <c r="H106" s="16"/>
      <c r="I106" s="16"/>
      <c r="J106" s="16"/>
    </row>
    <row r="107" spans="2:10" s="4" customFormat="1" x14ac:dyDescent="0.2">
      <c r="B107" s="16"/>
      <c r="C107" s="16"/>
      <c r="D107" s="16"/>
      <c r="E107" s="16"/>
      <c r="F107" s="16"/>
      <c r="G107" s="16"/>
      <c r="H107" s="16"/>
      <c r="I107" s="16"/>
      <c r="J107" s="16"/>
    </row>
    <row r="108" spans="2:10" s="4" customFormat="1" x14ac:dyDescent="0.2">
      <c r="B108" s="16"/>
      <c r="C108" s="16"/>
      <c r="D108" s="16"/>
      <c r="E108" s="16"/>
      <c r="F108" s="16"/>
      <c r="G108" s="16"/>
      <c r="H108" s="16"/>
      <c r="I108" s="16"/>
      <c r="J108" s="16"/>
    </row>
    <row r="109" spans="2:10" s="4" customFormat="1" x14ac:dyDescent="0.2">
      <c r="B109" s="16"/>
      <c r="C109" s="16"/>
      <c r="D109" s="16"/>
      <c r="E109" s="16"/>
      <c r="F109" s="16"/>
      <c r="G109" s="16"/>
      <c r="H109" s="16"/>
      <c r="I109" s="16"/>
      <c r="J109" s="16"/>
    </row>
    <row r="110" spans="2:10" s="4" customFormat="1" x14ac:dyDescent="0.2">
      <c r="B110" s="16"/>
      <c r="C110" s="16"/>
      <c r="D110" s="16"/>
      <c r="E110" s="16"/>
      <c r="F110" s="16"/>
      <c r="G110" s="16"/>
      <c r="H110" s="16"/>
      <c r="I110" s="16"/>
      <c r="J110" s="16"/>
    </row>
    <row r="111" spans="2:10" s="4" customFormat="1" x14ac:dyDescent="0.2">
      <c r="B111" s="16"/>
      <c r="C111" s="16"/>
      <c r="D111" s="16"/>
      <c r="E111" s="16"/>
      <c r="F111" s="16"/>
      <c r="G111" s="16"/>
      <c r="H111" s="16"/>
      <c r="I111" s="16"/>
      <c r="J111" s="16"/>
    </row>
    <row r="112" spans="2:10" s="4" customFormat="1" x14ac:dyDescent="0.2">
      <c r="B112" s="16"/>
      <c r="C112" s="16"/>
      <c r="D112" s="16"/>
      <c r="E112" s="16"/>
      <c r="F112" s="16"/>
      <c r="G112" s="16"/>
      <c r="H112" s="16"/>
      <c r="I112" s="16"/>
      <c r="J112" s="16"/>
    </row>
    <row r="113" spans="2:10" s="4" customFormat="1" x14ac:dyDescent="0.2">
      <c r="B113" s="16"/>
      <c r="C113" s="16"/>
      <c r="D113" s="16"/>
      <c r="E113" s="16"/>
      <c r="F113" s="16"/>
      <c r="G113" s="16"/>
      <c r="H113" s="16"/>
      <c r="I113" s="16"/>
      <c r="J113" s="16"/>
    </row>
    <row r="114" spans="2:10" s="4" customFormat="1" x14ac:dyDescent="0.2">
      <c r="B114" s="16"/>
      <c r="C114" s="16"/>
      <c r="D114" s="16"/>
      <c r="E114" s="16"/>
      <c r="F114" s="16"/>
      <c r="G114" s="16"/>
      <c r="H114" s="16"/>
      <c r="I114" s="16"/>
      <c r="J114" s="16"/>
    </row>
    <row r="115" spans="2:10" s="4" customFormat="1" x14ac:dyDescent="0.2">
      <c r="B115" s="16"/>
      <c r="C115" s="16"/>
      <c r="D115" s="16"/>
      <c r="E115" s="16"/>
      <c r="F115" s="16"/>
      <c r="G115" s="16"/>
      <c r="H115" s="16"/>
      <c r="I115" s="16"/>
      <c r="J115" s="16"/>
    </row>
    <row r="116" spans="2:10" s="4" customFormat="1" x14ac:dyDescent="0.2">
      <c r="B116" s="16"/>
      <c r="C116" s="16"/>
      <c r="D116" s="16"/>
      <c r="E116" s="16"/>
      <c r="F116" s="16"/>
      <c r="G116" s="16"/>
      <c r="H116" s="16"/>
      <c r="I116" s="16"/>
      <c r="J116" s="16"/>
    </row>
    <row r="117" spans="2:10" s="4" customFormat="1" x14ac:dyDescent="0.2">
      <c r="B117" s="16"/>
      <c r="C117" s="16"/>
      <c r="D117" s="16"/>
      <c r="E117" s="16"/>
      <c r="F117" s="16"/>
      <c r="G117" s="16"/>
      <c r="H117" s="16"/>
      <c r="I117" s="16"/>
      <c r="J117" s="16"/>
    </row>
    <row r="118" spans="2:10" s="4" customFormat="1" x14ac:dyDescent="0.2">
      <c r="B118" s="16"/>
      <c r="C118" s="16"/>
      <c r="D118" s="16"/>
      <c r="E118" s="16"/>
      <c r="F118" s="16"/>
      <c r="G118" s="16"/>
      <c r="H118" s="16"/>
      <c r="I118" s="16"/>
      <c r="J118" s="16"/>
    </row>
    <row r="119" spans="2:10" s="4" customFormat="1" x14ac:dyDescent="0.2">
      <c r="B119" s="16"/>
      <c r="C119" s="16"/>
      <c r="D119" s="16"/>
      <c r="E119" s="16"/>
      <c r="F119" s="16"/>
      <c r="G119" s="16"/>
      <c r="H119" s="16"/>
      <c r="I119" s="16"/>
      <c r="J119" s="16"/>
    </row>
    <row r="120" spans="2:10" s="4" customFormat="1" x14ac:dyDescent="0.2">
      <c r="B120" s="16"/>
      <c r="C120" s="16"/>
      <c r="D120" s="16"/>
      <c r="E120" s="16"/>
      <c r="F120" s="16"/>
      <c r="G120" s="16"/>
      <c r="H120" s="16"/>
      <c r="I120" s="16"/>
      <c r="J120" s="16"/>
    </row>
    <row r="121" spans="2:10" s="4" customFormat="1" x14ac:dyDescent="0.2">
      <c r="B121" s="16"/>
      <c r="C121" s="16"/>
      <c r="D121" s="16"/>
      <c r="E121" s="16"/>
      <c r="F121" s="16"/>
      <c r="G121" s="16"/>
      <c r="H121" s="16"/>
      <c r="I121" s="16"/>
      <c r="J121" s="16"/>
    </row>
    <row r="122" spans="2:10" s="4" customFormat="1" x14ac:dyDescent="0.2">
      <c r="B122" s="16"/>
      <c r="C122" s="16"/>
      <c r="D122" s="16"/>
      <c r="E122" s="16"/>
      <c r="F122" s="16"/>
      <c r="G122" s="16"/>
      <c r="H122" s="16"/>
      <c r="I122" s="16"/>
      <c r="J122" s="16"/>
    </row>
    <row r="123" spans="2:10" s="4" customFormat="1" x14ac:dyDescent="0.2">
      <c r="B123" s="16"/>
      <c r="C123" s="16"/>
      <c r="D123" s="16"/>
      <c r="E123" s="16"/>
      <c r="F123" s="16"/>
      <c r="G123" s="16"/>
      <c r="H123" s="16"/>
      <c r="I123" s="16"/>
      <c r="J123" s="16"/>
    </row>
    <row r="124" spans="2:10" s="4" customFormat="1" x14ac:dyDescent="0.2">
      <c r="B124" s="16"/>
      <c r="C124" s="16"/>
      <c r="D124" s="16"/>
      <c r="E124" s="16"/>
      <c r="F124" s="16"/>
      <c r="G124" s="16"/>
      <c r="H124" s="16"/>
      <c r="I124" s="16"/>
      <c r="J124" s="16"/>
    </row>
    <row r="125" spans="2:10" s="4" customFormat="1" x14ac:dyDescent="0.2">
      <c r="B125" s="16"/>
      <c r="C125" s="16"/>
      <c r="D125" s="16"/>
      <c r="E125" s="16"/>
      <c r="F125" s="16"/>
      <c r="G125" s="16"/>
      <c r="H125" s="16"/>
      <c r="I125" s="16"/>
      <c r="J125" s="16"/>
    </row>
    <row r="126" spans="2:10" s="4" customFormat="1" x14ac:dyDescent="0.2">
      <c r="B126" s="16"/>
      <c r="C126" s="16"/>
      <c r="D126" s="16"/>
      <c r="E126" s="16"/>
      <c r="F126" s="16"/>
      <c r="G126" s="16"/>
      <c r="H126" s="16"/>
      <c r="I126" s="16"/>
      <c r="J126" s="16"/>
    </row>
    <row r="127" spans="2:10" s="4" customFormat="1" x14ac:dyDescent="0.2">
      <c r="B127" s="16"/>
      <c r="C127" s="16"/>
      <c r="D127" s="16"/>
      <c r="E127" s="16"/>
      <c r="F127" s="16"/>
      <c r="G127" s="16"/>
      <c r="H127" s="16"/>
      <c r="I127" s="16"/>
      <c r="J127" s="16"/>
    </row>
    <row r="128" spans="2:10" s="4" customFormat="1" x14ac:dyDescent="0.2">
      <c r="B128" s="16"/>
      <c r="C128" s="16"/>
      <c r="D128" s="16"/>
      <c r="E128" s="16"/>
      <c r="F128" s="16"/>
      <c r="G128" s="16"/>
      <c r="H128" s="16"/>
      <c r="I128" s="16"/>
      <c r="J128" s="16"/>
    </row>
    <row r="129" spans="2:10" s="4" customFormat="1" x14ac:dyDescent="0.2">
      <c r="B129" s="16"/>
      <c r="C129" s="16"/>
      <c r="D129" s="16"/>
      <c r="E129" s="16"/>
      <c r="F129" s="16"/>
      <c r="G129" s="16"/>
      <c r="H129" s="16"/>
      <c r="I129" s="16"/>
      <c r="J129" s="16"/>
    </row>
    <row r="130" spans="2:10" s="4" customFormat="1" x14ac:dyDescent="0.2">
      <c r="B130" s="16"/>
      <c r="C130" s="16"/>
      <c r="D130" s="16"/>
      <c r="E130" s="16"/>
      <c r="F130" s="16"/>
      <c r="G130" s="16"/>
      <c r="H130" s="16"/>
      <c r="I130" s="16"/>
      <c r="J130" s="16"/>
    </row>
    <row r="131" spans="2:10" s="4" customFormat="1" x14ac:dyDescent="0.2">
      <c r="B131" s="16"/>
      <c r="C131" s="16"/>
      <c r="D131" s="16"/>
      <c r="E131" s="16"/>
      <c r="F131" s="16"/>
      <c r="G131" s="16"/>
      <c r="H131" s="16"/>
      <c r="I131" s="16"/>
      <c r="J131" s="16"/>
    </row>
    <row r="132" spans="2:10" s="4" customFormat="1" x14ac:dyDescent="0.2">
      <c r="B132" s="16"/>
      <c r="C132" s="16"/>
      <c r="D132" s="16"/>
      <c r="E132" s="16"/>
      <c r="F132" s="16"/>
      <c r="G132" s="16"/>
      <c r="H132" s="16"/>
      <c r="I132" s="16"/>
      <c r="J132" s="16"/>
    </row>
    <row r="133" spans="2:10" s="4" customFormat="1" x14ac:dyDescent="0.2">
      <c r="B133" s="16"/>
      <c r="C133" s="16"/>
      <c r="D133" s="16"/>
      <c r="E133" s="16"/>
      <c r="F133" s="16"/>
      <c r="G133" s="16"/>
      <c r="H133" s="16"/>
      <c r="I133" s="16"/>
      <c r="J133" s="16"/>
    </row>
    <row r="134" spans="2:10" s="4" customFormat="1" x14ac:dyDescent="0.2">
      <c r="B134" s="16"/>
      <c r="C134" s="16"/>
      <c r="D134" s="16"/>
      <c r="E134" s="16"/>
      <c r="F134" s="16"/>
      <c r="G134" s="16"/>
      <c r="H134" s="16"/>
      <c r="I134" s="16"/>
      <c r="J134" s="16"/>
    </row>
    <row r="135" spans="2:10" s="4" customFormat="1" x14ac:dyDescent="0.2">
      <c r="B135" s="16"/>
      <c r="C135" s="16"/>
      <c r="D135" s="16"/>
      <c r="E135" s="16"/>
      <c r="F135" s="16"/>
      <c r="G135" s="16"/>
      <c r="H135" s="16"/>
      <c r="I135" s="16"/>
      <c r="J135" s="16"/>
    </row>
    <row r="136" spans="2:10" s="4" customFormat="1" x14ac:dyDescent="0.2">
      <c r="B136" s="16"/>
      <c r="C136" s="16"/>
      <c r="D136" s="16"/>
      <c r="E136" s="16"/>
      <c r="F136" s="16"/>
      <c r="G136" s="16"/>
      <c r="H136" s="16"/>
      <c r="I136" s="16"/>
      <c r="J136" s="16"/>
    </row>
    <row r="137" spans="2:10" s="4" customFormat="1" x14ac:dyDescent="0.2">
      <c r="B137" s="16"/>
      <c r="C137" s="16"/>
      <c r="D137" s="16"/>
      <c r="E137" s="16"/>
      <c r="F137" s="16"/>
      <c r="G137" s="16"/>
      <c r="H137" s="16"/>
      <c r="I137" s="16"/>
      <c r="J137" s="16"/>
    </row>
    <row r="138" spans="2:10" s="4" customFormat="1" x14ac:dyDescent="0.2">
      <c r="B138" s="16"/>
      <c r="C138" s="16"/>
      <c r="D138" s="16"/>
      <c r="E138" s="16"/>
      <c r="F138" s="16"/>
      <c r="G138" s="16"/>
      <c r="H138" s="16"/>
      <c r="I138" s="16"/>
      <c r="J138" s="16"/>
    </row>
    <row r="139" spans="2:10" s="4" customFormat="1" x14ac:dyDescent="0.2">
      <c r="B139" s="16"/>
      <c r="C139" s="16"/>
      <c r="D139" s="16"/>
      <c r="E139" s="16"/>
      <c r="F139" s="16"/>
      <c r="G139" s="16"/>
      <c r="H139" s="16"/>
      <c r="I139" s="16"/>
      <c r="J139" s="16"/>
    </row>
    <row r="140" spans="2:10" s="4" customFormat="1" x14ac:dyDescent="0.2">
      <c r="B140" s="16"/>
      <c r="C140" s="16"/>
      <c r="D140" s="16"/>
      <c r="E140" s="16"/>
      <c r="F140" s="16"/>
      <c r="G140" s="16"/>
      <c r="H140" s="16"/>
      <c r="I140" s="16"/>
      <c r="J140" s="16"/>
    </row>
    <row r="141" spans="2:10" s="4" customFormat="1" x14ac:dyDescent="0.2">
      <c r="B141" s="16"/>
      <c r="C141" s="16"/>
      <c r="D141" s="16"/>
      <c r="E141" s="16"/>
      <c r="F141" s="16"/>
      <c r="G141" s="16"/>
      <c r="H141" s="16"/>
      <c r="I141" s="16"/>
      <c r="J141" s="16"/>
    </row>
    <row r="142" spans="2:10" s="4" customFormat="1" x14ac:dyDescent="0.2">
      <c r="B142" s="16"/>
      <c r="C142" s="16"/>
      <c r="D142" s="16"/>
      <c r="E142" s="16"/>
      <c r="F142" s="16"/>
      <c r="G142" s="16"/>
      <c r="H142" s="16"/>
      <c r="I142" s="16"/>
      <c r="J142" s="16"/>
    </row>
    <row r="143" spans="2:10" s="4" customFormat="1" x14ac:dyDescent="0.2">
      <c r="B143" s="16"/>
      <c r="C143" s="16"/>
      <c r="D143" s="16"/>
      <c r="E143" s="16"/>
      <c r="F143" s="16"/>
      <c r="G143" s="16"/>
      <c r="H143" s="16"/>
      <c r="I143" s="16"/>
      <c r="J143" s="16"/>
    </row>
    <row r="144" spans="2:10" s="4" customFormat="1" x14ac:dyDescent="0.2">
      <c r="B144" s="16"/>
      <c r="C144" s="16"/>
      <c r="D144" s="16"/>
      <c r="E144" s="16"/>
      <c r="F144" s="16"/>
      <c r="G144" s="16"/>
      <c r="H144" s="16"/>
      <c r="I144" s="16"/>
      <c r="J144" s="16"/>
    </row>
    <row r="145" spans="2:10" s="4" customFormat="1" x14ac:dyDescent="0.2">
      <c r="B145" s="16"/>
      <c r="C145" s="16"/>
      <c r="D145" s="16"/>
      <c r="E145" s="16"/>
      <c r="F145" s="16"/>
      <c r="G145" s="16"/>
      <c r="H145" s="16"/>
      <c r="I145" s="16"/>
      <c r="J145" s="16"/>
    </row>
    <row r="146" spans="2:10" s="4" customFormat="1" x14ac:dyDescent="0.2">
      <c r="B146" s="16"/>
      <c r="C146" s="16"/>
      <c r="D146" s="16"/>
      <c r="E146" s="16"/>
      <c r="F146" s="16"/>
      <c r="G146" s="16"/>
      <c r="H146" s="16"/>
      <c r="I146" s="16"/>
      <c r="J146" s="16"/>
    </row>
    <row r="147" spans="2:10" s="4" customFormat="1" x14ac:dyDescent="0.2">
      <c r="B147" s="16"/>
      <c r="C147" s="16"/>
      <c r="D147" s="16"/>
      <c r="E147" s="16"/>
      <c r="F147" s="16"/>
      <c r="G147" s="16"/>
      <c r="H147" s="16"/>
      <c r="I147" s="16"/>
      <c r="J147" s="16"/>
    </row>
    <row r="148" spans="2:10" s="4" customFormat="1" x14ac:dyDescent="0.2">
      <c r="B148" s="16"/>
      <c r="C148" s="16"/>
      <c r="D148" s="16"/>
      <c r="E148" s="16"/>
      <c r="F148" s="16"/>
      <c r="G148" s="16"/>
      <c r="H148" s="16"/>
      <c r="I148" s="16"/>
      <c r="J148" s="16"/>
    </row>
    <row r="149" spans="2:10" s="4" customFormat="1" x14ac:dyDescent="0.2">
      <c r="B149" s="16"/>
      <c r="C149" s="16"/>
      <c r="D149" s="16"/>
      <c r="E149" s="16"/>
      <c r="F149" s="16"/>
      <c r="G149" s="16"/>
      <c r="H149" s="16"/>
      <c r="I149" s="16"/>
      <c r="J149" s="16"/>
    </row>
    <row r="150" spans="2:10" s="4" customFormat="1" x14ac:dyDescent="0.2">
      <c r="B150" s="16"/>
      <c r="C150" s="16"/>
      <c r="D150" s="16"/>
      <c r="E150" s="16"/>
      <c r="F150" s="16"/>
      <c r="G150" s="16"/>
      <c r="H150" s="16"/>
      <c r="I150" s="16"/>
      <c r="J150" s="16"/>
    </row>
    <row r="151" spans="2:10" s="4" customFormat="1" x14ac:dyDescent="0.2">
      <c r="B151" s="16"/>
      <c r="C151" s="16"/>
      <c r="D151" s="16"/>
      <c r="E151" s="16"/>
      <c r="F151" s="16"/>
      <c r="G151" s="16"/>
      <c r="H151" s="16"/>
      <c r="I151" s="16"/>
      <c r="J151" s="16"/>
    </row>
    <row r="152" spans="2:10" s="4" customFormat="1" x14ac:dyDescent="0.2">
      <c r="B152" s="16"/>
      <c r="C152" s="16"/>
      <c r="D152" s="16"/>
      <c r="E152" s="16"/>
      <c r="F152" s="16"/>
      <c r="G152" s="16"/>
      <c r="H152" s="16"/>
      <c r="I152" s="16"/>
      <c r="J152" s="16"/>
    </row>
    <row r="153" spans="2:10" s="4" customFormat="1" x14ac:dyDescent="0.2">
      <c r="B153" s="16"/>
      <c r="C153" s="16"/>
      <c r="D153" s="16"/>
      <c r="E153" s="16"/>
      <c r="F153" s="16"/>
      <c r="G153" s="16"/>
      <c r="H153" s="16"/>
      <c r="I153" s="16"/>
      <c r="J153" s="16"/>
    </row>
    <row r="154" spans="2:10" s="4" customFormat="1" x14ac:dyDescent="0.2">
      <c r="B154" s="16"/>
      <c r="C154" s="16"/>
      <c r="D154" s="16"/>
      <c r="E154" s="16"/>
      <c r="F154" s="16"/>
      <c r="G154" s="16"/>
      <c r="H154" s="16"/>
      <c r="I154" s="16"/>
      <c r="J154" s="16"/>
    </row>
    <row r="155" spans="2:10" s="4" customFormat="1" x14ac:dyDescent="0.2">
      <c r="B155" s="16"/>
      <c r="C155" s="16"/>
      <c r="D155" s="16"/>
      <c r="E155" s="16"/>
      <c r="F155" s="16"/>
      <c r="G155" s="16"/>
      <c r="H155" s="16"/>
      <c r="I155" s="16"/>
      <c r="J155" s="16"/>
    </row>
    <row r="156" spans="2:10" s="4" customFormat="1" x14ac:dyDescent="0.2">
      <c r="B156" s="16"/>
      <c r="C156" s="16"/>
      <c r="D156" s="16"/>
      <c r="E156" s="16"/>
      <c r="F156" s="16"/>
      <c r="G156" s="16"/>
      <c r="H156" s="16"/>
      <c r="I156" s="16"/>
      <c r="J156" s="16"/>
    </row>
    <row r="157" spans="2:10" s="4" customFormat="1" x14ac:dyDescent="0.2">
      <c r="B157" s="16"/>
      <c r="C157" s="16"/>
      <c r="D157" s="16"/>
      <c r="E157" s="16"/>
      <c r="F157" s="16"/>
      <c r="G157" s="16"/>
      <c r="H157" s="16"/>
      <c r="I157" s="16"/>
      <c r="J157" s="16"/>
    </row>
    <row r="158" spans="2:10" s="4" customFormat="1" x14ac:dyDescent="0.2">
      <c r="B158" s="16"/>
      <c r="C158" s="16"/>
      <c r="D158" s="16"/>
      <c r="E158" s="16"/>
      <c r="F158" s="16"/>
      <c r="G158" s="16"/>
      <c r="H158" s="16"/>
      <c r="I158" s="16"/>
      <c r="J158" s="16"/>
    </row>
    <row r="159" spans="2:10" s="4" customFormat="1" x14ac:dyDescent="0.2">
      <c r="B159" s="16"/>
      <c r="C159" s="16"/>
      <c r="D159" s="16"/>
      <c r="E159" s="16"/>
      <c r="F159" s="16"/>
      <c r="G159" s="16"/>
      <c r="H159" s="16"/>
      <c r="I159" s="16"/>
      <c r="J159" s="16"/>
    </row>
    <row r="160" spans="2:10" s="4" customFormat="1" x14ac:dyDescent="0.2">
      <c r="B160" s="16"/>
      <c r="C160" s="16"/>
      <c r="D160" s="16"/>
      <c r="E160" s="16"/>
      <c r="F160" s="16"/>
      <c r="G160" s="16"/>
      <c r="H160" s="16"/>
      <c r="I160" s="16"/>
      <c r="J160" s="16"/>
    </row>
    <row r="161" spans="2:10" s="4" customFormat="1" x14ac:dyDescent="0.2">
      <c r="B161" s="16"/>
      <c r="C161" s="16"/>
      <c r="D161" s="16"/>
      <c r="E161" s="16"/>
      <c r="F161" s="16"/>
      <c r="G161" s="16"/>
      <c r="H161" s="16"/>
      <c r="I161" s="16"/>
      <c r="J161" s="16"/>
    </row>
    <row r="162" spans="2:10" s="4" customFormat="1" x14ac:dyDescent="0.2">
      <c r="B162" s="16"/>
      <c r="C162" s="16"/>
      <c r="D162" s="16"/>
      <c r="E162" s="16"/>
      <c r="F162" s="16"/>
      <c r="G162" s="16"/>
      <c r="H162" s="16"/>
      <c r="I162" s="16"/>
      <c r="J162" s="16"/>
    </row>
    <row r="163" spans="2:10" s="4" customFormat="1" x14ac:dyDescent="0.2">
      <c r="B163" s="16"/>
      <c r="C163" s="16"/>
      <c r="D163" s="16"/>
      <c r="E163" s="16"/>
      <c r="F163" s="16"/>
      <c r="G163" s="16"/>
      <c r="H163" s="16"/>
      <c r="I163" s="16"/>
      <c r="J163" s="16"/>
    </row>
    <row r="164" spans="2:10" s="4" customFormat="1" x14ac:dyDescent="0.2">
      <c r="B164" s="16"/>
      <c r="C164" s="16"/>
      <c r="D164" s="16"/>
      <c r="E164" s="16"/>
      <c r="F164" s="16"/>
      <c r="G164" s="16"/>
      <c r="H164" s="16"/>
      <c r="I164" s="16"/>
      <c r="J164" s="16"/>
    </row>
    <row r="165" spans="2:10" s="4" customFormat="1" x14ac:dyDescent="0.2">
      <c r="B165" s="16"/>
      <c r="C165" s="16"/>
      <c r="D165" s="16"/>
      <c r="E165" s="16"/>
      <c r="F165" s="16"/>
      <c r="G165" s="16"/>
      <c r="H165" s="16"/>
      <c r="I165" s="16"/>
      <c r="J165" s="16"/>
    </row>
    <row r="166" spans="2:10" s="4" customFormat="1" x14ac:dyDescent="0.2">
      <c r="B166" s="16"/>
      <c r="C166" s="16"/>
      <c r="D166" s="16"/>
      <c r="E166" s="16"/>
      <c r="F166" s="16"/>
      <c r="G166" s="16"/>
      <c r="H166" s="16"/>
      <c r="I166" s="16"/>
      <c r="J166" s="16"/>
    </row>
    <row r="167" spans="2:10" s="4" customFormat="1" x14ac:dyDescent="0.2">
      <c r="B167" s="16"/>
      <c r="C167" s="16"/>
      <c r="D167" s="16"/>
      <c r="E167" s="16"/>
      <c r="F167" s="16"/>
      <c r="G167" s="16"/>
      <c r="H167" s="16"/>
      <c r="I167" s="16"/>
      <c r="J167" s="16"/>
    </row>
    <row r="168" spans="2:10" s="4" customFormat="1" x14ac:dyDescent="0.2">
      <c r="B168" s="16"/>
      <c r="C168" s="16"/>
      <c r="D168" s="16"/>
      <c r="E168" s="16"/>
      <c r="F168" s="16"/>
      <c r="G168" s="16"/>
      <c r="H168" s="16"/>
      <c r="I168" s="16"/>
      <c r="J168" s="16"/>
    </row>
    <row r="169" spans="2:10" s="4" customFormat="1" x14ac:dyDescent="0.2">
      <c r="B169" s="16"/>
      <c r="C169" s="16"/>
      <c r="D169" s="16"/>
      <c r="E169" s="16"/>
      <c r="F169" s="16"/>
      <c r="G169" s="16"/>
      <c r="H169" s="16"/>
      <c r="I169" s="16"/>
      <c r="J169" s="16"/>
    </row>
    <row r="170" spans="2:10" s="4" customFormat="1" x14ac:dyDescent="0.2">
      <c r="B170" s="16"/>
      <c r="C170" s="16"/>
      <c r="D170" s="16"/>
      <c r="E170" s="16"/>
      <c r="F170" s="16"/>
      <c r="G170" s="16"/>
      <c r="H170" s="16"/>
      <c r="I170" s="16"/>
      <c r="J170" s="16"/>
    </row>
    <row r="171" spans="2:10" s="4" customFormat="1" x14ac:dyDescent="0.2">
      <c r="B171" s="16"/>
      <c r="C171" s="16"/>
      <c r="D171" s="16"/>
      <c r="E171" s="16"/>
      <c r="F171" s="16"/>
      <c r="G171" s="16"/>
      <c r="H171" s="16"/>
      <c r="I171" s="16"/>
      <c r="J171" s="16"/>
    </row>
    <row r="172" spans="2:10" s="4" customFormat="1" x14ac:dyDescent="0.2">
      <c r="B172" s="16"/>
      <c r="C172" s="16"/>
      <c r="D172" s="16"/>
      <c r="E172" s="16"/>
      <c r="F172" s="16"/>
      <c r="G172" s="16"/>
      <c r="H172" s="16"/>
      <c r="I172" s="16"/>
      <c r="J172" s="16"/>
    </row>
    <row r="173" spans="2:10" s="4" customFormat="1" x14ac:dyDescent="0.2">
      <c r="B173" s="16"/>
      <c r="C173" s="16"/>
      <c r="D173" s="16"/>
      <c r="E173" s="16"/>
      <c r="F173" s="16"/>
      <c r="G173" s="16"/>
      <c r="H173" s="16"/>
      <c r="I173" s="16"/>
      <c r="J173" s="16"/>
    </row>
    <row r="174" spans="2:10" s="4" customFormat="1" x14ac:dyDescent="0.2">
      <c r="B174" s="16"/>
      <c r="C174" s="16"/>
      <c r="D174" s="16"/>
      <c r="E174" s="16"/>
      <c r="F174" s="16"/>
      <c r="G174" s="16"/>
      <c r="H174" s="16"/>
      <c r="I174" s="16"/>
      <c r="J174" s="16"/>
    </row>
    <row r="175" spans="2:10" s="4" customFormat="1" x14ac:dyDescent="0.2">
      <c r="B175" s="16"/>
      <c r="C175" s="16"/>
      <c r="D175" s="16"/>
      <c r="E175" s="16"/>
      <c r="F175" s="16"/>
      <c r="G175" s="16"/>
      <c r="H175" s="16"/>
      <c r="I175" s="16"/>
      <c r="J175" s="16"/>
    </row>
    <row r="176" spans="2:10" s="4" customFormat="1" x14ac:dyDescent="0.2">
      <c r="B176" s="16"/>
      <c r="C176" s="16"/>
      <c r="D176" s="16"/>
      <c r="E176" s="16"/>
      <c r="F176" s="16"/>
      <c r="G176" s="16"/>
      <c r="H176" s="16"/>
      <c r="I176" s="16"/>
      <c r="J176" s="16"/>
    </row>
    <row r="177" spans="2:10" s="4" customFormat="1" x14ac:dyDescent="0.2">
      <c r="B177" s="16"/>
      <c r="C177" s="16"/>
      <c r="D177" s="16"/>
      <c r="E177" s="16"/>
      <c r="F177" s="16"/>
      <c r="G177" s="16"/>
      <c r="H177" s="16"/>
      <c r="I177" s="16"/>
      <c r="J177" s="16"/>
    </row>
    <row r="178" spans="2:10" s="4" customFormat="1" x14ac:dyDescent="0.2">
      <c r="B178" s="16"/>
      <c r="C178" s="16"/>
      <c r="D178" s="16"/>
      <c r="E178" s="16"/>
      <c r="F178" s="16"/>
      <c r="G178" s="16"/>
      <c r="H178" s="16"/>
      <c r="I178" s="16"/>
      <c r="J178" s="16"/>
    </row>
    <row r="179" spans="2:10" s="4" customFormat="1" x14ac:dyDescent="0.2">
      <c r="B179" s="16"/>
      <c r="C179" s="16"/>
      <c r="D179" s="16"/>
      <c r="E179" s="16"/>
      <c r="F179" s="16"/>
      <c r="G179" s="16"/>
      <c r="H179" s="16"/>
      <c r="I179" s="16"/>
      <c r="J179" s="16"/>
    </row>
    <row r="180" spans="2:10" s="4" customFormat="1" x14ac:dyDescent="0.2">
      <c r="B180" s="16"/>
      <c r="C180" s="16"/>
      <c r="D180" s="16"/>
      <c r="E180" s="16"/>
      <c r="F180" s="16"/>
      <c r="G180" s="16"/>
      <c r="H180" s="16"/>
      <c r="I180" s="16"/>
      <c r="J180" s="16"/>
    </row>
    <row r="181" spans="2:10" s="4" customFormat="1" x14ac:dyDescent="0.2">
      <c r="B181" s="16"/>
      <c r="C181" s="16"/>
      <c r="D181" s="16"/>
      <c r="E181" s="16"/>
      <c r="F181" s="16"/>
      <c r="G181" s="16"/>
      <c r="H181" s="16"/>
      <c r="I181" s="16"/>
      <c r="J181" s="16"/>
    </row>
    <row r="182" spans="2:10" s="4" customFormat="1" x14ac:dyDescent="0.2">
      <c r="B182" s="16"/>
      <c r="C182" s="16"/>
      <c r="D182" s="16"/>
      <c r="E182" s="16"/>
      <c r="F182" s="16"/>
      <c r="G182" s="16"/>
      <c r="H182" s="16"/>
      <c r="I182" s="16"/>
      <c r="J182" s="16"/>
    </row>
    <row r="183" spans="2:10" s="4" customFormat="1" x14ac:dyDescent="0.2">
      <c r="B183" s="16"/>
      <c r="C183" s="16"/>
      <c r="D183" s="16"/>
      <c r="E183" s="16"/>
      <c r="F183" s="16"/>
      <c r="G183" s="16"/>
      <c r="H183" s="16"/>
      <c r="I183" s="16"/>
      <c r="J183" s="16"/>
    </row>
    <row r="184" spans="2:10" s="4" customFormat="1" x14ac:dyDescent="0.2">
      <c r="B184" s="16"/>
      <c r="C184" s="16"/>
      <c r="D184" s="16"/>
      <c r="E184" s="16"/>
      <c r="F184" s="16"/>
      <c r="G184" s="16"/>
      <c r="H184" s="16"/>
      <c r="I184" s="16"/>
      <c r="J184" s="16"/>
    </row>
    <row r="185" spans="2:10" s="4" customFormat="1" x14ac:dyDescent="0.2">
      <c r="B185" s="16"/>
      <c r="C185" s="16"/>
      <c r="D185" s="16"/>
      <c r="E185" s="16"/>
      <c r="F185" s="16"/>
      <c r="G185" s="16"/>
      <c r="H185" s="16"/>
      <c r="I185" s="16"/>
      <c r="J185" s="16"/>
    </row>
    <row r="186" spans="2:10" s="4" customFormat="1" x14ac:dyDescent="0.2">
      <c r="B186" s="16"/>
      <c r="C186" s="16"/>
      <c r="D186" s="16"/>
      <c r="E186" s="16"/>
      <c r="F186" s="16"/>
      <c r="G186" s="16"/>
      <c r="H186" s="16"/>
      <c r="I186" s="16"/>
      <c r="J186" s="16"/>
    </row>
    <row r="187" spans="2:10" s="4" customFormat="1" x14ac:dyDescent="0.2">
      <c r="B187" s="16"/>
      <c r="C187" s="16"/>
      <c r="D187" s="16"/>
      <c r="E187" s="16"/>
      <c r="F187" s="16"/>
      <c r="G187" s="16"/>
      <c r="H187" s="16"/>
      <c r="I187" s="16"/>
      <c r="J187" s="16"/>
    </row>
    <row r="188" spans="2:10" s="4" customFormat="1" x14ac:dyDescent="0.2">
      <c r="B188" s="16"/>
      <c r="C188" s="16"/>
      <c r="D188" s="16"/>
      <c r="E188" s="16"/>
      <c r="F188" s="16"/>
      <c r="G188" s="16"/>
      <c r="H188" s="16"/>
      <c r="I188" s="16"/>
      <c r="J188" s="16"/>
    </row>
    <row r="189" spans="2:10" s="4" customFormat="1" x14ac:dyDescent="0.2">
      <c r="B189" s="16"/>
      <c r="C189" s="16"/>
      <c r="D189" s="16"/>
      <c r="E189" s="16"/>
      <c r="F189" s="16"/>
      <c r="G189" s="16"/>
      <c r="H189" s="16"/>
      <c r="I189" s="16"/>
      <c r="J189" s="16"/>
    </row>
    <row r="190" spans="2:10" s="4" customFormat="1" x14ac:dyDescent="0.2">
      <c r="B190" s="16"/>
      <c r="C190" s="16"/>
      <c r="D190" s="16"/>
      <c r="E190" s="16"/>
      <c r="F190" s="16"/>
      <c r="G190" s="16"/>
      <c r="H190" s="16"/>
      <c r="I190" s="16"/>
      <c r="J190" s="16"/>
    </row>
    <row r="191" spans="2:10" s="4" customFormat="1" x14ac:dyDescent="0.2">
      <c r="B191" s="16"/>
      <c r="C191" s="16"/>
      <c r="D191" s="16"/>
      <c r="E191" s="16"/>
      <c r="F191" s="16"/>
      <c r="G191" s="16"/>
      <c r="H191" s="16"/>
      <c r="I191" s="16"/>
      <c r="J191" s="16"/>
    </row>
    <row r="192" spans="2:10" s="4" customFormat="1" x14ac:dyDescent="0.2">
      <c r="B192" s="16"/>
      <c r="C192" s="16"/>
      <c r="D192" s="16"/>
      <c r="E192" s="16"/>
      <c r="F192" s="16"/>
      <c r="G192" s="16"/>
      <c r="H192" s="16"/>
      <c r="I192" s="16"/>
      <c r="J192" s="16"/>
    </row>
    <row r="193" spans="2:10" s="4" customFormat="1" x14ac:dyDescent="0.2">
      <c r="B193" s="16"/>
      <c r="C193" s="16"/>
      <c r="D193" s="16"/>
      <c r="E193" s="16"/>
      <c r="F193" s="16"/>
      <c r="G193" s="16"/>
      <c r="H193" s="16"/>
      <c r="I193" s="16"/>
      <c r="J193" s="16"/>
    </row>
    <row r="194" spans="2:10" s="4" customFormat="1" x14ac:dyDescent="0.2">
      <c r="B194" s="16"/>
      <c r="C194" s="16"/>
      <c r="D194" s="16"/>
      <c r="E194" s="16"/>
      <c r="F194" s="16"/>
      <c r="G194" s="16"/>
      <c r="H194" s="16"/>
      <c r="I194" s="16"/>
      <c r="J194" s="16"/>
    </row>
    <row r="195" spans="2:10" s="4" customFormat="1" x14ac:dyDescent="0.2">
      <c r="B195" s="16"/>
      <c r="C195" s="16"/>
      <c r="D195" s="16"/>
      <c r="E195" s="16"/>
      <c r="F195" s="16"/>
      <c r="G195" s="16"/>
      <c r="H195" s="16"/>
      <c r="I195" s="16"/>
      <c r="J195" s="16"/>
    </row>
    <row r="196" spans="2:10" s="4" customFormat="1" x14ac:dyDescent="0.2">
      <c r="B196" s="16"/>
      <c r="C196" s="16"/>
      <c r="D196" s="16"/>
      <c r="E196" s="16"/>
      <c r="F196" s="16"/>
      <c r="G196" s="16"/>
      <c r="H196" s="16"/>
      <c r="I196" s="16"/>
      <c r="J196" s="16"/>
    </row>
    <row r="197" spans="2:10" s="4" customFormat="1" x14ac:dyDescent="0.2">
      <c r="B197" s="16"/>
      <c r="C197" s="16"/>
      <c r="D197" s="16"/>
      <c r="E197" s="16"/>
      <c r="F197" s="16"/>
      <c r="G197" s="16"/>
      <c r="H197" s="16"/>
      <c r="I197" s="16"/>
      <c r="J197" s="16"/>
    </row>
    <row r="198" spans="2:10" s="4" customFormat="1" x14ac:dyDescent="0.2">
      <c r="B198" s="16"/>
      <c r="C198" s="16"/>
      <c r="D198" s="16"/>
      <c r="E198" s="16"/>
      <c r="F198" s="16"/>
      <c r="G198" s="16"/>
      <c r="H198" s="16"/>
      <c r="I198" s="16"/>
      <c r="J198" s="16"/>
    </row>
    <row r="199" spans="2:10" s="4" customFormat="1" x14ac:dyDescent="0.2">
      <c r="B199" s="16"/>
      <c r="C199" s="16"/>
      <c r="D199" s="16"/>
      <c r="E199" s="16"/>
      <c r="F199" s="16"/>
      <c r="G199" s="16"/>
      <c r="H199" s="16"/>
      <c r="I199" s="16"/>
      <c r="J199" s="16"/>
    </row>
    <row r="200" spans="2:10" s="4" customFormat="1" x14ac:dyDescent="0.2">
      <c r="B200" s="16"/>
      <c r="C200" s="16"/>
      <c r="D200" s="16"/>
      <c r="E200" s="16"/>
      <c r="F200" s="16"/>
      <c r="G200" s="16"/>
      <c r="H200" s="16"/>
      <c r="I200" s="16"/>
      <c r="J200" s="16"/>
    </row>
    <row r="201" spans="2:10" s="4" customFormat="1" x14ac:dyDescent="0.2">
      <c r="B201" s="16"/>
      <c r="C201" s="16"/>
      <c r="D201" s="16"/>
      <c r="E201" s="16"/>
      <c r="F201" s="16"/>
      <c r="G201" s="16"/>
      <c r="H201" s="16"/>
      <c r="I201" s="16"/>
      <c r="J201" s="16"/>
    </row>
    <row r="202" spans="2:10" s="4" customFormat="1" x14ac:dyDescent="0.2">
      <c r="B202" s="16"/>
      <c r="C202" s="16"/>
      <c r="D202" s="16"/>
      <c r="E202" s="16"/>
      <c r="F202" s="16"/>
      <c r="G202" s="16"/>
      <c r="H202" s="16"/>
      <c r="I202" s="16"/>
      <c r="J202" s="16"/>
    </row>
    <row r="203" spans="2:10" s="4" customFormat="1" x14ac:dyDescent="0.2">
      <c r="B203" s="16"/>
      <c r="C203" s="16"/>
      <c r="D203" s="16"/>
      <c r="E203" s="16"/>
      <c r="F203" s="16"/>
      <c r="G203" s="16"/>
      <c r="H203" s="16"/>
      <c r="I203" s="16"/>
      <c r="J203" s="16"/>
    </row>
    <row r="204" spans="2:10" s="4" customFormat="1" x14ac:dyDescent="0.2">
      <c r="B204" s="16"/>
      <c r="C204" s="16"/>
      <c r="D204" s="16"/>
      <c r="E204" s="16"/>
      <c r="F204" s="16"/>
      <c r="G204" s="16"/>
      <c r="H204" s="16"/>
      <c r="I204" s="16"/>
      <c r="J204" s="16"/>
    </row>
    <row r="205" spans="2:10" s="4" customFormat="1" x14ac:dyDescent="0.2">
      <c r="B205" s="16"/>
      <c r="C205" s="16"/>
      <c r="D205" s="16"/>
      <c r="E205" s="16"/>
      <c r="F205" s="16"/>
      <c r="G205" s="16"/>
      <c r="H205" s="16"/>
      <c r="I205" s="16"/>
      <c r="J205" s="16"/>
    </row>
    <row r="206" spans="2:10" s="4" customFormat="1" x14ac:dyDescent="0.2">
      <c r="B206" s="16"/>
      <c r="C206" s="16"/>
      <c r="D206" s="16"/>
      <c r="E206" s="16"/>
      <c r="F206" s="16"/>
      <c r="G206" s="16"/>
      <c r="H206" s="16"/>
      <c r="I206" s="16"/>
      <c r="J206" s="16"/>
    </row>
    <row r="207" spans="2:10" s="4" customFormat="1" x14ac:dyDescent="0.2">
      <c r="B207" s="16"/>
      <c r="C207" s="16"/>
      <c r="D207" s="16"/>
      <c r="E207" s="16"/>
      <c r="F207" s="16"/>
      <c r="G207" s="16"/>
      <c r="H207" s="16"/>
      <c r="I207" s="16"/>
      <c r="J207" s="16"/>
    </row>
    <row r="208" spans="2:10" s="4" customFormat="1" x14ac:dyDescent="0.2">
      <c r="B208" s="16"/>
      <c r="C208" s="16"/>
      <c r="D208" s="16"/>
      <c r="E208" s="16"/>
      <c r="F208" s="16"/>
      <c r="G208" s="16"/>
      <c r="H208" s="16"/>
      <c r="I208" s="16"/>
      <c r="J208" s="16"/>
    </row>
    <row r="209" spans="2:10" s="4" customFormat="1" x14ac:dyDescent="0.2">
      <c r="B209" s="16"/>
      <c r="C209" s="16"/>
      <c r="D209" s="16"/>
      <c r="E209" s="16"/>
      <c r="F209" s="16"/>
      <c r="G209" s="16"/>
      <c r="H209" s="16"/>
      <c r="I209" s="16"/>
      <c r="J209" s="16"/>
    </row>
    <row r="210" spans="2:10" s="4" customFormat="1" x14ac:dyDescent="0.2">
      <c r="B210" s="16"/>
      <c r="C210" s="16"/>
      <c r="D210" s="16"/>
      <c r="E210" s="16"/>
      <c r="F210" s="16"/>
      <c r="G210" s="16"/>
      <c r="H210" s="16"/>
      <c r="I210" s="16"/>
      <c r="J210" s="16"/>
    </row>
    <row r="211" spans="2:10" s="4" customFormat="1" x14ac:dyDescent="0.2">
      <c r="B211" s="16"/>
      <c r="C211" s="16"/>
      <c r="D211" s="16"/>
      <c r="E211" s="16"/>
      <c r="F211" s="16"/>
      <c r="G211" s="16"/>
      <c r="H211" s="16"/>
      <c r="I211" s="16"/>
      <c r="J211" s="16"/>
    </row>
    <row r="212" spans="2:10" s="4" customFormat="1" x14ac:dyDescent="0.2">
      <c r="B212" s="16"/>
      <c r="C212" s="16"/>
      <c r="D212" s="16"/>
      <c r="E212" s="16"/>
      <c r="F212" s="16"/>
      <c r="G212" s="16"/>
      <c r="H212" s="16"/>
      <c r="I212" s="16"/>
      <c r="J212" s="16"/>
    </row>
    <row r="213" spans="2:10" s="4" customFormat="1" x14ac:dyDescent="0.2">
      <c r="B213" s="16"/>
      <c r="C213" s="16"/>
      <c r="D213" s="16"/>
      <c r="E213" s="16"/>
      <c r="F213" s="16"/>
      <c r="G213" s="16"/>
      <c r="H213" s="16"/>
      <c r="I213" s="16"/>
      <c r="J213" s="16"/>
    </row>
    <row r="214" spans="2:10" s="4" customFormat="1" x14ac:dyDescent="0.2">
      <c r="B214" s="16"/>
      <c r="C214" s="16"/>
      <c r="D214" s="16"/>
      <c r="E214" s="16"/>
      <c r="F214" s="16"/>
      <c r="G214" s="16"/>
      <c r="H214" s="16"/>
      <c r="I214" s="16"/>
      <c r="J214" s="16"/>
    </row>
    <row r="215" spans="2:10" s="4" customFormat="1" x14ac:dyDescent="0.2">
      <c r="B215" s="16"/>
      <c r="C215" s="16"/>
      <c r="D215" s="16"/>
      <c r="E215" s="16"/>
      <c r="F215" s="16"/>
      <c r="G215" s="16"/>
      <c r="H215" s="16"/>
      <c r="I215" s="16"/>
      <c r="J215" s="16"/>
    </row>
    <row r="216" spans="2:10" s="4" customFormat="1" x14ac:dyDescent="0.2">
      <c r="B216" s="16"/>
      <c r="C216" s="16"/>
      <c r="D216" s="16"/>
      <c r="E216" s="16"/>
      <c r="F216" s="16"/>
      <c r="G216" s="16"/>
      <c r="H216" s="16"/>
      <c r="I216" s="16"/>
      <c r="J216" s="16"/>
    </row>
    <row r="217" spans="2:10" s="4" customFormat="1" x14ac:dyDescent="0.2">
      <c r="B217" s="16"/>
      <c r="C217" s="16"/>
      <c r="D217" s="16"/>
      <c r="E217" s="16"/>
      <c r="F217" s="16"/>
      <c r="G217" s="16"/>
      <c r="H217" s="16"/>
      <c r="I217" s="16"/>
      <c r="J217" s="16"/>
    </row>
    <row r="218" spans="2:10" s="4" customFormat="1" x14ac:dyDescent="0.2">
      <c r="B218" s="16"/>
      <c r="C218" s="16"/>
      <c r="D218" s="16"/>
      <c r="E218" s="16"/>
      <c r="F218" s="16"/>
      <c r="G218" s="16"/>
      <c r="H218" s="16"/>
      <c r="I218" s="16"/>
      <c r="J218" s="16"/>
    </row>
    <row r="219" spans="2:10" s="4" customFormat="1" x14ac:dyDescent="0.2">
      <c r="B219" s="16"/>
      <c r="C219" s="16"/>
      <c r="D219" s="16"/>
      <c r="E219" s="16"/>
      <c r="F219" s="16"/>
      <c r="G219" s="16"/>
      <c r="H219" s="16"/>
      <c r="I219" s="16"/>
      <c r="J219" s="16"/>
    </row>
    <row r="220" spans="2:10" s="4" customFormat="1" x14ac:dyDescent="0.2">
      <c r="B220" s="16"/>
      <c r="C220" s="16"/>
      <c r="D220" s="16"/>
      <c r="E220" s="16"/>
      <c r="F220" s="16"/>
      <c r="G220" s="16"/>
      <c r="H220" s="16"/>
      <c r="I220" s="16"/>
      <c r="J220" s="16"/>
    </row>
    <row r="221" spans="2:10" s="4" customFormat="1" x14ac:dyDescent="0.2">
      <c r="B221" s="16"/>
      <c r="C221" s="16"/>
      <c r="D221" s="16"/>
      <c r="E221" s="16"/>
      <c r="F221" s="16"/>
      <c r="G221" s="16"/>
      <c r="H221" s="16"/>
      <c r="I221" s="16"/>
      <c r="J221" s="16"/>
    </row>
    <row r="222" spans="2:10" s="4" customFormat="1" x14ac:dyDescent="0.2">
      <c r="B222" s="16"/>
      <c r="C222" s="16"/>
      <c r="D222" s="16"/>
      <c r="E222" s="16"/>
      <c r="F222" s="16"/>
      <c r="G222" s="16"/>
      <c r="H222" s="16"/>
      <c r="I222" s="16"/>
      <c r="J222" s="16"/>
    </row>
    <row r="223" spans="2:10" s="4" customFormat="1" x14ac:dyDescent="0.2">
      <c r="B223" s="16"/>
      <c r="C223" s="16"/>
      <c r="D223" s="16"/>
      <c r="E223" s="16"/>
      <c r="F223" s="16"/>
      <c r="G223" s="16"/>
      <c r="H223" s="16"/>
      <c r="I223" s="16"/>
      <c r="J223" s="16"/>
    </row>
    <row r="224" spans="2:10" s="4" customFormat="1" x14ac:dyDescent="0.2">
      <c r="B224" s="16"/>
      <c r="C224" s="16"/>
      <c r="D224" s="16"/>
      <c r="E224" s="16"/>
      <c r="F224" s="16"/>
      <c r="G224" s="16"/>
      <c r="H224" s="16"/>
      <c r="I224" s="16"/>
      <c r="J224" s="16"/>
    </row>
    <row r="225" spans="2:10" s="4" customFormat="1" x14ac:dyDescent="0.2">
      <c r="B225" s="16"/>
      <c r="C225" s="16"/>
      <c r="D225" s="16"/>
      <c r="E225" s="16"/>
      <c r="F225" s="16"/>
      <c r="G225" s="16"/>
      <c r="H225" s="16"/>
      <c r="I225" s="16"/>
      <c r="J225" s="16"/>
    </row>
    <row r="226" spans="2:10" s="4" customFormat="1" x14ac:dyDescent="0.2">
      <c r="B226" s="16"/>
      <c r="C226" s="16"/>
      <c r="D226" s="16"/>
      <c r="E226" s="16"/>
      <c r="F226" s="16"/>
      <c r="G226" s="16"/>
      <c r="H226" s="16"/>
      <c r="I226" s="16"/>
      <c r="J226" s="16"/>
    </row>
    <row r="227" spans="2:10" s="4" customFormat="1" x14ac:dyDescent="0.2">
      <c r="B227" s="16"/>
      <c r="C227" s="16"/>
      <c r="D227" s="16"/>
      <c r="E227" s="16"/>
      <c r="F227" s="16"/>
      <c r="G227" s="16"/>
      <c r="H227" s="16"/>
      <c r="I227" s="16"/>
      <c r="J227" s="16"/>
    </row>
    <row r="228" spans="2:10" s="4" customFormat="1" x14ac:dyDescent="0.2">
      <c r="B228" s="16"/>
      <c r="C228" s="16"/>
      <c r="D228" s="16"/>
      <c r="E228" s="16"/>
      <c r="F228" s="16"/>
      <c r="G228" s="16"/>
      <c r="H228" s="16"/>
      <c r="I228" s="16"/>
      <c r="J228" s="16"/>
    </row>
    <row r="229" spans="2:10" s="4" customFormat="1" x14ac:dyDescent="0.2">
      <c r="B229" s="16"/>
      <c r="C229" s="16"/>
      <c r="D229" s="16"/>
      <c r="E229" s="16"/>
      <c r="F229" s="16"/>
      <c r="G229" s="16"/>
      <c r="H229" s="16"/>
      <c r="I229" s="16"/>
      <c r="J229" s="16"/>
    </row>
    <row r="230" spans="2:10" s="4" customFormat="1" x14ac:dyDescent="0.2">
      <c r="B230" s="16"/>
      <c r="C230" s="16"/>
      <c r="D230" s="16"/>
      <c r="E230" s="16"/>
      <c r="F230" s="16"/>
      <c r="G230" s="16"/>
      <c r="H230" s="16"/>
      <c r="I230" s="16"/>
      <c r="J230" s="16"/>
    </row>
    <row r="231" spans="2:10" s="4" customFormat="1" x14ac:dyDescent="0.2">
      <c r="B231" s="16"/>
      <c r="C231" s="16"/>
      <c r="D231" s="16"/>
      <c r="E231" s="16"/>
      <c r="F231" s="16"/>
      <c r="G231" s="16"/>
      <c r="H231" s="16"/>
      <c r="I231" s="16"/>
      <c r="J231" s="16"/>
    </row>
    <row r="232" spans="2:10" s="4" customFormat="1" x14ac:dyDescent="0.2">
      <c r="B232" s="16"/>
      <c r="C232" s="16"/>
      <c r="D232" s="16"/>
      <c r="E232" s="16"/>
      <c r="F232" s="16"/>
      <c r="G232" s="16"/>
      <c r="H232" s="16"/>
      <c r="I232" s="16"/>
      <c r="J232" s="16"/>
    </row>
    <row r="233" spans="2:10" s="4" customFormat="1" x14ac:dyDescent="0.2">
      <c r="B233" s="16"/>
      <c r="C233" s="16"/>
      <c r="D233" s="16"/>
      <c r="E233" s="16"/>
      <c r="F233" s="16"/>
      <c r="G233" s="16"/>
      <c r="H233" s="16"/>
      <c r="I233" s="16"/>
      <c r="J233" s="16"/>
    </row>
    <row r="234" spans="2:10" s="4" customFormat="1" x14ac:dyDescent="0.2">
      <c r="B234" s="16"/>
      <c r="C234" s="16"/>
      <c r="D234" s="16"/>
      <c r="E234" s="16"/>
      <c r="F234" s="16"/>
      <c r="G234" s="16"/>
      <c r="H234" s="16"/>
      <c r="I234" s="16"/>
      <c r="J234" s="16"/>
    </row>
    <row r="235" spans="2:10" s="4" customFormat="1" x14ac:dyDescent="0.2">
      <c r="B235" s="16"/>
      <c r="C235" s="16"/>
      <c r="D235" s="16"/>
      <c r="E235" s="16"/>
      <c r="F235" s="16"/>
      <c r="G235" s="16"/>
      <c r="H235" s="16"/>
      <c r="I235" s="16"/>
      <c r="J235" s="16"/>
    </row>
    <row r="236" spans="2:10" s="4" customFormat="1" x14ac:dyDescent="0.2">
      <c r="B236" s="16"/>
      <c r="C236" s="16"/>
      <c r="D236" s="16"/>
      <c r="E236" s="16"/>
      <c r="F236" s="16"/>
      <c r="G236" s="16"/>
      <c r="H236" s="16"/>
      <c r="I236" s="16"/>
      <c r="J236" s="16"/>
    </row>
    <row r="237" spans="2:10" s="4" customFormat="1" x14ac:dyDescent="0.2">
      <c r="B237" s="16"/>
      <c r="C237" s="16"/>
      <c r="D237" s="16"/>
      <c r="E237" s="16"/>
      <c r="F237" s="16"/>
      <c r="G237" s="16"/>
      <c r="H237" s="16"/>
      <c r="I237" s="16"/>
      <c r="J237" s="16"/>
    </row>
    <row r="238" spans="2:10" s="4" customFormat="1" x14ac:dyDescent="0.2">
      <c r="B238" s="16"/>
      <c r="C238" s="16"/>
      <c r="D238" s="16"/>
      <c r="E238" s="16"/>
      <c r="F238" s="16"/>
      <c r="G238" s="16"/>
      <c r="H238" s="16"/>
      <c r="I238" s="16"/>
      <c r="J238" s="16"/>
    </row>
    <row r="239" spans="2:10" s="4" customFormat="1" x14ac:dyDescent="0.2">
      <c r="B239" s="16"/>
      <c r="C239" s="16"/>
      <c r="D239" s="16"/>
      <c r="E239" s="16"/>
      <c r="F239" s="16"/>
      <c r="G239" s="16"/>
      <c r="H239" s="16"/>
      <c r="I239" s="16"/>
      <c r="J239" s="16"/>
    </row>
    <row r="240" spans="2:10" s="4" customFormat="1" x14ac:dyDescent="0.2">
      <c r="B240" s="16"/>
      <c r="C240" s="16"/>
      <c r="D240" s="16"/>
      <c r="E240" s="16"/>
      <c r="F240" s="16"/>
      <c r="G240" s="16"/>
      <c r="H240" s="16"/>
      <c r="I240" s="16"/>
      <c r="J240" s="16"/>
    </row>
    <row r="241" spans="2:10" s="4" customFormat="1" x14ac:dyDescent="0.2">
      <c r="B241" s="16"/>
      <c r="C241" s="16"/>
      <c r="D241" s="16"/>
      <c r="E241" s="16"/>
      <c r="F241" s="16"/>
      <c r="G241" s="16"/>
      <c r="H241" s="16"/>
      <c r="I241" s="16"/>
      <c r="J241" s="16"/>
    </row>
    <row r="242" spans="2:10" s="4" customFormat="1" x14ac:dyDescent="0.2">
      <c r="B242" s="16"/>
      <c r="C242" s="16"/>
      <c r="D242" s="16"/>
      <c r="E242" s="16"/>
      <c r="F242" s="16"/>
      <c r="G242" s="16"/>
      <c r="H242" s="16"/>
      <c r="I242" s="16"/>
      <c r="J242" s="16"/>
    </row>
    <row r="243" spans="2:10" s="4" customFormat="1" x14ac:dyDescent="0.2">
      <c r="B243" s="16"/>
      <c r="C243" s="16"/>
      <c r="D243" s="16"/>
      <c r="E243" s="16"/>
      <c r="F243" s="16"/>
      <c r="G243" s="16"/>
      <c r="H243" s="16"/>
      <c r="I243" s="16"/>
      <c r="J243" s="16"/>
    </row>
    <row r="244" spans="2:10" s="4" customFormat="1" x14ac:dyDescent="0.2">
      <c r="B244" s="16"/>
      <c r="C244" s="16"/>
      <c r="D244" s="16"/>
      <c r="E244" s="16"/>
      <c r="F244" s="16"/>
      <c r="G244" s="16"/>
      <c r="H244" s="16"/>
      <c r="I244" s="16"/>
      <c r="J244" s="16"/>
    </row>
    <row r="245" spans="2:10" s="4" customFormat="1" x14ac:dyDescent="0.2">
      <c r="B245" s="16"/>
      <c r="C245" s="16"/>
      <c r="D245" s="16"/>
      <c r="E245" s="16"/>
      <c r="F245" s="16"/>
      <c r="G245" s="16"/>
      <c r="H245" s="16"/>
      <c r="I245" s="16"/>
      <c r="J245" s="16"/>
    </row>
    <row r="246" spans="2:10" s="4" customFormat="1" x14ac:dyDescent="0.2">
      <c r="B246" s="16"/>
      <c r="C246" s="16"/>
      <c r="D246" s="16"/>
      <c r="E246" s="16"/>
      <c r="F246" s="16"/>
      <c r="G246" s="16"/>
      <c r="H246" s="16"/>
      <c r="I246" s="16"/>
      <c r="J246" s="16"/>
    </row>
    <row r="247" spans="2:10" s="4" customFormat="1" x14ac:dyDescent="0.2">
      <c r="B247" s="16"/>
      <c r="C247" s="16"/>
      <c r="D247" s="16"/>
      <c r="E247" s="16"/>
      <c r="F247" s="16"/>
      <c r="G247" s="16"/>
      <c r="H247" s="16"/>
      <c r="I247" s="16"/>
      <c r="J247" s="16"/>
    </row>
    <row r="248" spans="2:10" s="4" customFormat="1" x14ac:dyDescent="0.2">
      <c r="B248" s="16"/>
      <c r="C248" s="16"/>
      <c r="D248" s="16"/>
      <c r="E248" s="16"/>
      <c r="F248" s="16"/>
      <c r="G248" s="16"/>
      <c r="H248" s="16"/>
      <c r="I248" s="16"/>
      <c r="J248" s="16"/>
    </row>
    <row r="249" spans="2:10" s="4" customFormat="1" x14ac:dyDescent="0.2">
      <c r="B249" s="16"/>
      <c r="C249" s="16"/>
      <c r="D249" s="16"/>
      <c r="E249" s="16"/>
      <c r="F249" s="16"/>
      <c r="G249" s="16"/>
      <c r="H249" s="16"/>
      <c r="I249" s="16"/>
      <c r="J249" s="16"/>
    </row>
    <row r="250" spans="2:10" s="4" customFormat="1" x14ac:dyDescent="0.2">
      <c r="B250" s="16"/>
      <c r="C250" s="16"/>
      <c r="D250" s="16"/>
      <c r="E250" s="16"/>
      <c r="F250" s="16"/>
      <c r="G250" s="16"/>
      <c r="H250" s="16"/>
      <c r="I250" s="16"/>
      <c r="J250" s="16"/>
    </row>
    <row r="251" spans="2:10" s="4" customFormat="1" x14ac:dyDescent="0.2">
      <c r="B251" s="16"/>
      <c r="C251" s="16"/>
      <c r="D251" s="16"/>
      <c r="E251" s="16"/>
      <c r="F251" s="16"/>
      <c r="G251" s="16"/>
      <c r="H251" s="16"/>
      <c r="I251" s="16"/>
      <c r="J251" s="16"/>
    </row>
    <row r="252" spans="2:10" s="4" customFormat="1" x14ac:dyDescent="0.2">
      <c r="B252" s="16"/>
      <c r="C252" s="16"/>
      <c r="D252" s="16"/>
      <c r="E252" s="16"/>
      <c r="F252" s="16"/>
      <c r="G252" s="16"/>
      <c r="H252" s="16"/>
      <c r="I252" s="16"/>
      <c r="J252" s="16"/>
    </row>
    <row r="253" spans="2:10" s="4" customFormat="1" x14ac:dyDescent="0.2">
      <c r="B253" s="16"/>
      <c r="C253" s="16"/>
      <c r="D253" s="16"/>
      <c r="E253" s="16"/>
      <c r="F253" s="16"/>
      <c r="G253" s="16"/>
      <c r="H253" s="16"/>
      <c r="I253" s="16"/>
      <c r="J253" s="16"/>
    </row>
    <row r="254" spans="2:10" s="4" customFormat="1" x14ac:dyDescent="0.2">
      <c r="B254" s="16"/>
      <c r="C254" s="16"/>
      <c r="D254" s="16"/>
      <c r="E254" s="16"/>
      <c r="F254" s="16"/>
      <c r="G254" s="16"/>
      <c r="H254" s="16"/>
      <c r="I254" s="16"/>
      <c r="J254" s="16"/>
    </row>
    <row r="255" spans="2:10" s="4" customFormat="1" x14ac:dyDescent="0.2">
      <c r="B255" s="16"/>
      <c r="C255" s="16"/>
      <c r="D255" s="16"/>
      <c r="E255" s="16"/>
      <c r="F255" s="16"/>
      <c r="G255" s="16"/>
      <c r="H255" s="16"/>
      <c r="I255" s="16"/>
      <c r="J255" s="16"/>
    </row>
    <row r="256" spans="2:10" s="4" customFormat="1" x14ac:dyDescent="0.2">
      <c r="B256" s="16"/>
      <c r="C256" s="16"/>
      <c r="D256" s="16"/>
      <c r="E256" s="16"/>
      <c r="F256" s="16"/>
      <c r="G256" s="16"/>
      <c r="H256" s="16"/>
      <c r="I256" s="16"/>
      <c r="J256" s="16"/>
    </row>
    <row r="257" spans="2:10" s="4" customFormat="1" x14ac:dyDescent="0.2">
      <c r="B257" s="16"/>
      <c r="C257" s="16"/>
      <c r="D257" s="16"/>
      <c r="E257" s="16"/>
      <c r="F257" s="16"/>
      <c r="G257" s="16"/>
      <c r="H257" s="16"/>
      <c r="I257" s="16"/>
      <c r="J257" s="16"/>
    </row>
    <row r="258" spans="2:10" s="4" customFormat="1" x14ac:dyDescent="0.2">
      <c r="B258" s="16"/>
      <c r="C258" s="16"/>
      <c r="D258" s="16"/>
      <c r="E258" s="16"/>
      <c r="F258" s="16"/>
      <c r="G258" s="16"/>
      <c r="H258" s="16"/>
      <c r="I258" s="16"/>
      <c r="J258" s="16"/>
    </row>
    <row r="259" spans="2:10" s="4" customFormat="1" x14ac:dyDescent="0.2">
      <c r="B259" s="16"/>
      <c r="C259" s="16"/>
      <c r="D259" s="16"/>
      <c r="E259" s="16"/>
      <c r="F259" s="16"/>
      <c r="G259" s="16"/>
      <c r="H259" s="16"/>
      <c r="I259" s="16"/>
      <c r="J259" s="16"/>
    </row>
    <row r="260" spans="2:10" s="4" customFormat="1" x14ac:dyDescent="0.2">
      <c r="B260" s="16"/>
      <c r="C260" s="16"/>
      <c r="D260" s="16"/>
      <c r="E260" s="16"/>
      <c r="F260" s="16"/>
      <c r="G260" s="16"/>
      <c r="H260" s="16"/>
      <c r="I260" s="16"/>
      <c r="J260" s="16"/>
    </row>
    <row r="261" spans="2:10" s="4" customFormat="1" x14ac:dyDescent="0.2">
      <c r="B261" s="16"/>
      <c r="C261" s="16"/>
      <c r="D261" s="16"/>
      <c r="E261" s="16"/>
      <c r="F261" s="16"/>
      <c r="G261" s="16"/>
      <c r="H261" s="16"/>
      <c r="I261" s="16"/>
      <c r="J261" s="16"/>
    </row>
    <row r="262" spans="2:10" s="4" customFormat="1" x14ac:dyDescent="0.2">
      <c r="B262" s="16"/>
      <c r="C262" s="16"/>
      <c r="D262" s="16"/>
      <c r="E262" s="16"/>
      <c r="F262" s="16"/>
      <c r="G262" s="16"/>
      <c r="H262" s="16"/>
      <c r="I262" s="16"/>
      <c r="J262" s="16"/>
    </row>
    <row r="263" spans="2:10" s="4" customFormat="1" x14ac:dyDescent="0.2">
      <c r="B263" s="16"/>
      <c r="C263" s="16"/>
      <c r="D263" s="16"/>
      <c r="E263" s="16"/>
      <c r="F263" s="16"/>
      <c r="G263" s="16"/>
      <c r="H263" s="16"/>
      <c r="I263" s="16"/>
      <c r="J263" s="16"/>
    </row>
    <row r="264" spans="2:10" s="4" customFormat="1" x14ac:dyDescent="0.2">
      <c r="B264" s="16"/>
      <c r="C264" s="16"/>
      <c r="D264" s="16"/>
      <c r="E264" s="16"/>
      <c r="F264" s="16"/>
      <c r="G264" s="16"/>
      <c r="H264" s="16"/>
      <c r="I264" s="16"/>
      <c r="J264" s="16"/>
    </row>
    <row r="265" spans="2:10" s="4" customFormat="1" x14ac:dyDescent="0.2">
      <c r="B265" s="16"/>
      <c r="C265" s="16"/>
      <c r="D265" s="16"/>
      <c r="E265" s="16"/>
      <c r="F265" s="16"/>
      <c r="G265" s="16"/>
      <c r="H265" s="16"/>
      <c r="I265" s="16"/>
      <c r="J265" s="16"/>
    </row>
    <row r="266" spans="2:10" s="4" customFormat="1" x14ac:dyDescent="0.2">
      <c r="B266" s="16"/>
      <c r="C266" s="16"/>
      <c r="D266" s="16"/>
      <c r="E266" s="16"/>
      <c r="F266" s="16"/>
      <c r="G266" s="16"/>
      <c r="H266" s="16"/>
      <c r="I266" s="16"/>
      <c r="J266" s="16"/>
    </row>
    <row r="267" spans="2:10" s="4" customFormat="1" x14ac:dyDescent="0.2">
      <c r="B267" s="16"/>
      <c r="C267" s="16"/>
      <c r="D267" s="16"/>
      <c r="E267" s="16"/>
      <c r="F267" s="16"/>
      <c r="G267" s="16"/>
      <c r="H267" s="16"/>
      <c r="I267" s="16"/>
      <c r="J267" s="16"/>
    </row>
    <row r="268" spans="2:10" s="4" customFormat="1" x14ac:dyDescent="0.2">
      <c r="B268" s="16"/>
      <c r="C268" s="16"/>
      <c r="D268" s="16"/>
      <c r="E268" s="16"/>
      <c r="F268" s="16"/>
      <c r="G268" s="16"/>
      <c r="H268" s="16"/>
      <c r="I268" s="16"/>
      <c r="J268" s="16"/>
    </row>
    <row r="269" spans="2:10" s="4" customFormat="1" x14ac:dyDescent="0.2">
      <c r="B269" s="16"/>
      <c r="C269" s="16"/>
      <c r="D269" s="16"/>
      <c r="E269" s="16"/>
      <c r="F269" s="16"/>
      <c r="G269" s="16"/>
      <c r="H269" s="16"/>
      <c r="I269" s="16"/>
      <c r="J269" s="16"/>
    </row>
    <row r="270" spans="2:10" s="4" customFormat="1" x14ac:dyDescent="0.2">
      <c r="B270" s="16"/>
      <c r="C270" s="16"/>
      <c r="D270" s="16"/>
      <c r="E270" s="16"/>
      <c r="F270" s="16"/>
      <c r="G270" s="16"/>
      <c r="H270" s="16"/>
      <c r="I270" s="16"/>
      <c r="J270" s="16"/>
    </row>
    <row r="271" spans="2:10" s="4" customFormat="1" x14ac:dyDescent="0.2">
      <c r="B271" s="16"/>
      <c r="C271" s="16"/>
      <c r="D271" s="16"/>
      <c r="E271" s="16"/>
      <c r="F271" s="16"/>
      <c r="G271" s="16"/>
      <c r="H271" s="16"/>
      <c r="I271" s="16"/>
      <c r="J271" s="16"/>
    </row>
    <row r="272" spans="2:10" s="4" customFormat="1" x14ac:dyDescent="0.2">
      <c r="B272" s="16"/>
      <c r="C272" s="16"/>
      <c r="D272" s="16"/>
      <c r="E272" s="16"/>
      <c r="F272" s="16"/>
      <c r="G272" s="16"/>
      <c r="H272" s="16"/>
      <c r="I272" s="16"/>
      <c r="J272" s="16"/>
    </row>
    <row r="273" spans="2:10" s="4" customFormat="1" x14ac:dyDescent="0.2">
      <c r="B273" s="16"/>
      <c r="C273" s="16"/>
      <c r="D273" s="16"/>
      <c r="E273" s="16"/>
      <c r="F273" s="16"/>
      <c r="G273" s="16"/>
      <c r="H273" s="16"/>
      <c r="I273" s="16"/>
      <c r="J273" s="16"/>
    </row>
    <row r="274" spans="2:10" s="4" customFormat="1" x14ac:dyDescent="0.2">
      <c r="B274" s="16"/>
      <c r="C274" s="16"/>
      <c r="D274" s="16"/>
      <c r="E274" s="16"/>
      <c r="F274" s="16"/>
      <c r="G274" s="16"/>
      <c r="H274" s="16"/>
      <c r="I274" s="16"/>
      <c r="J274" s="16"/>
    </row>
    <row r="275" spans="2:10" s="4" customFormat="1" x14ac:dyDescent="0.2">
      <c r="B275" s="16"/>
      <c r="C275" s="16"/>
      <c r="D275" s="16"/>
      <c r="E275" s="16"/>
      <c r="F275" s="16"/>
      <c r="G275" s="16"/>
      <c r="H275" s="16"/>
      <c r="I275" s="16"/>
      <c r="J275" s="16"/>
    </row>
    <row r="276" spans="2:10" s="4" customFormat="1" x14ac:dyDescent="0.2">
      <c r="B276" s="16"/>
      <c r="C276" s="16"/>
      <c r="D276" s="16"/>
      <c r="E276" s="16"/>
      <c r="F276" s="16"/>
      <c r="G276" s="16"/>
      <c r="H276" s="16"/>
      <c r="I276" s="16"/>
      <c r="J276" s="16"/>
    </row>
    <row r="277" spans="2:10" s="4" customFormat="1" x14ac:dyDescent="0.2">
      <c r="B277" s="16"/>
      <c r="C277" s="16"/>
      <c r="D277" s="16"/>
      <c r="E277" s="16"/>
      <c r="F277" s="16"/>
      <c r="G277" s="16"/>
      <c r="H277" s="16"/>
      <c r="I277" s="16"/>
      <c r="J277" s="16"/>
    </row>
    <row r="278" spans="2:10" s="4" customFormat="1" x14ac:dyDescent="0.2">
      <c r="B278" s="16"/>
      <c r="C278" s="16"/>
      <c r="D278" s="16"/>
      <c r="E278" s="16"/>
      <c r="F278" s="16"/>
      <c r="G278" s="16"/>
      <c r="H278" s="16"/>
      <c r="I278" s="16"/>
      <c r="J278" s="16"/>
    </row>
    <row r="279" spans="2:10" s="4" customFormat="1" x14ac:dyDescent="0.2">
      <c r="B279" s="16"/>
      <c r="C279" s="16"/>
      <c r="D279" s="16"/>
      <c r="E279" s="16"/>
      <c r="F279" s="16"/>
      <c r="G279" s="16"/>
      <c r="H279" s="16"/>
      <c r="I279" s="16"/>
      <c r="J279" s="16"/>
    </row>
    <row r="280" spans="2:10" s="4" customFormat="1" x14ac:dyDescent="0.2">
      <c r="B280" s="16"/>
      <c r="C280" s="16"/>
      <c r="D280" s="16"/>
      <c r="E280" s="16"/>
      <c r="F280" s="16"/>
      <c r="G280" s="16"/>
      <c r="H280" s="16"/>
      <c r="I280" s="16"/>
      <c r="J280" s="16"/>
    </row>
    <row r="281" spans="2:10" s="4" customFormat="1" x14ac:dyDescent="0.2">
      <c r="B281" s="16"/>
      <c r="C281" s="16"/>
      <c r="D281" s="16"/>
      <c r="E281" s="16"/>
      <c r="F281" s="16"/>
      <c r="G281" s="16"/>
      <c r="H281" s="16"/>
      <c r="I281" s="16"/>
      <c r="J281" s="16"/>
    </row>
    <row r="282" spans="2:10" s="4" customFormat="1" x14ac:dyDescent="0.2">
      <c r="B282" s="16"/>
      <c r="C282" s="16"/>
      <c r="D282" s="16"/>
      <c r="E282" s="16"/>
      <c r="F282" s="16"/>
      <c r="G282" s="16"/>
      <c r="H282" s="16"/>
      <c r="I282" s="16"/>
      <c r="J282" s="16"/>
    </row>
    <row r="283" spans="2:10" s="4" customFormat="1" x14ac:dyDescent="0.2">
      <c r="B283" s="16"/>
      <c r="C283" s="16"/>
      <c r="D283" s="16"/>
      <c r="E283" s="16"/>
      <c r="F283" s="16"/>
      <c r="G283" s="16"/>
      <c r="H283" s="16"/>
      <c r="I283" s="16"/>
      <c r="J283" s="16"/>
    </row>
    <row r="284" spans="2:10" s="4" customFormat="1" x14ac:dyDescent="0.2">
      <c r="B284" s="16"/>
      <c r="C284" s="16"/>
      <c r="D284" s="16"/>
      <c r="E284" s="16"/>
      <c r="F284" s="16"/>
      <c r="G284" s="16"/>
      <c r="H284" s="16"/>
      <c r="I284" s="16"/>
      <c r="J284" s="16"/>
    </row>
    <row r="285" spans="2:10" s="4" customFormat="1" x14ac:dyDescent="0.2">
      <c r="B285" s="16"/>
      <c r="C285" s="16"/>
      <c r="D285" s="16"/>
      <c r="E285" s="16"/>
      <c r="F285" s="16"/>
      <c r="G285" s="16"/>
      <c r="H285" s="16"/>
      <c r="I285" s="16"/>
      <c r="J285" s="16"/>
    </row>
    <row r="286" spans="2:10" s="4" customFormat="1" x14ac:dyDescent="0.2">
      <c r="B286" s="16"/>
      <c r="C286" s="16"/>
      <c r="D286" s="16"/>
      <c r="E286" s="16"/>
      <c r="F286" s="16"/>
      <c r="G286" s="16"/>
      <c r="H286" s="16"/>
      <c r="I286" s="16"/>
      <c r="J286" s="16"/>
    </row>
    <row r="287" spans="2:10" s="4" customFormat="1" x14ac:dyDescent="0.2">
      <c r="B287" s="16"/>
      <c r="C287" s="16"/>
      <c r="D287" s="16"/>
      <c r="E287" s="16"/>
      <c r="F287" s="16"/>
      <c r="G287" s="16"/>
      <c r="H287" s="16"/>
      <c r="I287" s="16"/>
      <c r="J287" s="16"/>
    </row>
    <row r="288" spans="2:10" s="4" customFormat="1" x14ac:dyDescent="0.2">
      <c r="B288" s="16"/>
      <c r="C288" s="16"/>
      <c r="D288" s="16"/>
      <c r="E288" s="16"/>
      <c r="F288" s="16"/>
      <c r="G288" s="16"/>
      <c r="H288" s="16"/>
      <c r="I288" s="16"/>
      <c r="J288" s="16"/>
    </row>
    <row r="289" spans="2:10" s="4" customFormat="1" x14ac:dyDescent="0.2">
      <c r="B289" s="16"/>
      <c r="C289" s="16"/>
      <c r="D289" s="16"/>
      <c r="E289" s="16"/>
      <c r="F289" s="16"/>
      <c r="G289" s="16"/>
      <c r="H289" s="16"/>
      <c r="I289" s="16"/>
      <c r="J289" s="16"/>
    </row>
    <row r="290" spans="2:10" s="4" customFormat="1" x14ac:dyDescent="0.2">
      <c r="B290" s="16"/>
      <c r="C290" s="16"/>
      <c r="D290" s="16"/>
      <c r="E290" s="16"/>
      <c r="F290" s="16"/>
      <c r="G290" s="16"/>
      <c r="H290" s="16"/>
      <c r="I290" s="16"/>
      <c r="J290" s="16"/>
    </row>
    <row r="291" spans="2:10" s="4" customFormat="1" x14ac:dyDescent="0.2">
      <c r="B291" s="16"/>
      <c r="C291" s="16"/>
      <c r="D291" s="16"/>
      <c r="E291" s="16"/>
      <c r="F291" s="16"/>
      <c r="G291" s="16"/>
      <c r="H291" s="16"/>
      <c r="I291" s="16"/>
      <c r="J291" s="16"/>
    </row>
    <row r="292" spans="2:10" s="4" customFormat="1" x14ac:dyDescent="0.2">
      <c r="B292" s="16"/>
      <c r="C292" s="16"/>
      <c r="D292" s="16"/>
      <c r="E292" s="16"/>
      <c r="F292" s="16"/>
      <c r="G292" s="16"/>
      <c r="H292" s="16"/>
      <c r="I292" s="16"/>
      <c r="J292" s="16"/>
    </row>
    <row r="293" spans="2:10" s="4" customFormat="1" x14ac:dyDescent="0.2">
      <c r="B293" s="16"/>
      <c r="C293" s="16"/>
      <c r="D293" s="16"/>
      <c r="E293" s="16"/>
      <c r="F293" s="16"/>
      <c r="G293" s="16"/>
      <c r="H293" s="16"/>
      <c r="I293" s="16"/>
      <c r="J293" s="16"/>
    </row>
    <row r="294" spans="2:10" s="4" customFormat="1" x14ac:dyDescent="0.2">
      <c r="B294" s="16"/>
      <c r="C294" s="16"/>
      <c r="D294" s="16"/>
      <c r="E294" s="16"/>
      <c r="F294" s="16"/>
      <c r="G294" s="16"/>
      <c r="H294" s="16"/>
      <c r="I294" s="16"/>
      <c r="J294" s="16"/>
    </row>
    <row r="295" spans="2:10" s="4" customFormat="1" x14ac:dyDescent="0.2">
      <c r="B295" s="16"/>
      <c r="C295" s="16"/>
      <c r="D295" s="16"/>
      <c r="E295" s="16"/>
      <c r="F295" s="16"/>
      <c r="G295" s="16"/>
      <c r="H295" s="16"/>
      <c r="I295" s="16"/>
      <c r="J295" s="16"/>
    </row>
    <row r="296" spans="2:10" s="4" customFormat="1" x14ac:dyDescent="0.2">
      <c r="B296" s="16"/>
      <c r="C296" s="16"/>
      <c r="D296" s="16"/>
      <c r="E296" s="16"/>
      <c r="F296" s="16"/>
      <c r="G296" s="16"/>
      <c r="H296" s="16"/>
      <c r="I296" s="16"/>
      <c r="J296" s="16"/>
    </row>
    <row r="297" spans="2:10" s="4" customFormat="1" x14ac:dyDescent="0.2">
      <c r="B297" s="16"/>
      <c r="C297" s="16"/>
      <c r="D297" s="16"/>
      <c r="E297" s="16"/>
      <c r="F297" s="16"/>
      <c r="G297" s="16"/>
      <c r="H297" s="16"/>
      <c r="I297" s="16"/>
      <c r="J297" s="16"/>
    </row>
    <row r="298" spans="2:10" s="4" customFormat="1" x14ac:dyDescent="0.2">
      <c r="B298" s="16"/>
      <c r="C298" s="16"/>
      <c r="D298" s="16"/>
      <c r="E298" s="16"/>
      <c r="F298" s="16"/>
      <c r="G298" s="16"/>
      <c r="H298" s="16"/>
      <c r="I298" s="16"/>
      <c r="J298" s="16"/>
    </row>
    <row r="299" spans="2:10" s="4" customFormat="1" x14ac:dyDescent="0.2">
      <c r="B299" s="16"/>
      <c r="C299" s="16"/>
      <c r="D299" s="16"/>
      <c r="E299" s="16"/>
      <c r="F299" s="16"/>
      <c r="G299" s="16"/>
      <c r="H299" s="16"/>
      <c r="I299" s="16"/>
      <c r="J299" s="16"/>
    </row>
    <row r="300" spans="2:10" s="4" customFormat="1" x14ac:dyDescent="0.2">
      <c r="B300" s="16"/>
      <c r="C300" s="16"/>
      <c r="D300" s="16"/>
      <c r="E300" s="16"/>
      <c r="F300" s="16"/>
      <c r="G300" s="16"/>
      <c r="H300" s="16"/>
      <c r="I300" s="16"/>
      <c r="J300" s="16"/>
    </row>
    <row r="301" spans="2:10" s="4" customFormat="1" x14ac:dyDescent="0.2">
      <c r="B301" s="16"/>
      <c r="C301" s="16"/>
      <c r="D301" s="16"/>
      <c r="E301" s="16"/>
      <c r="F301" s="16"/>
      <c r="G301" s="16"/>
      <c r="H301" s="16"/>
      <c r="I301" s="16"/>
      <c r="J301" s="16"/>
    </row>
    <row r="302" spans="2:10" s="4" customFormat="1" x14ac:dyDescent="0.2">
      <c r="B302" s="16"/>
      <c r="C302" s="16"/>
      <c r="D302" s="16"/>
      <c r="E302" s="16"/>
      <c r="F302" s="16"/>
      <c r="G302" s="16"/>
      <c r="H302" s="16"/>
      <c r="I302" s="16"/>
      <c r="J302" s="16"/>
    </row>
    <row r="303" spans="2:10" s="4" customFormat="1" x14ac:dyDescent="0.2">
      <c r="B303" s="16"/>
      <c r="C303" s="16"/>
      <c r="D303" s="16"/>
      <c r="E303" s="16"/>
      <c r="F303" s="16"/>
      <c r="G303" s="16"/>
      <c r="H303" s="16"/>
      <c r="I303" s="16"/>
      <c r="J303" s="16"/>
    </row>
    <row r="304" spans="2:10" s="4" customFormat="1" x14ac:dyDescent="0.2">
      <c r="B304" s="16"/>
      <c r="C304" s="16"/>
      <c r="D304" s="16"/>
      <c r="E304" s="16"/>
      <c r="F304" s="16"/>
      <c r="G304" s="16"/>
      <c r="H304" s="16"/>
      <c r="I304" s="16"/>
      <c r="J304" s="16"/>
    </row>
    <row r="305" spans="2:10" s="4" customFormat="1" x14ac:dyDescent="0.2">
      <c r="B305" s="16"/>
      <c r="C305" s="16"/>
      <c r="D305" s="16"/>
      <c r="E305" s="16"/>
      <c r="F305" s="16"/>
      <c r="G305" s="16"/>
      <c r="H305" s="16"/>
      <c r="I305" s="16"/>
      <c r="J305" s="16"/>
    </row>
    <row r="306" spans="2:10" s="4" customFormat="1" x14ac:dyDescent="0.2">
      <c r="B306" s="16"/>
      <c r="C306" s="16"/>
      <c r="D306" s="16"/>
      <c r="E306" s="16"/>
      <c r="F306" s="16"/>
      <c r="G306" s="16"/>
      <c r="H306" s="16"/>
      <c r="I306" s="16"/>
      <c r="J306" s="16"/>
    </row>
    <row r="307" spans="2:10" s="4" customFormat="1" x14ac:dyDescent="0.2">
      <c r="B307" s="16"/>
      <c r="C307" s="16"/>
      <c r="D307" s="16"/>
      <c r="E307" s="16"/>
      <c r="F307" s="16"/>
      <c r="G307" s="16"/>
      <c r="H307" s="16"/>
      <c r="I307" s="16"/>
      <c r="J307" s="16"/>
    </row>
    <row r="308" spans="2:10" s="4" customFormat="1" x14ac:dyDescent="0.2">
      <c r="B308" s="16"/>
      <c r="C308" s="16"/>
      <c r="D308" s="16"/>
      <c r="E308" s="16"/>
      <c r="F308" s="16"/>
      <c r="G308" s="16"/>
      <c r="H308" s="16"/>
      <c r="I308" s="16"/>
      <c r="J308" s="16"/>
    </row>
    <row r="309" spans="2:10" s="4" customFormat="1" x14ac:dyDescent="0.2">
      <c r="B309" s="16"/>
      <c r="C309" s="16"/>
      <c r="D309" s="16"/>
      <c r="E309" s="16"/>
      <c r="F309" s="16"/>
      <c r="G309" s="16"/>
      <c r="H309" s="16"/>
      <c r="I309" s="16"/>
      <c r="J309" s="16"/>
    </row>
    <row r="310" spans="2:10" s="4" customFormat="1" x14ac:dyDescent="0.2">
      <c r="B310" s="16"/>
      <c r="C310" s="16"/>
      <c r="D310" s="16"/>
      <c r="E310" s="16"/>
      <c r="F310" s="16"/>
      <c r="G310" s="16"/>
      <c r="H310" s="16"/>
      <c r="I310" s="16"/>
      <c r="J310" s="16"/>
    </row>
    <row r="311" spans="2:10" s="4" customFormat="1" x14ac:dyDescent="0.2">
      <c r="B311" s="16"/>
      <c r="C311" s="16"/>
      <c r="D311" s="16"/>
      <c r="E311" s="16"/>
      <c r="F311" s="16"/>
      <c r="G311" s="16"/>
      <c r="H311" s="16"/>
      <c r="I311" s="16"/>
      <c r="J311" s="16"/>
    </row>
    <row r="312" spans="2:10" s="4" customFormat="1" x14ac:dyDescent="0.2">
      <c r="B312" s="16"/>
      <c r="C312" s="16"/>
      <c r="D312" s="16"/>
      <c r="E312" s="16"/>
      <c r="F312" s="16"/>
      <c r="G312" s="16"/>
      <c r="H312" s="16"/>
      <c r="I312" s="16"/>
      <c r="J312" s="16"/>
    </row>
    <row r="313" spans="2:10" s="4" customFormat="1" x14ac:dyDescent="0.2">
      <c r="B313" s="16"/>
      <c r="C313" s="16"/>
      <c r="D313" s="16"/>
      <c r="E313" s="16"/>
      <c r="F313" s="16"/>
      <c r="G313" s="16"/>
      <c r="H313" s="16"/>
      <c r="I313" s="16"/>
      <c r="J313" s="16"/>
    </row>
    <row r="314" spans="2:10" s="4" customFormat="1" x14ac:dyDescent="0.2">
      <c r="B314" s="16"/>
      <c r="C314" s="16"/>
      <c r="D314" s="16"/>
      <c r="E314" s="16"/>
      <c r="F314" s="16"/>
      <c r="G314" s="16"/>
      <c r="H314" s="16"/>
      <c r="I314" s="16"/>
      <c r="J314" s="16"/>
    </row>
    <row r="315" spans="2:10" s="4" customFormat="1" x14ac:dyDescent="0.2">
      <c r="B315" s="16"/>
      <c r="C315" s="16"/>
      <c r="D315" s="16"/>
      <c r="E315" s="16"/>
      <c r="F315" s="16"/>
      <c r="G315" s="16"/>
      <c r="H315" s="16"/>
      <c r="I315" s="16"/>
      <c r="J315" s="16"/>
    </row>
    <row r="316" spans="2:10" s="4" customFormat="1" x14ac:dyDescent="0.2">
      <c r="B316" s="16"/>
      <c r="C316" s="16"/>
      <c r="D316" s="16"/>
      <c r="E316" s="16"/>
      <c r="F316" s="16"/>
      <c r="G316" s="16"/>
      <c r="H316" s="16"/>
      <c r="I316" s="16"/>
      <c r="J316" s="16"/>
    </row>
    <row r="317" spans="2:10" s="4" customFormat="1" x14ac:dyDescent="0.2">
      <c r="B317" s="16"/>
      <c r="C317" s="16"/>
      <c r="D317" s="16"/>
      <c r="E317" s="16"/>
      <c r="F317" s="16"/>
      <c r="G317" s="16"/>
      <c r="H317" s="16"/>
      <c r="I317" s="16"/>
      <c r="J317" s="16"/>
    </row>
    <row r="318" spans="2:10" s="4" customFormat="1" x14ac:dyDescent="0.2">
      <c r="B318" s="16"/>
      <c r="C318" s="16"/>
      <c r="D318" s="16"/>
      <c r="E318" s="16"/>
      <c r="F318" s="16"/>
      <c r="G318" s="16"/>
      <c r="H318" s="16"/>
      <c r="I318" s="16"/>
      <c r="J318" s="16"/>
    </row>
    <row r="319" spans="2:10" s="4" customFormat="1" x14ac:dyDescent="0.2">
      <c r="B319" s="16"/>
      <c r="C319" s="16"/>
      <c r="D319" s="16"/>
      <c r="E319" s="16"/>
      <c r="F319" s="16"/>
      <c r="G319" s="16"/>
      <c r="H319" s="16"/>
      <c r="I319" s="16"/>
      <c r="J319" s="16"/>
    </row>
    <row r="320" spans="2:10" s="4" customFormat="1" x14ac:dyDescent="0.2">
      <c r="B320" s="16"/>
      <c r="C320" s="16"/>
      <c r="D320" s="16"/>
      <c r="E320" s="16"/>
      <c r="F320" s="16"/>
      <c r="G320" s="16"/>
      <c r="H320" s="16"/>
      <c r="I320" s="16"/>
      <c r="J320" s="16"/>
    </row>
    <row r="321" spans="2:10" s="4" customFormat="1" x14ac:dyDescent="0.2">
      <c r="B321" s="16"/>
      <c r="C321" s="16"/>
      <c r="D321" s="16"/>
      <c r="E321" s="16"/>
      <c r="F321" s="16"/>
      <c r="G321" s="16"/>
      <c r="H321" s="16"/>
      <c r="I321" s="16"/>
      <c r="J321" s="16"/>
    </row>
    <row r="322" spans="2:10" s="4" customFormat="1" x14ac:dyDescent="0.2">
      <c r="B322" s="16"/>
      <c r="C322" s="16"/>
      <c r="D322" s="16"/>
      <c r="E322" s="16"/>
      <c r="F322" s="16"/>
      <c r="G322" s="16"/>
      <c r="H322" s="16"/>
      <c r="I322" s="16"/>
      <c r="J322" s="16"/>
    </row>
    <row r="323" spans="2:10" s="4" customFormat="1" x14ac:dyDescent="0.2">
      <c r="B323" s="16"/>
      <c r="C323" s="16"/>
      <c r="D323" s="16"/>
      <c r="E323" s="16"/>
      <c r="F323" s="16"/>
      <c r="G323" s="16"/>
      <c r="H323" s="16"/>
      <c r="I323" s="16"/>
      <c r="J323" s="16"/>
    </row>
    <row r="324" spans="2:10" s="4" customFormat="1" x14ac:dyDescent="0.2">
      <c r="B324" s="16"/>
      <c r="C324" s="16"/>
      <c r="D324" s="16"/>
      <c r="E324" s="16"/>
      <c r="F324" s="16"/>
      <c r="G324" s="16"/>
      <c r="H324" s="16"/>
      <c r="I324" s="16"/>
      <c r="J324" s="16"/>
    </row>
    <row r="325" spans="2:10" s="4" customFormat="1" x14ac:dyDescent="0.2">
      <c r="B325" s="16"/>
      <c r="C325" s="16"/>
      <c r="D325" s="16"/>
      <c r="E325" s="16"/>
      <c r="F325" s="16"/>
      <c r="G325" s="16"/>
      <c r="H325" s="16"/>
      <c r="I325" s="16"/>
      <c r="J325" s="16"/>
    </row>
    <row r="326" spans="2:10" s="4" customFormat="1" x14ac:dyDescent="0.2">
      <c r="B326" s="16"/>
      <c r="C326" s="16"/>
      <c r="D326" s="16"/>
      <c r="E326" s="16"/>
      <c r="F326" s="16"/>
      <c r="G326" s="16"/>
      <c r="H326" s="16"/>
      <c r="I326" s="16"/>
      <c r="J326" s="16"/>
    </row>
    <row r="327" spans="2:10" s="4" customFormat="1" x14ac:dyDescent="0.2">
      <c r="B327" s="16"/>
      <c r="C327" s="16"/>
      <c r="D327" s="16"/>
      <c r="E327" s="16"/>
      <c r="F327" s="16"/>
      <c r="G327" s="16"/>
      <c r="H327" s="16"/>
      <c r="I327" s="16"/>
      <c r="J327" s="16"/>
    </row>
    <row r="328" spans="2:10" s="4" customFormat="1" x14ac:dyDescent="0.2">
      <c r="B328" s="16"/>
      <c r="C328" s="16"/>
      <c r="D328" s="16"/>
      <c r="E328" s="16"/>
      <c r="F328" s="16"/>
      <c r="G328" s="16"/>
      <c r="H328" s="16"/>
      <c r="I328" s="16"/>
      <c r="J328" s="16"/>
    </row>
    <row r="329" spans="2:10" s="4" customFormat="1" x14ac:dyDescent="0.2">
      <c r="B329" s="16"/>
      <c r="C329" s="16"/>
      <c r="D329" s="16"/>
      <c r="E329" s="16"/>
      <c r="F329" s="16"/>
      <c r="G329" s="16"/>
      <c r="H329" s="16"/>
      <c r="I329" s="16"/>
      <c r="J329" s="16"/>
    </row>
    <row r="330" spans="2:10" s="4" customFormat="1" x14ac:dyDescent="0.2">
      <c r="B330" s="16"/>
      <c r="C330" s="16"/>
      <c r="D330" s="16"/>
      <c r="E330" s="16"/>
      <c r="F330" s="16"/>
      <c r="G330" s="16"/>
      <c r="H330" s="16"/>
      <c r="I330" s="16"/>
      <c r="J330" s="16"/>
    </row>
    <row r="331" spans="2:10" s="4" customFormat="1" x14ac:dyDescent="0.2">
      <c r="B331" s="16"/>
      <c r="C331" s="16"/>
      <c r="D331" s="16"/>
      <c r="E331" s="16"/>
      <c r="F331" s="16"/>
      <c r="G331" s="16"/>
      <c r="H331" s="16"/>
      <c r="I331" s="16"/>
      <c r="J331" s="16"/>
    </row>
    <row r="332" spans="2:10" s="4" customFormat="1" x14ac:dyDescent="0.2">
      <c r="B332" s="16"/>
      <c r="C332" s="16"/>
      <c r="D332" s="16"/>
      <c r="E332" s="16"/>
      <c r="F332" s="16"/>
      <c r="G332" s="16"/>
      <c r="H332" s="16"/>
      <c r="I332" s="16"/>
      <c r="J332" s="16"/>
    </row>
    <row r="333" spans="2:10" s="4" customFormat="1" x14ac:dyDescent="0.2">
      <c r="B333" s="16"/>
      <c r="C333" s="16"/>
      <c r="D333" s="16"/>
      <c r="E333" s="16"/>
      <c r="F333" s="16"/>
      <c r="G333" s="16"/>
      <c r="H333" s="16"/>
      <c r="I333" s="16"/>
      <c r="J333" s="16"/>
    </row>
    <row r="334" spans="2:10" s="4" customFormat="1" x14ac:dyDescent="0.2">
      <c r="B334" s="16"/>
      <c r="C334" s="16"/>
      <c r="D334" s="16"/>
      <c r="E334" s="16"/>
      <c r="F334" s="16"/>
      <c r="G334" s="16"/>
      <c r="H334" s="16"/>
      <c r="I334" s="16"/>
      <c r="J334" s="16"/>
    </row>
    <row r="335" spans="2:10" s="4" customFormat="1" x14ac:dyDescent="0.2">
      <c r="B335" s="16"/>
      <c r="C335" s="16"/>
      <c r="D335" s="16"/>
      <c r="E335" s="16"/>
      <c r="F335" s="16"/>
      <c r="G335" s="16"/>
      <c r="H335" s="16"/>
      <c r="I335" s="16"/>
      <c r="J335" s="16"/>
    </row>
    <row r="336" spans="2:10" s="4" customFormat="1" x14ac:dyDescent="0.2">
      <c r="B336" s="16"/>
      <c r="C336" s="16"/>
      <c r="D336" s="16"/>
      <c r="E336" s="16"/>
      <c r="F336" s="16"/>
      <c r="G336" s="16"/>
      <c r="H336" s="16"/>
      <c r="I336" s="16"/>
      <c r="J336" s="16"/>
    </row>
    <row r="337" spans="2:10" s="4" customFormat="1" x14ac:dyDescent="0.2">
      <c r="B337" s="16"/>
      <c r="C337" s="16"/>
      <c r="D337" s="16"/>
      <c r="E337" s="16"/>
      <c r="F337" s="16"/>
      <c r="G337" s="16"/>
      <c r="H337" s="16"/>
      <c r="I337" s="16"/>
      <c r="J337" s="16"/>
    </row>
    <row r="338" spans="2:10" s="4" customFormat="1" x14ac:dyDescent="0.2">
      <c r="B338" s="16"/>
      <c r="C338" s="16"/>
      <c r="D338" s="16"/>
      <c r="E338" s="16"/>
      <c r="F338" s="16"/>
      <c r="G338" s="16"/>
      <c r="H338" s="16"/>
      <c r="I338" s="16"/>
      <c r="J338" s="16"/>
    </row>
    <row r="339" spans="2:10" s="4" customFormat="1" x14ac:dyDescent="0.2">
      <c r="B339" s="16"/>
      <c r="C339" s="16"/>
      <c r="D339" s="16"/>
      <c r="E339" s="16"/>
      <c r="F339" s="16"/>
      <c r="G339" s="16"/>
      <c r="H339" s="16"/>
      <c r="I339" s="16"/>
      <c r="J339" s="16"/>
    </row>
    <row r="340" spans="2:10" s="4" customFormat="1" x14ac:dyDescent="0.2">
      <c r="B340" s="16"/>
      <c r="C340" s="16"/>
      <c r="D340" s="16"/>
      <c r="E340" s="16"/>
      <c r="F340" s="16"/>
      <c r="G340" s="16"/>
      <c r="H340" s="16"/>
      <c r="I340" s="16"/>
      <c r="J340" s="16"/>
    </row>
    <row r="341" spans="2:10" s="4" customFormat="1" x14ac:dyDescent="0.2">
      <c r="B341" s="16"/>
      <c r="C341" s="16"/>
      <c r="D341" s="16"/>
      <c r="E341" s="16"/>
      <c r="F341" s="16"/>
      <c r="G341" s="16"/>
      <c r="H341" s="16"/>
      <c r="I341" s="16"/>
      <c r="J341" s="16"/>
    </row>
    <row r="342" spans="2:10" s="4" customFormat="1" x14ac:dyDescent="0.2">
      <c r="B342" s="16"/>
      <c r="C342" s="16"/>
      <c r="D342" s="16"/>
      <c r="E342" s="16"/>
      <c r="F342" s="16"/>
      <c r="G342" s="16"/>
      <c r="H342" s="16"/>
      <c r="I342" s="16"/>
      <c r="J342" s="16"/>
    </row>
    <row r="343" spans="2:10" s="4" customFormat="1" x14ac:dyDescent="0.2">
      <c r="B343" s="16"/>
      <c r="C343" s="16"/>
      <c r="D343" s="16"/>
      <c r="E343" s="16"/>
      <c r="F343" s="16"/>
      <c r="G343" s="16"/>
      <c r="H343" s="16"/>
      <c r="I343" s="16"/>
      <c r="J343" s="16"/>
    </row>
    <row r="344" spans="2:10" s="4" customFormat="1" x14ac:dyDescent="0.2">
      <c r="B344" s="16"/>
      <c r="C344" s="16"/>
      <c r="D344" s="16"/>
      <c r="E344" s="16"/>
      <c r="F344" s="16"/>
      <c r="G344" s="16"/>
      <c r="H344" s="16"/>
      <c r="I344" s="16"/>
      <c r="J344" s="16"/>
    </row>
    <row r="345" spans="2:10" s="4" customFormat="1" x14ac:dyDescent="0.2">
      <c r="B345" s="16"/>
      <c r="C345" s="16"/>
      <c r="D345" s="16"/>
      <c r="E345" s="16"/>
      <c r="F345" s="16"/>
      <c r="G345" s="16"/>
      <c r="H345" s="16"/>
      <c r="I345" s="16"/>
      <c r="J345" s="16"/>
    </row>
    <row r="346" spans="2:10" s="4" customFormat="1" x14ac:dyDescent="0.2">
      <c r="B346" s="16"/>
      <c r="C346" s="16"/>
      <c r="D346" s="16"/>
      <c r="E346" s="16"/>
      <c r="F346" s="16"/>
      <c r="G346" s="16"/>
      <c r="H346" s="16"/>
      <c r="I346" s="16"/>
      <c r="J346" s="16"/>
    </row>
    <row r="347" spans="2:10" s="4" customFormat="1" x14ac:dyDescent="0.2">
      <c r="B347" s="16"/>
      <c r="C347" s="16"/>
      <c r="D347" s="16"/>
      <c r="E347" s="16"/>
      <c r="F347" s="16"/>
      <c r="G347" s="16"/>
      <c r="H347" s="16"/>
      <c r="I347" s="16"/>
      <c r="J347" s="16"/>
    </row>
    <row r="348" spans="2:10" s="4" customFormat="1" x14ac:dyDescent="0.2">
      <c r="B348" s="16"/>
      <c r="C348" s="16"/>
      <c r="D348" s="16"/>
      <c r="E348" s="16"/>
      <c r="F348" s="16"/>
      <c r="G348" s="16"/>
      <c r="H348" s="16"/>
      <c r="I348" s="16"/>
      <c r="J348" s="16"/>
    </row>
    <row r="349" spans="2:10" s="4" customFormat="1" x14ac:dyDescent="0.2">
      <c r="B349" s="16"/>
      <c r="C349" s="16"/>
      <c r="D349" s="16"/>
      <c r="E349" s="16"/>
      <c r="F349" s="16"/>
      <c r="G349" s="16"/>
      <c r="H349" s="16"/>
      <c r="I349" s="16"/>
      <c r="J349" s="16"/>
    </row>
    <row r="350" spans="2:10" s="4" customFormat="1" x14ac:dyDescent="0.2">
      <c r="B350" s="16"/>
      <c r="C350" s="16"/>
      <c r="D350" s="16"/>
      <c r="E350" s="16"/>
      <c r="F350" s="16"/>
      <c r="G350" s="16"/>
      <c r="H350" s="16"/>
      <c r="I350" s="16"/>
      <c r="J350" s="16"/>
    </row>
    <row r="351" spans="2:10" s="4" customFormat="1" x14ac:dyDescent="0.2">
      <c r="B351" s="16"/>
      <c r="C351" s="16"/>
      <c r="D351" s="16"/>
      <c r="E351" s="16"/>
      <c r="F351" s="16"/>
      <c r="G351" s="16"/>
      <c r="H351" s="16"/>
      <c r="I351" s="16"/>
      <c r="J351" s="16"/>
    </row>
    <row r="352" spans="2:10" s="4" customFormat="1" x14ac:dyDescent="0.2">
      <c r="B352" s="16"/>
      <c r="C352" s="16"/>
      <c r="D352" s="16"/>
      <c r="E352" s="16"/>
      <c r="F352" s="16"/>
      <c r="G352" s="16"/>
      <c r="H352" s="16"/>
      <c r="I352" s="16"/>
      <c r="J352" s="16"/>
    </row>
    <row r="353" spans="2:10" s="4" customFormat="1" x14ac:dyDescent="0.2">
      <c r="B353" s="16"/>
      <c r="C353" s="16"/>
      <c r="D353" s="16"/>
      <c r="E353" s="16"/>
      <c r="F353" s="16"/>
      <c r="G353" s="16"/>
      <c r="H353" s="16"/>
      <c r="I353" s="16"/>
      <c r="J353" s="16"/>
    </row>
    <row r="354" spans="2:10" s="4" customFormat="1" x14ac:dyDescent="0.2">
      <c r="B354" s="16"/>
      <c r="C354" s="16"/>
      <c r="D354" s="16"/>
      <c r="E354" s="16"/>
      <c r="F354" s="16"/>
      <c r="G354" s="16"/>
      <c r="H354" s="16"/>
      <c r="I354" s="16"/>
      <c r="J354" s="16"/>
    </row>
    <row r="355" spans="2:10" s="4" customFormat="1" x14ac:dyDescent="0.2">
      <c r="B355" s="16"/>
      <c r="C355" s="16"/>
      <c r="D355" s="16"/>
      <c r="E355" s="16"/>
      <c r="F355" s="16"/>
      <c r="G355" s="16"/>
      <c r="H355" s="16"/>
      <c r="I355" s="16"/>
      <c r="J355" s="16"/>
    </row>
    <row r="356" spans="2:10" s="4" customFormat="1" x14ac:dyDescent="0.2">
      <c r="B356" s="16"/>
      <c r="C356" s="16"/>
      <c r="D356" s="16"/>
      <c r="E356" s="16"/>
      <c r="F356" s="16"/>
      <c r="G356" s="16"/>
      <c r="H356" s="16"/>
      <c r="I356" s="16"/>
      <c r="J356" s="16"/>
    </row>
    <row r="357" spans="2:10" s="4" customFormat="1" x14ac:dyDescent="0.2">
      <c r="B357" s="16"/>
      <c r="C357" s="16"/>
      <c r="D357" s="16"/>
      <c r="E357" s="16"/>
      <c r="F357" s="16"/>
      <c r="G357" s="16"/>
      <c r="H357" s="16"/>
      <c r="I357" s="16"/>
      <c r="J357" s="16"/>
    </row>
    <row r="358" spans="2:10" s="4" customFormat="1" x14ac:dyDescent="0.2">
      <c r="B358" s="16"/>
      <c r="C358" s="16"/>
      <c r="D358" s="16"/>
      <c r="E358" s="16"/>
      <c r="F358" s="16"/>
      <c r="G358" s="16"/>
      <c r="H358" s="16"/>
      <c r="I358" s="16"/>
      <c r="J358" s="16"/>
    </row>
    <row r="359" spans="2:10" s="4" customFormat="1" x14ac:dyDescent="0.2">
      <c r="B359" s="16"/>
      <c r="C359" s="16"/>
      <c r="D359" s="16"/>
      <c r="E359" s="16"/>
      <c r="F359" s="16"/>
      <c r="G359" s="16"/>
      <c r="H359" s="16"/>
      <c r="I359" s="16"/>
      <c r="J359" s="16"/>
    </row>
    <row r="360" spans="2:10" s="4" customFormat="1" x14ac:dyDescent="0.2">
      <c r="B360" s="16"/>
      <c r="C360" s="16"/>
      <c r="D360" s="16"/>
      <c r="E360" s="16"/>
      <c r="F360" s="16"/>
      <c r="G360" s="16"/>
      <c r="H360" s="16"/>
      <c r="I360" s="16"/>
      <c r="J360" s="16"/>
    </row>
    <row r="361" spans="2:10" s="4" customFormat="1" x14ac:dyDescent="0.2">
      <c r="B361" s="16"/>
      <c r="C361" s="16"/>
      <c r="D361" s="16"/>
      <c r="E361" s="16"/>
      <c r="F361" s="16"/>
      <c r="G361" s="16"/>
      <c r="H361" s="16"/>
      <c r="I361" s="16"/>
      <c r="J361" s="16"/>
    </row>
    <row r="362" spans="2:10" s="4" customFormat="1" x14ac:dyDescent="0.2">
      <c r="B362" s="16"/>
      <c r="C362" s="16"/>
      <c r="D362" s="16"/>
      <c r="E362" s="16"/>
      <c r="F362" s="16"/>
      <c r="G362" s="16"/>
      <c r="H362" s="16"/>
      <c r="I362" s="16"/>
      <c r="J362" s="16"/>
    </row>
    <row r="363" spans="2:10" s="4" customFormat="1" x14ac:dyDescent="0.2">
      <c r="B363" s="16"/>
      <c r="C363" s="16"/>
      <c r="D363" s="16"/>
      <c r="E363" s="16"/>
      <c r="F363" s="16"/>
      <c r="G363" s="16"/>
      <c r="H363" s="16"/>
      <c r="I363" s="16"/>
      <c r="J363" s="16"/>
    </row>
    <row r="364" spans="2:10" s="4" customFormat="1" x14ac:dyDescent="0.2">
      <c r="B364" s="16"/>
      <c r="C364" s="16"/>
      <c r="D364" s="16"/>
      <c r="E364" s="16"/>
      <c r="F364" s="16"/>
      <c r="G364" s="16"/>
      <c r="H364" s="16"/>
      <c r="I364" s="16"/>
      <c r="J364" s="16"/>
    </row>
    <row r="365" spans="2:10" s="4" customFormat="1" x14ac:dyDescent="0.2">
      <c r="B365" s="16"/>
      <c r="C365" s="16"/>
      <c r="D365" s="16"/>
      <c r="E365" s="16"/>
      <c r="F365" s="16"/>
      <c r="G365" s="16"/>
      <c r="H365" s="16"/>
      <c r="I365" s="16"/>
      <c r="J365" s="16"/>
    </row>
    <row r="366" spans="2:10" s="4" customFormat="1" x14ac:dyDescent="0.2">
      <c r="B366" s="16"/>
      <c r="C366" s="16"/>
      <c r="D366" s="16"/>
      <c r="E366" s="16"/>
      <c r="F366" s="16"/>
      <c r="G366" s="16"/>
      <c r="H366" s="16"/>
      <c r="I366" s="16"/>
      <c r="J366" s="16"/>
    </row>
    <row r="367" spans="2:10" s="4" customFormat="1" x14ac:dyDescent="0.2">
      <c r="B367" s="16"/>
      <c r="C367" s="16"/>
      <c r="D367" s="16"/>
      <c r="E367" s="16"/>
      <c r="F367" s="16"/>
      <c r="G367" s="16"/>
      <c r="H367" s="16"/>
      <c r="I367" s="16"/>
      <c r="J367" s="16"/>
    </row>
    <row r="368" spans="2:10" s="4" customFormat="1" x14ac:dyDescent="0.2">
      <c r="B368" s="16"/>
      <c r="C368" s="16"/>
      <c r="D368" s="16"/>
      <c r="E368" s="16"/>
      <c r="F368" s="16"/>
      <c r="G368" s="16"/>
      <c r="H368" s="16"/>
      <c r="I368" s="16"/>
      <c r="J368" s="16"/>
    </row>
    <row r="369" spans="2:10" s="4" customFormat="1" x14ac:dyDescent="0.2">
      <c r="B369" s="16"/>
      <c r="C369" s="16"/>
      <c r="D369" s="16"/>
      <c r="E369" s="16"/>
      <c r="F369" s="16"/>
      <c r="G369" s="16"/>
      <c r="H369" s="16"/>
      <c r="I369" s="16"/>
      <c r="J369" s="16"/>
    </row>
    <row r="370" spans="2:10" s="4" customFormat="1" x14ac:dyDescent="0.2">
      <c r="B370" s="16"/>
      <c r="C370" s="16"/>
      <c r="D370" s="16"/>
      <c r="E370" s="16"/>
      <c r="F370" s="16"/>
      <c r="G370" s="16"/>
      <c r="H370" s="16"/>
      <c r="I370" s="16"/>
      <c r="J370" s="16"/>
    </row>
    <row r="371" spans="2:10" s="4" customFormat="1" x14ac:dyDescent="0.2">
      <c r="B371" s="16"/>
      <c r="C371" s="16"/>
      <c r="D371" s="16"/>
      <c r="E371" s="16"/>
      <c r="F371" s="16"/>
      <c r="G371" s="16"/>
      <c r="H371" s="16"/>
      <c r="I371" s="16"/>
      <c r="J371" s="16"/>
    </row>
    <row r="372" spans="2:10" s="4" customFormat="1" x14ac:dyDescent="0.2">
      <c r="B372" s="16"/>
      <c r="C372" s="16"/>
      <c r="D372" s="16"/>
      <c r="E372" s="16"/>
      <c r="F372" s="16"/>
      <c r="G372" s="16"/>
      <c r="H372" s="16"/>
      <c r="I372" s="16"/>
      <c r="J372" s="16"/>
    </row>
    <row r="373" spans="2:10" s="4" customFormat="1" x14ac:dyDescent="0.2">
      <c r="B373" s="16"/>
      <c r="C373" s="16"/>
      <c r="D373" s="16"/>
      <c r="E373" s="16"/>
      <c r="F373" s="16"/>
      <c r="G373" s="16"/>
      <c r="H373" s="16"/>
      <c r="I373" s="16"/>
      <c r="J373" s="16"/>
    </row>
    <row r="374" spans="2:10" s="4" customFormat="1" x14ac:dyDescent="0.2">
      <c r="B374" s="16"/>
      <c r="C374" s="16"/>
      <c r="D374" s="16"/>
      <c r="E374" s="16"/>
      <c r="F374" s="16"/>
      <c r="G374" s="16"/>
      <c r="H374" s="16"/>
      <c r="I374" s="16"/>
      <c r="J374" s="16"/>
    </row>
    <row r="375" spans="2:10" s="4" customFormat="1" x14ac:dyDescent="0.2">
      <c r="B375" s="16"/>
      <c r="C375" s="16"/>
      <c r="D375" s="16"/>
      <c r="E375" s="16"/>
      <c r="F375" s="16"/>
      <c r="G375" s="16"/>
      <c r="H375" s="16"/>
      <c r="I375" s="16"/>
      <c r="J375" s="16"/>
    </row>
    <row r="376" spans="2:10" s="4" customFormat="1" x14ac:dyDescent="0.2">
      <c r="B376" s="16"/>
      <c r="C376" s="16"/>
      <c r="D376" s="16"/>
      <c r="E376" s="16"/>
      <c r="F376" s="16"/>
      <c r="G376" s="16"/>
      <c r="H376" s="16"/>
      <c r="I376" s="16"/>
      <c r="J376" s="16"/>
    </row>
    <row r="377" spans="2:10" s="4" customFormat="1" x14ac:dyDescent="0.2">
      <c r="B377" s="16"/>
      <c r="C377" s="16"/>
      <c r="D377" s="16"/>
      <c r="E377" s="16"/>
      <c r="F377" s="16"/>
      <c r="G377" s="16"/>
      <c r="H377" s="16"/>
      <c r="I377" s="16"/>
      <c r="J377" s="16"/>
    </row>
    <row r="378" spans="2:10" s="4" customFormat="1" x14ac:dyDescent="0.2">
      <c r="B378" s="16"/>
      <c r="C378" s="16"/>
      <c r="D378" s="16"/>
      <c r="E378" s="16"/>
      <c r="F378" s="16"/>
      <c r="G378" s="16"/>
      <c r="H378" s="16"/>
      <c r="I378" s="16"/>
      <c r="J378" s="16"/>
    </row>
    <row r="379" spans="2:10" s="4" customFormat="1" x14ac:dyDescent="0.2">
      <c r="B379" s="16"/>
      <c r="C379" s="16"/>
      <c r="D379" s="16"/>
      <c r="E379" s="16"/>
      <c r="F379" s="16"/>
      <c r="G379" s="16"/>
      <c r="H379" s="16"/>
      <c r="I379" s="16"/>
      <c r="J379" s="16"/>
    </row>
    <row r="380" spans="2:10" s="4" customFormat="1" x14ac:dyDescent="0.2">
      <c r="B380" s="16"/>
      <c r="C380" s="16"/>
      <c r="D380" s="16"/>
      <c r="E380" s="16"/>
      <c r="F380" s="16"/>
      <c r="G380" s="16"/>
      <c r="H380" s="16"/>
      <c r="I380" s="16"/>
      <c r="J380" s="16"/>
    </row>
    <row r="381" spans="2:10" s="4" customFormat="1" x14ac:dyDescent="0.2">
      <c r="B381" s="16"/>
      <c r="C381" s="16"/>
      <c r="D381" s="16"/>
      <c r="E381" s="16"/>
      <c r="F381" s="16"/>
      <c r="G381" s="16"/>
      <c r="H381" s="16"/>
      <c r="I381" s="16"/>
      <c r="J381" s="16"/>
    </row>
    <row r="382" spans="2:10" s="4" customFormat="1" x14ac:dyDescent="0.2">
      <c r="B382" s="16"/>
      <c r="C382" s="16"/>
      <c r="D382" s="16"/>
      <c r="E382" s="16"/>
      <c r="F382" s="16"/>
      <c r="G382" s="16"/>
      <c r="H382" s="16"/>
      <c r="I382" s="16"/>
      <c r="J382" s="16"/>
    </row>
    <row r="383" spans="2:10" s="4" customFormat="1" x14ac:dyDescent="0.2">
      <c r="B383" s="16"/>
      <c r="C383" s="16"/>
      <c r="D383" s="16"/>
      <c r="E383" s="16"/>
      <c r="F383" s="16"/>
      <c r="G383" s="16"/>
      <c r="H383" s="16"/>
      <c r="I383" s="16"/>
      <c r="J383" s="16"/>
    </row>
    <row r="384" spans="2:10" s="4" customFormat="1" x14ac:dyDescent="0.2">
      <c r="B384" s="16"/>
      <c r="C384" s="16"/>
      <c r="D384" s="16"/>
      <c r="E384" s="16"/>
      <c r="F384" s="16"/>
      <c r="G384" s="16"/>
      <c r="H384" s="16"/>
      <c r="I384" s="16"/>
      <c r="J384" s="16"/>
    </row>
    <row r="385" spans="2:10" s="4" customFormat="1" x14ac:dyDescent="0.2">
      <c r="B385" s="16"/>
      <c r="C385" s="16"/>
      <c r="D385" s="16"/>
      <c r="E385" s="16"/>
      <c r="F385" s="16"/>
      <c r="G385" s="16"/>
      <c r="H385" s="16"/>
      <c r="I385" s="16"/>
      <c r="J385" s="16"/>
    </row>
    <row r="386" spans="2:10" s="4" customFormat="1" x14ac:dyDescent="0.2">
      <c r="B386" s="16"/>
      <c r="C386" s="16"/>
      <c r="D386" s="16"/>
      <c r="E386" s="16"/>
      <c r="F386" s="16"/>
      <c r="G386" s="16"/>
      <c r="H386" s="16"/>
      <c r="I386" s="16"/>
      <c r="J386" s="16"/>
    </row>
    <row r="387" spans="2:10" s="4" customFormat="1" x14ac:dyDescent="0.2">
      <c r="B387" s="16"/>
      <c r="C387" s="16"/>
      <c r="D387" s="16"/>
      <c r="E387" s="16"/>
      <c r="F387" s="16"/>
      <c r="G387" s="16"/>
      <c r="H387" s="16"/>
      <c r="I387" s="16"/>
      <c r="J387" s="16"/>
    </row>
    <row r="388" spans="2:10" s="4" customFormat="1" x14ac:dyDescent="0.2">
      <c r="B388" s="16"/>
      <c r="C388" s="16"/>
      <c r="D388" s="16"/>
      <c r="E388" s="16"/>
      <c r="F388" s="16"/>
      <c r="G388" s="16"/>
      <c r="H388" s="16"/>
      <c r="I388" s="16"/>
      <c r="J388" s="16"/>
    </row>
    <row r="389" spans="2:10" s="4" customFormat="1" x14ac:dyDescent="0.2">
      <c r="B389" s="16"/>
      <c r="C389" s="16"/>
      <c r="D389" s="16"/>
      <c r="E389" s="16"/>
      <c r="F389" s="16"/>
      <c r="G389" s="16"/>
      <c r="H389" s="16"/>
      <c r="I389" s="16"/>
      <c r="J389" s="16"/>
    </row>
    <row r="390" spans="2:10" s="4" customFormat="1" x14ac:dyDescent="0.2">
      <c r="B390" s="16"/>
      <c r="C390" s="16"/>
      <c r="D390" s="16"/>
      <c r="E390" s="16"/>
      <c r="F390" s="16"/>
      <c r="G390" s="16"/>
      <c r="H390" s="16"/>
      <c r="I390" s="16"/>
      <c r="J390" s="16"/>
    </row>
    <row r="391" spans="2:10" s="4" customFormat="1" x14ac:dyDescent="0.2">
      <c r="B391" s="16"/>
      <c r="C391" s="16"/>
      <c r="D391" s="16"/>
      <c r="E391" s="16"/>
      <c r="F391" s="16"/>
      <c r="G391" s="16"/>
      <c r="H391" s="16"/>
      <c r="I391" s="16"/>
      <c r="J391" s="16"/>
    </row>
    <row r="392" spans="2:10" s="4" customFormat="1" x14ac:dyDescent="0.2">
      <c r="B392" s="16"/>
      <c r="C392" s="16"/>
      <c r="D392" s="16"/>
      <c r="E392" s="16"/>
      <c r="F392" s="16"/>
      <c r="G392" s="16"/>
      <c r="H392" s="16"/>
      <c r="I392" s="16"/>
      <c r="J392" s="16"/>
    </row>
    <row r="393" spans="2:10" s="4" customFormat="1" x14ac:dyDescent="0.2">
      <c r="B393" s="16"/>
      <c r="C393" s="16"/>
      <c r="D393" s="16"/>
      <c r="E393" s="16"/>
      <c r="F393" s="16"/>
      <c r="G393" s="16"/>
      <c r="H393" s="16"/>
      <c r="I393" s="16"/>
      <c r="J393" s="16"/>
    </row>
    <row r="394" spans="2:10" s="4" customFormat="1" x14ac:dyDescent="0.2">
      <c r="B394" s="16"/>
      <c r="C394" s="16"/>
      <c r="D394" s="16"/>
      <c r="E394" s="16"/>
      <c r="F394" s="16"/>
      <c r="G394" s="16"/>
      <c r="H394" s="16"/>
      <c r="I394" s="16"/>
      <c r="J394" s="16"/>
    </row>
    <row r="395" spans="2:10" s="4" customFormat="1" x14ac:dyDescent="0.2">
      <c r="B395" s="16"/>
      <c r="C395" s="16"/>
      <c r="D395" s="16"/>
      <c r="E395" s="16"/>
      <c r="F395" s="16"/>
      <c r="G395" s="16"/>
      <c r="H395" s="16"/>
      <c r="I395" s="16"/>
      <c r="J395" s="16"/>
    </row>
    <row r="396" spans="2:10" s="4" customFormat="1" x14ac:dyDescent="0.2">
      <c r="B396" s="16"/>
      <c r="C396" s="16"/>
      <c r="D396" s="16"/>
      <c r="E396" s="16"/>
      <c r="F396" s="16"/>
      <c r="G396" s="16"/>
      <c r="H396" s="16"/>
      <c r="I396" s="16"/>
      <c r="J396" s="16"/>
    </row>
    <row r="397" spans="2:10" s="4" customFormat="1" x14ac:dyDescent="0.2">
      <c r="B397" s="16"/>
      <c r="C397" s="16"/>
      <c r="D397" s="16"/>
      <c r="E397" s="16"/>
      <c r="F397" s="16"/>
      <c r="G397" s="16"/>
      <c r="H397" s="16"/>
      <c r="I397" s="16"/>
      <c r="J397" s="16"/>
    </row>
    <row r="398" spans="2:10" s="4" customFormat="1" x14ac:dyDescent="0.2">
      <c r="B398" s="16"/>
      <c r="C398" s="16"/>
      <c r="D398" s="16"/>
      <c r="E398" s="16"/>
      <c r="F398" s="16"/>
      <c r="G398" s="16"/>
      <c r="H398" s="16"/>
      <c r="I398" s="16"/>
      <c r="J398" s="16"/>
    </row>
    <row r="399" spans="2:10" s="4" customFormat="1" x14ac:dyDescent="0.2">
      <c r="B399" s="16"/>
      <c r="C399" s="16"/>
      <c r="D399" s="16"/>
      <c r="E399" s="16"/>
      <c r="F399" s="16"/>
      <c r="G399" s="16"/>
      <c r="H399" s="16"/>
      <c r="I399" s="16"/>
      <c r="J399" s="16"/>
    </row>
    <row r="400" spans="2:10" s="4" customFormat="1" x14ac:dyDescent="0.2">
      <c r="B400" s="16"/>
      <c r="C400" s="16"/>
      <c r="D400" s="16"/>
      <c r="E400" s="16"/>
      <c r="F400" s="16"/>
      <c r="G400" s="16"/>
      <c r="H400" s="16"/>
      <c r="I400" s="16"/>
      <c r="J400" s="16"/>
    </row>
    <row r="401" spans="2:10" s="4" customFormat="1" x14ac:dyDescent="0.2">
      <c r="B401" s="16"/>
      <c r="C401" s="16"/>
      <c r="D401" s="16"/>
      <c r="E401" s="16"/>
      <c r="F401" s="16"/>
      <c r="G401" s="16"/>
      <c r="H401" s="16"/>
      <c r="I401" s="16"/>
      <c r="J401" s="16"/>
    </row>
    <row r="402" spans="2:10" s="4" customFormat="1" x14ac:dyDescent="0.2">
      <c r="B402" s="16"/>
      <c r="C402" s="16"/>
      <c r="D402" s="16"/>
      <c r="E402" s="16"/>
      <c r="F402" s="16"/>
      <c r="G402" s="16"/>
      <c r="H402" s="16"/>
      <c r="I402" s="16"/>
      <c r="J402" s="16"/>
    </row>
    <row r="403" spans="2:10" s="4" customFormat="1" x14ac:dyDescent="0.2">
      <c r="B403" s="16"/>
      <c r="C403" s="16"/>
      <c r="D403" s="16"/>
      <c r="E403" s="16"/>
      <c r="F403" s="16"/>
      <c r="G403" s="16"/>
      <c r="H403" s="16"/>
      <c r="I403" s="16"/>
      <c r="J403" s="16"/>
    </row>
    <row r="404" spans="2:10" s="4" customFormat="1" x14ac:dyDescent="0.2">
      <c r="B404" s="16"/>
      <c r="C404" s="16"/>
      <c r="D404" s="16"/>
      <c r="E404" s="16"/>
      <c r="F404" s="16"/>
      <c r="G404" s="16"/>
      <c r="H404" s="16"/>
      <c r="I404" s="16"/>
      <c r="J404" s="16"/>
    </row>
    <row r="405" spans="2:10" s="4" customFormat="1" x14ac:dyDescent="0.2">
      <c r="B405" s="16"/>
      <c r="C405" s="16"/>
      <c r="D405" s="16"/>
      <c r="E405" s="16"/>
      <c r="F405" s="16"/>
      <c r="G405" s="16"/>
      <c r="H405" s="16"/>
      <c r="I405" s="16"/>
      <c r="J405" s="16"/>
    </row>
    <row r="406" spans="2:10" s="4" customFormat="1" x14ac:dyDescent="0.2">
      <c r="B406" s="16"/>
      <c r="C406" s="16"/>
      <c r="D406" s="16"/>
      <c r="E406" s="16"/>
      <c r="F406" s="16"/>
      <c r="G406" s="16"/>
      <c r="H406" s="16"/>
      <c r="I406" s="16"/>
      <c r="J406" s="16"/>
    </row>
    <row r="407" spans="2:10" s="4" customFormat="1" x14ac:dyDescent="0.2">
      <c r="B407" s="16"/>
      <c r="C407" s="16"/>
      <c r="D407" s="16"/>
      <c r="E407" s="16"/>
      <c r="F407" s="16"/>
      <c r="G407" s="16"/>
      <c r="H407" s="16"/>
      <c r="I407" s="16"/>
      <c r="J407" s="16"/>
    </row>
    <row r="408" spans="2:10" s="4" customFormat="1" x14ac:dyDescent="0.2">
      <c r="B408" s="16"/>
      <c r="C408" s="16"/>
      <c r="D408" s="16"/>
      <c r="E408" s="16"/>
      <c r="F408" s="16"/>
      <c r="G408" s="16"/>
      <c r="H408" s="16"/>
      <c r="I408" s="16"/>
      <c r="J408" s="16"/>
    </row>
    <row r="409" spans="2:10" s="4" customFormat="1" x14ac:dyDescent="0.2">
      <c r="B409" s="16"/>
      <c r="C409" s="16"/>
      <c r="D409" s="16"/>
      <c r="E409" s="16"/>
      <c r="F409" s="16"/>
      <c r="G409" s="16"/>
      <c r="H409" s="16"/>
      <c r="I409" s="16"/>
      <c r="J409" s="16"/>
    </row>
    <row r="410" spans="2:10" s="4" customFormat="1" x14ac:dyDescent="0.2">
      <c r="B410" s="16"/>
      <c r="C410" s="16"/>
      <c r="D410" s="16"/>
      <c r="E410" s="16"/>
      <c r="F410" s="16"/>
      <c r="G410" s="16"/>
      <c r="H410" s="16"/>
      <c r="I410" s="16"/>
      <c r="J410" s="16"/>
    </row>
    <row r="411" spans="2:10" s="4" customFormat="1" x14ac:dyDescent="0.2">
      <c r="B411" s="16"/>
      <c r="C411" s="16"/>
      <c r="D411" s="16"/>
      <c r="E411" s="16"/>
      <c r="F411" s="16"/>
      <c r="G411" s="16"/>
      <c r="H411" s="16"/>
      <c r="I411" s="16"/>
      <c r="J411" s="16"/>
    </row>
    <row r="412" spans="2:10" s="4" customFormat="1" x14ac:dyDescent="0.2">
      <c r="B412" s="16"/>
      <c r="C412" s="16"/>
      <c r="D412" s="16"/>
      <c r="E412" s="16"/>
      <c r="F412" s="16"/>
      <c r="G412" s="16"/>
      <c r="H412" s="16"/>
      <c r="I412" s="16"/>
      <c r="J412" s="16"/>
    </row>
    <row r="413" spans="2:10" s="4" customFormat="1" x14ac:dyDescent="0.2">
      <c r="B413" s="16"/>
      <c r="C413" s="16"/>
      <c r="D413" s="16"/>
      <c r="E413" s="16"/>
      <c r="F413" s="16"/>
      <c r="G413" s="16"/>
      <c r="H413" s="16"/>
      <c r="I413" s="16"/>
      <c r="J413" s="16"/>
    </row>
    <row r="414" spans="2:10" s="4" customFormat="1" x14ac:dyDescent="0.2">
      <c r="B414" s="16"/>
      <c r="C414" s="16"/>
      <c r="D414" s="16"/>
      <c r="E414" s="16"/>
      <c r="F414" s="16"/>
      <c r="G414" s="16"/>
      <c r="H414" s="16"/>
      <c r="I414" s="16"/>
      <c r="J414" s="16"/>
    </row>
    <row r="415" spans="2:10" s="4" customFormat="1" x14ac:dyDescent="0.2">
      <c r="B415" s="16"/>
      <c r="C415" s="16"/>
      <c r="D415" s="16"/>
      <c r="E415" s="16"/>
      <c r="F415" s="16"/>
      <c r="G415" s="16"/>
      <c r="H415" s="16"/>
      <c r="I415" s="16"/>
      <c r="J415" s="16"/>
    </row>
    <row r="416" spans="2:10" s="4" customFormat="1" x14ac:dyDescent="0.2">
      <c r="B416" s="16"/>
      <c r="C416" s="16"/>
      <c r="D416" s="16"/>
      <c r="E416" s="16"/>
      <c r="F416" s="16"/>
      <c r="G416" s="16"/>
      <c r="H416" s="16"/>
      <c r="I416" s="16"/>
      <c r="J416" s="16"/>
    </row>
    <row r="417" spans="2:10" s="4" customFormat="1" x14ac:dyDescent="0.2">
      <c r="B417" s="16"/>
      <c r="C417" s="16"/>
      <c r="D417" s="16"/>
      <c r="E417" s="16"/>
      <c r="F417" s="16"/>
      <c r="G417" s="16"/>
      <c r="H417" s="16"/>
      <c r="I417" s="16"/>
      <c r="J417" s="16"/>
    </row>
    <row r="418" spans="2:10" s="4" customFormat="1" x14ac:dyDescent="0.2">
      <c r="B418" s="16"/>
      <c r="C418" s="16"/>
      <c r="D418" s="16"/>
      <c r="E418" s="16"/>
      <c r="F418" s="16"/>
      <c r="G418" s="16"/>
      <c r="H418" s="16"/>
      <c r="I418" s="16"/>
      <c r="J418" s="16"/>
    </row>
    <row r="419" spans="2:10" s="4" customFormat="1" x14ac:dyDescent="0.2">
      <c r="B419" s="16"/>
      <c r="C419" s="16"/>
      <c r="D419" s="16"/>
      <c r="E419" s="16"/>
      <c r="F419" s="16"/>
      <c r="G419" s="16"/>
      <c r="H419" s="16"/>
      <c r="I419" s="16"/>
      <c r="J419" s="16"/>
    </row>
    <row r="420" spans="2:10" s="4" customFormat="1" x14ac:dyDescent="0.2">
      <c r="B420" s="16"/>
      <c r="C420" s="16"/>
      <c r="D420" s="16"/>
      <c r="E420" s="16"/>
      <c r="F420" s="16"/>
      <c r="G420" s="16"/>
      <c r="H420" s="16"/>
      <c r="I420" s="16"/>
      <c r="J420" s="16"/>
    </row>
    <row r="421" spans="2:10" s="4" customFormat="1" x14ac:dyDescent="0.2">
      <c r="B421" s="16"/>
      <c r="C421" s="16"/>
      <c r="D421" s="16"/>
      <c r="E421" s="16"/>
      <c r="F421" s="16"/>
      <c r="G421" s="16"/>
      <c r="H421" s="16"/>
      <c r="I421" s="16"/>
      <c r="J421" s="16"/>
    </row>
    <row r="422" spans="2:10" s="4" customFormat="1" x14ac:dyDescent="0.2">
      <c r="B422" s="16"/>
      <c r="C422" s="16"/>
      <c r="D422" s="16"/>
      <c r="E422" s="16"/>
      <c r="F422" s="16"/>
      <c r="G422" s="16"/>
      <c r="H422" s="16"/>
      <c r="I422" s="16"/>
      <c r="J422" s="16"/>
    </row>
    <row r="423" spans="2:10" s="4" customFormat="1" x14ac:dyDescent="0.2">
      <c r="B423" s="16"/>
      <c r="C423" s="16"/>
      <c r="D423" s="16"/>
      <c r="E423" s="16"/>
      <c r="F423" s="16"/>
      <c r="G423" s="16"/>
      <c r="H423" s="16"/>
      <c r="I423" s="16"/>
      <c r="J423" s="16"/>
    </row>
    <row r="424" spans="2:10" s="4" customFormat="1" x14ac:dyDescent="0.2">
      <c r="B424" s="16"/>
      <c r="C424" s="16"/>
      <c r="D424" s="16"/>
      <c r="E424" s="16"/>
      <c r="F424" s="16"/>
      <c r="G424" s="16"/>
      <c r="H424" s="16"/>
      <c r="I424" s="16"/>
      <c r="J424" s="16"/>
    </row>
    <row r="425" spans="2:10" s="4" customFormat="1" x14ac:dyDescent="0.2">
      <c r="B425" s="16"/>
      <c r="C425" s="16"/>
      <c r="D425" s="16"/>
      <c r="E425" s="16"/>
      <c r="F425" s="16"/>
      <c r="G425" s="16"/>
      <c r="H425" s="16"/>
      <c r="I425" s="16"/>
      <c r="J425" s="16"/>
    </row>
    <row r="426" spans="2:10" s="4" customFormat="1" x14ac:dyDescent="0.2">
      <c r="B426" s="16"/>
      <c r="C426" s="16"/>
      <c r="D426" s="16"/>
      <c r="E426" s="16"/>
      <c r="F426" s="16"/>
      <c r="G426" s="16"/>
      <c r="H426" s="16"/>
      <c r="I426" s="16"/>
      <c r="J426" s="16"/>
    </row>
    <row r="427" spans="2:10" s="4" customFormat="1" x14ac:dyDescent="0.2">
      <c r="B427" s="16"/>
      <c r="C427" s="16"/>
      <c r="D427" s="16"/>
      <c r="E427" s="16"/>
      <c r="F427" s="16"/>
      <c r="G427" s="16"/>
      <c r="H427" s="16"/>
      <c r="I427" s="16"/>
      <c r="J427" s="16"/>
    </row>
    <row r="428" spans="2:10" s="4" customFormat="1" x14ac:dyDescent="0.2">
      <c r="B428" s="16"/>
      <c r="C428" s="16"/>
      <c r="D428" s="16"/>
      <c r="E428" s="16"/>
      <c r="F428" s="16"/>
      <c r="G428" s="16"/>
      <c r="H428" s="16"/>
      <c r="I428" s="16"/>
      <c r="J428" s="16"/>
    </row>
    <row r="429" spans="2:10" s="4" customFormat="1" x14ac:dyDescent="0.2">
      <c r="B429" s="16"/>
      <c r="C429" s="16"/>
      <c r="D429" s="16"/>
      <c r="E429" s="16"/>
      <c r="F429" s="16"/>
      <c r="G429" s="16"/>
      <c r="H429" s="16"/>
      <c r="I429" s="16"/>
      <c r="J429" s="16"/>
    </row>
    <row r="430" spans="2:10" s="4" customFormat="1" x14ac:dyDescent="0.2">
      <c r="B430" s="16"/>
      <c r="C430" s="16"/>
      <c r="D430" s="16"/>
      <c r="E430" s="16"/>
      <c r="F430" s="16"/>
      <c r="G430" s="16"/>
      <c r="H430" s="16"/>
      <c r="I430" s="16"/>
      <c r="J430" s="16"/>
    </row>
    <row r="431" spans="2:10" s="4" customFormat="1" x14ac:dyDescent="0.2">
      <c r="B431" s="16"/>
      <c r="C431" s="16"/>
      <c r="D431" s="16"/>
      <c r="E431" s="16"/>
      <c r="F431" s="16"/>
      <c r="G431" s="16"/>
      <c r="H431" s="16"/>
      <c r="I431" s="16"/>
      <c r="J431" s="16"/>
    </row>
    <row r="432" spans="2:10" s="4" customFormat="1" x14ac:dyDescent="0.2">
      <c r="B432" s="16"/>
      <c r="C432" s="16"/>
      <c r="D432" s="16"/>
      <c r="E432" s="16"/>
      <c r="F432" s="16"/>
      <c r="G432" s="16"/>
      <c r="H432" s="16"/>
      <c r="I432" s="16"/>
      <c r="J432" s="16"/>
    </row>
    <row r="433" spans="2:10" s="4" customFormat="1" x14ac:dyDescent="0.2">
      <c r="B433" s="16"/>
      <c r="C433" s="16"/>
      <c r="D433" s="16"/>
      <c r="E433" s="16"/>
      <c r="F433" s="16"/>
      <c r="G433" s="16"/>
      <c r="H433" s="16"/>
      <c r="I433" s="16"/>
      <c r="J433" s="16"/>
    </row>
    <row r="434" spans="2:10" s="4" customFormat="1" x14ac:dyDescent="0.2">
      <c r="B434" s="16"/>
      <c r="C434" s="16"/>
      <c r="D434" s="16"/>
      <c r="E434" s="16"/>
      <c r="F434" s="16"/>
      <c r="G434" s="16"/>
      <c r="H434" s="16"/>
      <c r="I434" s="16"/>
      <c r="J434" s="16"/>
    </row>
    <row r="435" spans="2:10" s="4" customFormat="1" x14ac:dyDescent="0.2">
      <c r="B435" s="16"/>
      <c r="C435" s="16"/>
      <c r="D435" s="16"/>
      <c r="E435" s="16"/>
      <c r="F435" s="16"/>
      <c r="G435" s="16"/>
      <c r="H435" s="16"/>
      <c r="I435" s="16"/>
      <c r="J435" s="16"/>
    </row>
    <row r="436" spans="2:10" s="4" customFormat="1" x14ac:dyDescent="0.2">
      <c r="B436" s="16"/>
      <c r="C436" s="16"/>
      <c r="D436" s="16"/>
      <c r="E436" s="16"/>
      <c r="F436" s="16"/>
      <c r="G436" s="16"/>
      <c r="H436" s="16"/>
      <c r="I436" s="16"/>
      <c r="J436" s="16"/>
    </row>
    <row r="437" spans="2:10" s="4" customFormat="1" x14ac:dyDescent="0.2">
      <c r="B437" s="16"/>
      <c r="C437" s="16"/>
      <c r="D437" s="16"/>
      <c r="E437" s="16"/>
      <c r="F437" s="16"/>
      <c r="G437" s="16"/>
      <c r="H437" s="16"/>
      <c r="I437" s="16"/>
      <c r="J437" s="16"/>
    </row>
    <row r="438" spans="2:10" s="4" customFormat="1" x14ac:dyDescent="0.2">
      <c r="B438" s="16"/>
      <c r="C438" s="16"/>
      <c r="D438" s="16"/>
      <c r="E438" s="16"/>
      <c r="F438" s="16"/>
      <c r="G438" s="16"/>
      <c r="H438" s="16"/>
      <c r="I438" s="16"/>
      <c r="J438" s="16"/>
    </row>
    <row r="439" spans="2:10" s="4" customFormat="1" x14ac:dyDescent="0.2">
      <c r="B439" s="16"/>
      <c r="C439" s="16"/>
      <c r="D439" s="16"/>
      <c r="E439" s="16"/>
      <c r="F439" s="16"/>
      <c r="G439" s="16"/>
      <c r="H439" s="16"/>
      <c r="I439" s="16"/>
      <c r="J439" s="16"/>
    </row>
    <row r="440" spans="2:10" s="4" customFormat="1" x14ac:dyDescent="0.2">
      <c r="B440" s="16"/>
      <c r="C440" s="16"/>
      <c r="D440" s="16"/>
      <c r="E440" s="16"/>
      <c r="F440" s="16"/>
      <c r="G440" s="16"/>
      <c r="H440" s="16"/>
      <c r="I440" s="16"/>
      <c r="J440" s="16"/>
    </row>
    <row r="441" spans="2:10" s="4" customFormat="1" x14ac:dyDescent="0.2">
      <c r="B441" s="16"/>
      <c r="C441" s="16"/>
      <c r="D441" s="16"/>
      <c r="E441" s="16"/>
      <c r="F441" s="16"/>
      <c r="G441" s="16"/>
      <c r="H441" s="16"/>
      <c r="I441" s="16"/>
      <c r="J441" s="16"/>
    </row>
    <row r="442" spans="2:10" s="4" customFormat="1" x14ac:dyDescent="0.2">
      <c r="B442" s="16"/>
      <c r="C442" s="16"/>
      <c r="D442" s="16"/>
      <c r="E442" s="16"/>
      <c r="F442" s="16"/>
      <c r="G442" s="16"/>
      <c r="H442" s="16"/>
      <c r="I442" s="16"/>
      <c r="J442" s="16"/>
    </row>
    <row r="443" spans="2:10" s="4" customFormat="1" x14ac:dyDescent="0.2">
      <c r="B443" s="16"/>
      <c r="C443" s="16"/>
      <c r="D443" s="16"/>
      <c r="E443" s="16"/>
      <c r="F443" s="16"/>
      <c r="G443" s="16"/>
      <c r="H443" s="16"/>
      <c r="I443" s="16"/>
      <c r="J443" s="16"/>
    </row>
    <row r="444" spans="2:10" s="4" customFormat="1" x14ac:dyDescent="0.2">
      <c r="B444" s="16"/>
      <c r="C444" s="16"/>
      <c r="D444" s="16"/>
      <c r="E444" s="16"/>
      <c r="F444" s="16"/>
      <c r="G444" s="16"/>
      <c r="H444" s="16"/>
      <c r="I444" s="16"/>
      <c r="J444" s="16"/>
    </row>
    <row r="445" spans="2:10" s="4" customFormat="1" x14ac:dyDescent="0.2">
      <c r="B445" s="16"/>
      <c r="C445" s="16"/>
      <c r="D445" s="16"/>
      <c r="E445" s="16"/>
      <c r="F445" s="16"/>
      <c r="G445" s="16"/>
      <c r="H445" s="16"/>
      <c r="I445" s="16"/>
      <c r="J445" s="16"/>
    </row>
    <row r="446" spans="2:10" s="4" customFormat="1" x14ac:dyDescent="0.2">
      <c r="B446" s="16"/>
      <c r="C446" s="16"/>
      <c r="D446" s="16"/>
      <c r="E446" s="16"/>
      <c r="F446" s="16"/>
      <c r="G446" s="16"/>
      <c r="H446" s="16"/>
      <c r="I446" s="16"/>
      <c r="J446" s="16"/>
    </row>
    <row r="447" spans="2:10" s="4" customFormat="1" x14ac:dyDescent="0.2">
      <c r="B447" s="16"/>
      <c r="C447" s="16"/>
      <c r="D447" s="16"/>
      <c r="E447" s="16"/>
      <c r="F447" s="16"/>
      <c r="G447" s="16"/>
      <c r="H447" s="16"/>
      <c r="I447" s="16"/>
      <c r="J447" s="16"/>
    </row>
    <row r="448" spans="2:10" s="4" customFormat="1" x14ac:dyDescent="0.2">
      <c r="B448" s="16"/>
      <c r="C448" s="16"/>
      <c r="D448" s="16"/>
      <c r="E448" s="16"/>
      <c r="F448" s="16"/>
      <c r="G448" s="16"/>
      <c r="H448" s="16"/>
      <c r="I448" s="16"/>
      <c r="J448" s="16"/>
    </row>
    <row r="449" spans="2:10" s="4" customFormat="1" x14ac:dyDescent="0.2">
      <c r="B449" s="16"/>
      <c r="C449" s="16"/>
      <c r="D449" s="16"/>
      <c r="E449" s="16"/>
      <c r="F449" s="16"/>
      <c r="G449" s="16"/>
      <c r="H449" s="16"/>
      <c r="I449" s="16"/>
      <c r="J449" s="16"/>
    </row>
    <row r="450" spans="2:10" s="4" customFormat="1" x14ac:dyDescent="0.2">
      <c r="B450" s="16"/>
      <c r="C450" s="16"/>
      <c r="D450" s="16"/>
      <c r="E450" s="16"/>
      <c r="F450" s="16"/>
      <c r="G450" s="16"/>
      <c r="H450" s="16"/>
      <c r="I450" s="16"/>
      <c r="J450" s="16"/>
    </row>
    <row r="451" spans="2:10" s="4" customFormat="1" x14ac:dyDescent="0.2">
      <c r="B451" s="16"/>
      <c r="C451" s="16"/>
      <c r="D451" s="16"/>
      <c r="E451" s="16"/>
      <c r="F451" s="16"/>
      <c r="G451" s="16"/>
      <c r="H451" s="16"/>
      <c r="I451" s="16"/>
      <c r="J451" s="16"/>
    </row>
    <row r="452" spans="2:10" s="4" customFormat="1" x14ac:dyDescent="0.2">
      <c r="B452" s="16"/>
      <c r="C452" s="16"/>
      <c r="D452" s="16"/>
      <c r="E452" s="16"/>
      <c r="F452" s="16"/>
      <c r="G452" s="16"/>
      <c r="H452" s="16"/>
      <c r="I452" s="16"/>
      <c r="J452" s="16"/>
    </row>
    <row r="453" spans="2:10" s="4" customFormat="1" x14ac:dyDescent="0.2">
      <c r="B453" s="16"/>
      <c r="C453" s="16"/>
      <c r="D453" s="16"/>
      <c r="E453" s="16"/>
      <c r="F453" s="16"/>
      <c r="G453" s="16"/>
      <c r="H453" s="16"/>
      <c r="I453" s="16"/>
      <c r="J453" s="16"/>
    </row>
    <row r="454" spans="2:10" s="4" customFormat="1" x14ac:dyDescent="0.2">
      <c r="B454" s="16"/>
      <c r="C454" s="16"/>
      <c r="D454" s="16"/>
      <c r="E454" s="16"/>
      <c r="F454" s="16"/>
      <c r="G454" s="16"/>
      <c r="H454" s="16"/>
      <c r="I454" s="16"/>
      <c r="J454" s="16"/>
    </row>
    <row r="455" spans="2:10" s="4" customFormat="1" x14ac:dyDescent="0.2">
      <c r="B455" s="16"/>
      <c r="C455" s="16"/>
      <c r="D455" s="16"/>
      <c r="E455" s="16"/>
      <c r="F455" s="16"/>
      <c r="G455" s="16"/>
      <c r="H455" s="16"/>
      <c r="I455" s="16"/>
      <c r="J455" s="16"/>
    </row>
    <row r="456" spans="2:10" s="4" customFormat="1" x14ac:dyDescent="0.2">
      <c r="B456" s="16"/>
      <c r="C456" s="16"/>
      <c r="D456" s="16"/>
      <c r="E456" s="16"/>
      <c r="F456" s="16"/>
      <c r="G456" s="16"/>
      <c r="H456" s="16"/>
      <c r="I456" s="16"/>
      <c r="J456" s="16"/>
    </row>
    <row r="457" spans="2:10" s="4" customFormat="1" x14ac:dyDescent="0.2">
      <c r="B457" s="16"/>
      <c r="C457" s="16"/>
      <c r="D457" s="16"/>
      <c r="E457" s="16"/>
      <c r="F457" s="16"/>
      <c r="G457" s="16"/>
      <c r="H457" s="16"/>
      <c r="I457" s="16"/>
      <c r="J457" s="16"/>
    </row>
    <row r="458" spans="2:10" s="4" customFormat="1" x14ac:dyDescent="0.2">
      <c r="B458" s="16"/>
      <c r="C458" s="16"/>
      <c r="D458" s="16"/>
      <c r="E458" s="16"/>
      <c r="F458" s="16"/>
      <c r="G458" s="16"/>
      <c r="H458" s="16"/>
      <c r="I458" s="16"/>
      <c r="J458" s="16"/>
    </row>
    <row r="459" spans="2:10" s="4" customFormat="1" x14ac:dyDescent="0.2">
      <c r="B459" s="16"/>
      <c r="C459" s="16"/>
      <c r="D459" s="16"/>
      <c r="E459" s="16"/>
      <c r="F459" s="16"/>
      <c r="G459" s="16"/>
      <c r="H459" s="16"/>
      <c r="I459" s="16"/>
      <c r="J459" s="16"/>
    </row>
    <row r="460" spans="2:10" s="4" customFormat="1" x14ac:dyDescent="0.2">
      <c r="B460" s="16"/>
      <c r="C460" s="16"/>
      <c r="D460" s="16"/>
      <c r="E460" s="16"/>
      <c r="F460" s="16"/>
      <c r="G460" s="16"/>
      <c r="H460" s="16"/>
      <c r="I460" s="16"/>
      <c r="J460" s="16"/>
    </row>
    <row r="461" spans="2:10" s="4" customFormat="1" x14ac:dyDescent="0.2">
      <c r="B461" s="16"/>
      <c r="C461" s="16"/>
      <c r="D461" s="16"/>
      <c r="E461" s="16"/>
      <c r="F461" s="16"/>
      <c r="G461" s="16"/>
      <c r="H461" s="16"/>
      <c r="I461" s="16"/>
      <c r="J461" s="16"/>
    </row>
    <row r="462" spans="2:10" s="4" customFormat="1" x14ac:dyDescent="0.2">
      <c r="B462" s="16"/>
      <c r="C462" s="16"/>
      <c r="D462" s="16"/>
      <c r="E462" s="16"/>
      <c r="F462" s="16"/>
      <c r="G462" s="16"/>
      <c r="H462" s="16"/>
      <c r="I462" s="16"/>
      <c r="J462" s="16"/>
    </row>
    <row r="463" spans="2:10" s="4" customFormat="1" x14ac:dyDescent="0.2">
      <c r="B463" s="16"/>
      <c r="C463" s="16"/>
      <c r="D463" s="16"/>
      <c r="E463" s="16"/>
      <c r="F463" s="16"/>
      <c r="G463" s="16"/>
      <c r="H463" s="16"/>
      <c r="I463" s="16"/>
      <c r="J463" s="16"/>
    </row>
    <row r="464" spans="2:10" s="4" customFormat="1" x14ac:dyDescent="0.2">
      <c r="B464" s="16"/>
      <c r="C464" s="16"/>
      <c r="D464" s="16"/>
      <c r="E464" s="16"/>
      <c r="F464" s="16"/>
      <c r="G464" s="16"/>
      <c r="H464" s="16"/>
      <c r="I464" s="16"/>
      <c r="J464" s="16"/>
    </row>
    <row r="465" spans="2:10" s="4" customFormat="1" x14ac:dyDescent="0.2">
      <c r="B465" s="16"/>
      <c r="C465" s="16"/>
      <c r="D465" s="16"/>
      <c r="E465" s="16"/>
      <c r="F465" s="16"/>
      <c r="G465" s="16"/>
      <c r="H465" s="16"/>
      <c r="I465" s="16"/>
      <c r="J465" s="16"/>
    </row>
    <row r="466" spans="2:10" s="4" customFormat="1" x14ac:dyDescent="0.2">
      <c r="B466" s="16"/>
      <c r="C466" s="16"/>
      <c r="D466" s="16"/>
      <c r="E466" s="16"/>
      <c r="F466" s="16"/>
      <c r="G466" s="16"/>
      <c r="H466" s="16"/>
      <c r="I466" s="16"/>
      <c r="J466" s="16"/>
    </row>
    <row r="467" spans="2:10" s="4" customFormat="1" x14ac:dyDescent="0.2">
      <c r="B467" s="16"/>
      <c r="C467" s="16"/>
      <c r="D467" s="16"/>
      <c r="E467" s="16"/>
      <c r="F467" s="16"/>
      <c r="G467" s="16"/>
      <c r="H467" s="16"/>
      <c r="I467" s="16"/>
      <c r="J467" s="16"/>
    </row>
    <row r="468" spans="2:10" s="4" customFormat="1" x14ac:dyDescent="0.2">
      <c r="B468" s="16"/>
      <c r="C468" s="16"/>
      <c r="D468" s="16"/>
      <c r="E468" s="16"/>
      <c r="F468" s="16"/>
      <c r="G468" s="16"/>
      <c r="H468" s="16"/>
      <c r="I468" s="16"/>
      <c r="J468" s="16"/>
    </row>
    <row r="469" spans="2:10" s="4" customFormat="1" x14ac:dyDescent="0.2">
      <c r="B469" s="16"/>
      <c r="C469" s="16"/>
      <c r="D469" s="16"/>
      <c r="E469" s="16"/>
      <c r="F469" s="16"/>
      <c r="G469" s="16"/>
      <c r="H469" s="16"/>
      <c r="I469" s="16"/>
      <c r="J469" s="16"/>
    </row>
    <row r="470" spans="2:10" s="4" customFormat="1" x14ac:dyDescent="0.2">
      <c r="B470" s="16"/>
      <c r="C470" s="16"/>
      <c r="D470" s="16"/>
      <c r="E470" s="16"/>
      <c r="F470" s="16"/>
      <c r="G470" s="16"/>
      <c r="H470" s="16"/>
      <c r="I470" s="16"/>
      <c r="J470" s="16"/>
    </row>
    <row r="471" spans="2:10" s="4" customFormat="1" x14ac:dyDescent="0.2">
      <c r="B471" s="16"/>
      <c r="C471" s="16"/>
      <c r="D471" s="16"/>
      <c r="E471" s="16"/>
      <c r="F471" s="16"/>
      <c r="G471" s="16"/>
      <c r="H471" s="16"/>
      <c r="I471" s="16"/>
      <c r="J471" s="16"/>
    </row>
    <row r="472" spans="2:10" s="4" customFormat="1" x14ac:dyDescent="0.2">
      <c r="B472" s="16"/>
      <c r="C472" s="16"/>
      <c r="D472" s="16"/>
      <c r="E472" s="16"/>
      <c r="F472" s="16"/>
      <c r="G472" s="16"/>
      <c r="H472" s="16"/>
      <c r="I472" s="16"/>
      <c r="J472" s="16"/>
    </row>
    <row r="473" spans="2:10" s="4" customFormat="1" x14ac:dyDescent="0.2">
      <c r="B473" s="16"/>
      <c r="C473" s="16"/>
      <c r="D473" s="16"/>
      <c r="E473" s="16"/>
      <c r="F473" s="16"/>
      <c r="G473" s="16"/>
      <c r="H473" s="16"/>
      <c r="I473" s="16"/>
      <c r="J473" s="16"/>
    </row>
    <row r="474" spans="2:10" s="4" customFormat="1" x14ac:dyDescent="0.2">
      <c r="B474" s="16"/>
      <c r="C474" s="16"/>
      <c r="D474" s="16"/>
      <c r="E474" s="16"/>
      <c r="F474" s="16"/>
      <c r="G474" s="16"/>
      <c r="H474" s="16"/>
      <c r="I474" s="16"/>
      <c r="J474" s="16"/>
    </row>
    <row r="475" spans="2:10" s="4" customFormat="1" x14ac:dyDescent="0.2">
      <c r="B475" s="16"/>
      <c r="C475" s="16"/>
      <c r="D475" s="16"/>
      <c r="E475" s="16"/>
      <c r="F475" s="16"/>
      <c r="G475" s="16"/>
      <c r="H475" s="16"/>
      <c r="I475" s="16"/>
      <c r="J475" s="16"/>
    </row>
    <row r="476" spans="2:10" s="4" customFormat="1" x14ac:dyDescent="0.2">
      <c r="B476" s="16"/>
      <c r="C476" s="16"/>
      <c r="D476" s="16"/>
      <c r="E476" s="16"/>
      <c r="F476" s="16"/>
      <c r="G476" s="16"/>
      <c r="H476" s="16"/>
      <c r="I476" s="16"/>
      <c r="J476" s="16"/>
    </row>
    <row r="477" spans="2:10" s="4" customFormat="1" x14ac:dyDescent="0.2">
      <c r="B477" s="16"/>
      <c r="C477" s="16"/>
      <c r="D477" s="16"/>
      <c r="E477" s="16"/>
      <c r="F477" s="16"/>
      <c r="G477" s="16"/>
      <c r="H477" s="16"/>
      <c r="I477" s="16"/>
      <c r="J477" s="16"/>
    </row>
    <row r="478" spans="2:10" s="4" customFormat="1" x14ac:dyDescent="0.2">
      <c r="B478" s="16"/>
      <c r="C478" s="16"/>
      <c r="D478" s="16"/>
      <c r="E478" s="16"/>
      <c r="F478" s="16"/>
      <c r="G478" s="16"/>
      <c r="H478" s="16"/>
      <c r="I478" s="16"/>
      <c r="J478" s="16"/>
    </row>
    <row r="479" spans="2:10" s="4" customFormat="1" x14ac:dyDescent="0.2">
      <c r="B479" s="16"/>
      <c r="C479" s="16"/>
      <c r="D479" s="16"/>
      <c r="E479" s="16"/>
      <c r="F479" s="16"/>
      <c r="G479" s="16"/>
      <c r="H479" s="16"/>
      <c r="I479" s="16"/>
      <c r="J479" s="16"/>
    </row>
    <row r="480" spans="2:10" s="4" customFormat="1" x14ac:dyDescent="0.2">
      <c r="B480" s="16"/>
      <c r="C480" s="16"/>
      <c r="D480" s="16"/>
      <c r="E480" s="16"/>
      <c r="F480" s="16"/>
      <c r="G480" s="16"/>
      <c r="H480" s="16"/>
      <c r="I480" s="16"/>
      <c r="J480" s="16"/>
    </row>
    <row r="481" spans="2:10" s="4" customFormat="1" x14ac:dyDescent="0.2">
      <c r="B481" s="16"/>
      <c r="C481" s="16"/>
      <c r="D481" s="16"/>
      <c r="E481" s="16"/>
      <c r="F481" s="16"/>
      <c r="G481" s="16"/>
      <c r="H481" s="16"/>
      <c r="I481" s="16"/>
      <c r="J481" s="16"/>
    </row>
    <row r="482" spans="2:10" s="4" customFormat="1" x14ac:dyDescent="0.2">
      <c r="B482" s="16"/>
      <c r="C482" s="16"/>
      <c r="D482" s="16"/>
      <c r="E482" s="16"/>
      <c r="F482" s="16"/>
      <c r="G482" s="16"/>
      <c r="H482" s="16"/>
      <c r="I482" s="16"/>
      <c r="J482" s="16"/>
    </row>
    <row r="483" spans="2:10" s="4" customFormat="1" x14ac:dyDescent="0.2">
      <c r="B483" s="16"/>
      <c r="C483" s="16"/>
      <c r="D483" s="16"/>
      <c r="E483" s="16"/>
      <c r="F483" s="16"/>
      <c r="G483" s="16"/>
      <c r="H483" s="16"/>
      <c r="I483" s="16"/>
      <c r="J483" s="16"/>
    </row>
    <row r="484" spans="2:10" s="4" customFormat="1" x14ac:dyDescent="0.2">
      <c r="B484" s="16"/>
      <c r="C484" s="16"/>
      <c r="D484" s="16"/>
      <c r="E484" s="16"/>
      <c r="F484" s="16"/>
      <c r="G484" s="16"/>
      <c r="H484" s="16"/>
      <c r="I484" s="16"/>
      <c r="J484" s="16"/>
    </row>
    <row r="485" spans="2:10" s="4" customFormat="1" x14ac:dyDescent="0.2">
      <c r="B485" s="16"/>
      <c r="C485" s="16"/>
      <c r="D485" s="16"/>
      <c r="E485" s="16"/>
      <c r="F485" s="16"/>
      <c r="G485" s="16"/>
      <c r="H485" s="16"/>
      <c r="I485" s="16"/>
      <c r="J485" s="16"/>
    </row>
    <row r="486" spans="2:10" s="4" customFormat="1" x14ac:dyDescent="0.2">
      <c r="B486" s="16"/>
      <c r="C486" s="16"/>
      <c r="D486" s="16"/>
      <c r="E486" s="16"/>
      <c r="F486" s="16"/>
      <c r="G486" s="16"/>
      <c r="H486" s="16"/>
      <c r="I486" s="16"/>
      <c r="J486" s="16"/>
    </row>
    <row r="487" spans="2:10" s="4" customFormat="1" x14ac:dyDescent="0.2">
      <c r="B487" s="16"/>
      <c r="C487" s="16"/>
      <c r="D487" s="16"/>
      <c r="E487" s="16"/>
      <c r="F487" s="16"/>
      <c r="G487" s="16"/>
      <c r="H487" s="16"/>
      <c r="I487" s="16"/>
      <c r="J487" s="16"/>
    </row>
    <row r="488" spans="2:10" s="4" customFormat="1" x14ac:dyDescent="0.2">
      <c r="B488" s="16"/>
      <c r="C488" s="16"/>
      <c r="D488" s="16"/>
      <c r="E488" s="16"/>
      <c r="F488" s="16"/>
      <c r="G488" s="16"/>
      <c r="H488" s="16"/>
      <c r="I488" s="16"/>
      <c r="J488" s="16"/>
    </row>
    <row r="489" spans="2:10" s="4" customFormat="1" x14ac:dyDescent="0.2">
      <c r="B489" s="16"/>
      <c r="C489" s="16"/>
      <c r="D489" s="16"/>
      <c r="E489" s="16"/>
      <c r="F489" s="16"/>
      <c r="G489" s="16"/>
      <c r="H489" s="16"/>
      <c r="I489" s="16"/>
      <c r="J489" s="16"/>
    </row>
    <row r="490" spans="2:10" s="4" customFormat="1" x14ac:dyDescent="0.2">
      <c r="B490" s="16"/>
      <c r="C490" s="16"/>
      <c r="D490" s="16"/>
      <c r="E490" s="16"/>
      <c r="F490" s="16"/>
      <c r="G490" s="16"/>
      <c r="H490" s="16"/>
      <c r="I490" s="16"/>
      <c r="J490" s="16"/>
    </row>
    <row r="491" spans="2:10" s="4" customFormat="1" x14ac:dyDescent="0.2">
      <c r="B491" s="16"/>
      <c r="C491" s="16"/>
      <c r="D491" s="16"/>
      <c r="E491" s="16"/>
      <c r="F491" s="16"/>
      <c r="G491" s="16"/>
      <c r="H491" s="16"/>
      <c r="I491" s="16"/>
      <c r="J491" s="16"/>
    </row>
    <row r="492" spans="2:10" s="4" customFormat="1" x14ac:dyDescent="0.2">
      <c r="B492" s="16"/>
      <c r="C492" s="16"/>
      <c r="D492" s="16"/>
      <c r="E492" s="16"/>
      <c r="F492" s="16"/>
      <c r="G492" s="16"/>
      <c r="H492" s="16"/>
      <c r="I492" s="16"/>
      <c r="J492" s="16"/>
    </row>
    <row r="493" spans="2:10" s="4" customFormat="1" x14ac:dyDescent="0.2">
      <c r="B493" s="16"/>
      <c r="C493" s="16"/>
      <c r="D493" s="16"/>
      <c r="E493" s="16"/>
      <c r="F493" s="16"/>
      <c r="G493" s="16"/>
      <c r="H493" s="16"/>
      <c r="I493" s="16"/>
      <c r="J493" s="16"/>
    </row>
    <row r="494" spans="2:10" s="4" customFormat="1" x14ac:dyDescent="0.2">
      <c r="B494" s="16"/>
      <c r="C494" s="16"/>
      <c r="D494" s="16"/>
      <c r="E494" s="16"/>
      <c r="F494" s="16"/>
      <c r="G494" s="16"/>
      <c r="H494" s="16"/>
      <c r="I494" s="16"/>
      <c r="J494" s="16"/>
    </row>
    <row r="495" spans="2:10" s="4" customFormat="1" x14ac:dyDescent="0.2">
      <c r="B495" s="16"/>
      <c r="C495" s="16"/>
      <c r="D495" s="16"/>
      <c r="E495" s="16"/>
      <c r="F495" s="16"/>
      <c r="G495" s="16"/>
      <c r="H495" s="16"/>
      <c r="I495" s="16"/>
      <c r="J495" s="16"/>
    </row>
    <row r="496" spans="2:10" s="4" customFormat="1" x14ac:dyDescent="0.2">
      <c r="B496" s="16"/>
      <c r="C496" s="16"/>
      <c r="D496" s="16"/>
      <c r="E496" s="16"/>
      <c r="F496" s="16"/>
      <c r="G496" s="16"/>
      <c r="H496" s="16"/>
      <c r="I496" s="16"/>
      <c r="J496" s="16"/>
    </row>
    <row r="497" spans="2:10" s="4" customFormat="1" x14ac:dyDescent="0.2">
      <c r="B497" s="16"/>
      <c r="C497" s="16"/>
      <c r="D497" s="16"/>
      <c r="E497" s="16"/>
      <c r="F497" s="16"/>
      <c r="G497" s="16"/>
      <c r="H497" s="16"/>
      <c r="I497" s="16"/>
      <c r="J497" s="16"/>
    </row>
    <row r="498" spans="2:10" s="4" customFormat="1" x14ac:dyDescent="0.2">
      <c r="B498" s="16"/>
      <c r="C498" s="16"/>
      <c r="D498" s="16"/>
      <c r="E498" s="16"/>
      <c r="F498" s="16"/>
      <c r="G498" s="16"/>
      <c r="H498" s="16"/>
      <c r="I498" s="16"/>
      <c r="J498" s="16"/>
    </row>
    <row r="499" spans="2:10" s="4" customFormat="1" x14ac:dyDescent="0.2">
      <c r="B499" s="16"/>
      <c r="C499" s="16"/>
      <c r="D499" s="16"/>
      <c r="E499" s="16"/>
      <c r="F499" s="16"/>
      <c r="G499" s="16"/>
      <c r="H499" s="16"/>
      <c r="I499" s="16"/>
      <c r="J499" s="16"/>
    </row>
    <row r="500" spans="2:10" s="4" customFormat="1" x14ac:dyDescent="0.2">
      <c r="B500" s="16"/>
      <c r="C500" s="16"/>
      <c r="D500" s="16"/>
      <c r="E500" s="16"/>
      <c r="F500" s="16"/>
      <c r="G500" s="16"/>
      <c r="H500" s="16"/>
      <c r="I500" s="16"/>
      <c r="J500" s="16"/>
    </row>
    <row r="501" spans="2:10" s="4" customFormat="1" x14ac:dyDescent="0.2">
      <c r="B501" s="16"/>
      <c r="C501" s="16"/>
      <c r="D501" s="16"/>
      <c r="E501" s="16"/>
      <c r="F501" s="16"/>
      <c r="G501" s="16"/>
      <c r="H501" s="16"/>
      <c r="I501" s="16"/>
      <c r="J501" s="16"/>
    </row>
    <row r="502" spans="2:10" s="4" customFormat="1" x14ac:dyDescent="0.2">
      <c r="B502" s="16"/>
      <c r="C502" s="16"/>
      <c r="D502" s="16"/>
      <c r="E502" s="16"/>
      <c r="F502" s="16"/>
      <c r="G502" s="16"/>
      <c r="H502" s="16"/>
      <c r="I502" s="16"/>
      <c r="J502" s="16"/>
    </row>
    <row r="503" spans="2:10" s="4" customFormat="1" x14ac:dyDescent="0.2">
      <c r="B503" s="16"/>
      <c r="C503" s="16"/>
      <c r="D503" s="16"/>
      <c r="E503" s="16"/>
      <c r="F503" s="16"/>
      <c r="G503" s="16"/>
      <c r="H503" s="16"/>
      <c r="I503" s="16"/>
      <c r="J503" s="16"/>
    </row>
    <row r="504" spans="2:10" s="4" customFormat="1" x14ac:dyDescent="0.2">
      <c r="B504" s="16"/>
      <c r="C504" s="16"/>
      <c r="D504" s="16"/>
      <c r="E504" s="16"/>
      <c r="F504" s="16"/>
      <c r="G504" s="16"/>
      <c r="H504" s="16"/>
      <c r="I504" s="16"/>
      <c r="J504" s="16"/>
    </row>
    <row r="505" spans="2:10" s="4" customFormat="1" x14ac:dyDescent="0.2">
      <c r="B505" s="16"/>
      <c r="C505" s="16"/>
      <c r="D505" s="16"/>
      <c r="E505" s="16"/>
      <c r="F505" s="16"/>
      <c r="G505" s="16"/>
      <c r="H505" s="16"/>
      <c r="I505" s="16"/>
      <c r="J505" s="16"/>
    </row>
    <row r="506" spans="2:10" s="4" customFormat="1" x14ac:dyDescent="0.2">
      <c r="B506" s="16"/>
      <c r="C506" s="16"/>
      <c r="D506" s="16"/>
      <c r="E506" s="16"/>
      <c r="F506" s="16"/>
      <c r="G506" s="16"/>
      <c r="H506" s="16"/>
      <c r="I506" s="16"/>
      <c r="J506" s="16"/>
    </row>
    <row r="507" spans="2:10" s="4" customFormat="1" x14ac:dyDescent="0.2">
      <c r="B507" s="16"/>
      <c r="C507" s="16"/>
      <c r="D507" s="16"/>
      <c r="E507" s="16"/>
      <c r="F507" s="16"/>
      <c r="G507" s="16"/>
      <c r="H507" s="16"/>
      <c r="I507" s="16"/>
      <c r="J507" s="16"/>
    </row>
    <row r="508" spans="2:10" s="4" customFormat="1" x14ac:dyDescent="0.2">
      <c r="B508" s="16"/>
      <c r="C508" s="16"/>
      <c r="D508" s="16"/>
      <c r="E508" s="16"/>
      <c r="F508" s="16"/>
      <c r="G508" s="16"/>
      <c r="H508" s="16"/>
      <c r="I508" s="16"/>
      <c r="J508" s="16"/>
    </row>
    <row r="509" spans="2:10" s="4" customFormat="1" x14ac:dyDescent="0.2">
      <c r="B509" s="16"/>
      <c r="C509" s="16"/>
      <c r="D509" s="16"/>
      <c r="E509" s="16"/>
      <c r="F509" s="16"/>
      <c r="G509" s="16"/>
      <c r="H509" s="16"/>
      <c r="I509" s="16"/>
      <c r="J509" s="16"/>
    </row>
    <row r="510" spans="2:10" s="4" customFormat="1" x14ac:dyDescent="0.2">
      <c r="B510" s="16"/>
      <c r="C510" s="16"/>
      <c r="D510" s="16"/>
      <c r="E510" s="16"/>
      <c r="F510" s="16"/>
      <c r="G510" s="16"/>
      <c r="H510" s="16"/>
      <c r="I510" s="16"/>
      <c r="J510" s="16"/>
    </row>
    <row r="511" spans="2:10" s="4" customFormat="1" x14ac:dyDescent="0.2">
      <c r="B511" s="16"/>
      <c r="C511" s="16"/>
      <c r="D511" s="16"/>
      <c r="E511" s="16"/>
      <c r="F511" s="16"/>
      <c r="G511" s="16"/>
      <c r="H511" s="16"/>
      <c r="I511" s="16"/>
      <c r="J511" s="16"/>
    </row>
    <row r="512" spans="2:10" s="4" customFormat="1" x14ac:dyDescent="0.2">
      <c r="B512" s="16"/>
      <c r="C512" s="16"/>
      <c r="D512" s="16"/>
      <c r="E512" s="16"/>
      <c r="F512" s="16"/>
      <c r="G512" s="16"/>
      <c r="H512" s="16"/>
      <c r="I512" s="16"/>
      <c r="J512" s="16"/>
    </row>
    <row r="513" spans="2:10" s="4" customFormat="1" x14ac:dyDescent="0.2">
      <c r="B513" s="16"/>
      <c r="C513" s="16"/>
      <c r="D513" s="16"/>
      <c r="E513" s="16"/>
      <c r="F513" s="16"/>
      <c r="G513" s="16"/>
      <c r="H513" s="16"/>
      <c r="I513" s="16"/>
      <c r="J513" s="16"/>
    </row>
    <row r="514" spans="2:10" s="4" customFormat="1" x14ac:dyDescent="0.2">
      <c r="B514" s="16"/>
      <c r="C514" s="16"/>
      <c r="D514" s="16"/>
      <c r="E514" s="16"/>
      <c r="F514" s="16"/>
      <c r="G514" s="16"/>
      <c r="H514" s="16"/>
      <c r="I514" s="16"/>
      <c r="J514" s="16"/>
    </row>
    <row r="515" spans="2:10" s="4" customFormat="1" x14ac:dyDescent="0.2">
      <c r="B515" s="16"/>
      <c r="C515" s="16"/>
      <c r="D515" s="16"/>
      <c r="E515" s="16"/>
      <c r="F515" s="16"/>
      <c r="G515" s="16"/>
      <c r="H515" s="16"/>
      <c r="I515" s="16"/>
      <c r="J515" s="16"/>
    </row>
    <row r="516" spans="2:10" s="4" customFormat="1" x14ac:dyDescent="0.2">
      <c r="B516" s="16"/>
      <c r="C516" s="16"/>
      <c r="D516" s="16"/>
      <c r="E516" s="16"/>
      <c r="F516" s="16"/>
      <c r="G516" s="16"/>
      <c r="H516" s="16"/>
      <c r="I516" s="16"/>
      <c r="J516" s="16"/>
    </row>
    <row r="517" spans="2:10" s="4" customFormat="1" x14ac:dyDescent="0.2">
      <c r="B517" s="16"/>
      <c r="C517" s="16"/>
      <c r="D517" s="16"/>
      <c r="E517" s="16"/>
      <c r="F517" s="16"/>
      <c r="G517" s="16"/>
      <c r="H517" s="16"/>
      <c r="I517" s="16"/>
      <c r="J517" s="16"/>
    </row>
    <row r="518" spans="2:10" s="4" customFormat="1" x14ac:dyDescent="0.2">
      <c r="B518" s="16"/>
      <c r="C518" s="16"/>
      <c r="D518" s="16"/>
      <c r="E518" s="16"/>
      <c r="F518" s="16"/>
      <c r="G518" s="16"/>
      <c r="H518" s="16"/>
      <c r="I518" s="16"/>
      <c r="J518" s="16"/>
    </row>
    <row r="519" spans="2:10" s="4" customFormat="1" x14ac:dyDescent="0.2">
      <c r="B519" s="16"/>
      <c r="C519" s="16"/>
      <c r="D519" s="16"/>
      <c r="E519" s="16"/>
      <c r="F519" s="16"/>
      <c r="G519" s="16"/>
      <c r="H519" s="16"/>
      <c r="I519" s="16"/>
      <c r="J519" s="16"/>
    </row>
    <row r="520" spans="2:10" s="4" customFormat="1" x14ac:dyDescent="0.2">
      <c r="B520" s="16"/>
      <c r="C520" s="16"/>
      <c r="D520" s="16"/>
      <c r="E520" s="16"/>
      <c r="F520" s="16"/>
      <c r="G520" s="16"/>
      <c r="H520" s="16"/>
      <c r="I520" s="16"/>
      <c r="J520" s="16"/>
    </row>
    <row r="521" spans="2:10" s="4" customFormat="1" x14ac:dyDescent="0.2">
      <c r="B521" s="16"/>
      <c r="C521" s="16"/>
      <c r="D521" s="16"/>
      <c r="E521" s="16"/>
      <c r="F521" s="16"/>
      <c r="G521" s="16"/>
      <c r="H521" s="16"/>
      <c r="I521" s="16"/>
      <c r="J521" s="16"/>
    </row>
    <row r="522" spans="2:10" s="4" customFormat="1" x14ac:dyDescent="0.2">
      <c r="B522" s="16"/>
      <c r="C522" s="16"/>
      <c r="D522" s="16"/>
      <c r="E522" s="16"/>
      <c r="F522" s="16"/>
      <c r="G522" s="16"/>
      <c r="H522" s="16"/>
      <c r="I522" s="16"/>
      <c r="J522" s="16"/>
    </row>
    <row r="523" spans="2:10" s="4" customFormat="1" x14ac:dyDescent="0.2">
      <c r="B523" s="16"/>
      <c r="C523" s="16"/>
      <c r="D523" s="16"/>
      <c r="E523" s="16"/>
      <c r="F523" s="16"/>
      <c r="G523" s="16"/>
      <c r="H523" s="16"/>
      <c r="I523" s="16"/>
      <c r="J523" s="16"/>
    </row>
    <row r="524" spans="2:10" s="4" customFormat="1" x14ac:dyDescent="0.2">
      <c r="B524" s="16"/>
      <c r="C524" s="16"/>
      <c r="D524" s="16"/>
      <c r="E524" s="16"/>
      <c r="F524" s="16"/>
      <c r="G524" s="16"/>
      <c r="H524" s="16"/>
      <c r="I524" s="16"/>
      <c r="J524" s="16"/>
    </row>
    <row r="525" spans="2:10" s="4" customFormat="1" x14ac:dyDescent="0.2">
      <c r="B525" s="16"/>
      <c r="C525" s="16"/>
      <c r="D525" s="16"/>
      <c r="E525" s="16"/>
      <c r="F525" s="16"/>
      <c r="G525" s="16"/>
      <c r="H525" s="16"/>
      <c r="I525" s="16"/>
      <c r="J525" s="16"/>
    </row>
    <row r="526" spans="2:10" s="4" customFormat="1" x14ac:dyDescent="0.2">
      <c r="B526" s="16"/>
      <c r="C526" s="16"/>
      <c r="D526" s="16"/>
      <c r="E526" s="16"/>
      <c r="F526" s="16"/>
      <c r="G526" s="16"/>
      <c r="H526" s="16"/>
      <c r="I526" s="16"/>
      <c r="J526" s="16"/>
    </row>
    <row r="527" spans="2:10" s="4" customFormat="1" x14ac:dyDescent="0.2">
      <c r="B527" s="16"/>
      <c r="C527" s="16"/>
      <c r="D527" s="16"/>
      <c r="E527" s="16"/>
      <c r="F527" s="16"/>
      <c r="G527" s="16"/>
      <c r="H527" s="16"/>
      <c r="I527" s="16"/>
      <c r="J527" s="16"/>
    </row>
    <row r="528" spans="2:10" s="4" customFormat="1" x14ac:dyDescent="0.2">
      <c r="B528" s="16"/>
      <c r="C528" s="16"/>
      <c r="D528" s="16"/>
      <c r="E528" s="16"/>
      <c r="F528" s="16"/>
      <c r="G528" s="16"/>
      <c r="H528" s="16"/>
      <c r="I528" s="16"/>
      <c r="J528" s="16"/>
    </row>
    <row r="529" spans="2:10" s="4" customFormat="1" x14ac:dyDescent="0.2">
      <c r="B529" s="16"/>
      <c r="C529" s="16"/>
      <c r="D529" s="16"/>
      <c r="E529" s="16"/>
      <c r="F529" s="16"/>
      <c r="G529" s="16"/>
      <c r="H529" s="16"/>
      <c r="I529" s="16"/>
      <c r="J529" s="16"/>
    </row>
    <row r="530" spans="2:10" s="4" customFormat="1" x14ac:dyDescent="0.2">
      <c r="B530" s="16"/>
      <c r="C530" s="16"/>
      <c r="D530" s="16"/>
      <c r="E530" s="16"/>
      <c r="F530" s="16"/>
      <c r="G530" s="16"/>
      <c r="H530" s="16"/>
      <c r="I530" s="16"/>
      <c r="J530" s="16"/>
    </row>
    <row r="531" spans="2:10" s="4" customFormat="1" x14ac:dyDescent="0.2">
      <c r="B531" s="16"/>
      <c r="C531" s="16"/>
      <c r="D531" s="16"/>
      <c r="E531" s="16"/>
      <c r="F531" s="16"/>
      <c r="G531" s="16"/>
      <c r="H531" s="16"/>
      <c r="I531" s="16"/>
      <c r="J531" s="16"/>
    </row>
    <row r="532" spans="2:10" s="4" customFormat="1" x14ac:dyDescent="0.2">
      <c r="B532" s="16"/>
      <c r="C532" s="16"/>
      <c r="D532" s="16"/>
      <c r="E532" s="16"/>
      <c r="F532" s="16"/>
      <c r="G532" s="16"/>
      <c r="H532" s="16"/>
      <c r="I532" s="16"/>
      <c r="J532" s="16"/>
    </row>
    <row r="533" spans="2:10" s="4" customFormat="1" x14ac:dyDescent="0.2">
      <c r="B533" s="16"/>
      <c r="C533" s="16"/>
      <c r="D533" s="16"/>
      <c r="E533" s="16"/>
      <c r="F533" s="16"/>
      <c r="G533" s="16"/>
      <c r="H533" s="16"/>
      <c r="I533" s="16"/>
      <c r="J533" s="16"/>
    </row>
    <row r="534" spans="2:10" s="4" customFormat="1" x14ac:dyDescent="0.2">
      <c r="B534" s="16"/>
      <c r="C534" s="16"/>
      <c r="D534" s="16"/>
      <c r="E534" s="16"/>
      <c r="F534" s="16"/>
      <c r="G534" s="16"/>
      <c r="H534" s="16"/>
      <c r="I534" s="16"/>
      <c r="J534" s="16"/>
    </row>
    <row r="535" spans="2:10" s="4" customFormat="1" x14ac:dyDescent="0.2">
      <c r="B535" s="16"/>
      <c r="C535" s="16"/>
      <c r="D535" s="16"/>
      <c r="E535" s="16"/>
      <c r="F535" s="16"/>
      <c r="G535" s="16"/>
      <c r="H535" s="16"/>
      <c r="I535" s="16"/>
      <c r="J535" s="16"/>
    </row>
    <row r="536" spans="2:10" s="4" customFormat="1" x14ac:dyDescent="0.2">
      <c r="B536" s="16"/>
      <c r="C536" s="16"/>
      <c r="D536" s="16"/>
      <c r="E536" s="16"/>
      <c r="F536" s="16"/>
      <c r="G536" s="16"/>
      <c r="H536" s="16"/>
      <c r="I536" s="16"/>
      <c r="J536" s="16"/>
    </row>
    <row r="537" spans="2:10" s="4" customFormat="1" x14ac:dyDescent="0.2">
      <c r="B537" s="16"/>
      <c r="C537" s="16"/>
      <c r="D537" s="16"/>
      <c r="E537" s="16"/>
      <c r="F537" s="16"/>
      <c r="G537" s="16"/>
      <c r="H537" s="16"/>
      <c r="I537" s="16"/>
      <c r="J537" s="16"/>
    </row>
    <row r="538" spans="2:10" s="4" customFormat="1" x14ac:dyDescent="0.2">
      <c r="B538" s="16"/>
      <c r="C538" s="16"/>
      <c r="D538" s="16"/>
      <c r="E538" s="16"/>
      <c r="F538" s="16"/>
      <c r="G538" s="16"/>
      <c r="H538" s="16"/>
      <c r="I538" s="16"/>
      <c r="J538" s="16"/>
    </row>
    <row r="539" spans="2:10" s="4" customFormat="1" x14ac:dyDescent="0.2">
      <c r="B539" s="16"/>
      <c r="C539" s="16"/>
      <c r="D539" s="16"/>
      <c r="E539" s="16"/>
      <c r="F539" s="16"/>
      <c r="G539" s="16"/>
      <c r="H539" s="16"/>
      <c r="I539" s="16"/>
      <c r="J539" s="16"/>
    </row>
    <row r="540" spans="2:10" s="4" customFormat="1" x14ac:dyDescent="0.2">
      <c r="B540" s="16"/>
      <c r="C540" s="16"/>
      <c r="D540" s="16"/>
      <c r="E540" s="16"/>
      <c r="F540" s="16"/>
      <c r="G540" s="16"/>
      <c r="H540" s="16"/>
      <c r="I540" s="16"/>
      <c r="J540" s="16"/>
    </row>
    <row r="541" spans="2:10" s="4" customFormat="1" x14ac:dyDescent="0.2">
      <c r="B541" s="16"/>
      <c r="C541" s="16"/>
      <c r="D541" s="16"/>
      <c r="E541" s="16"/>
      <c r="F541" s="16"/>
      <c r="G541" s="16"/>
      <c r="H541" s="16"/>
      <c r="I541" s="16"/>
      <c r="J541" s="16"/>
    </row>
    <row r="542" spans="2:10" s="4" customFormat="1" x14ac:dyDescent="0.2">
      <c r="B542" s="16"/>
      <c r="C542" s="16"/>
      <c r="D542" s="16"/>
      <c r="E542" s="16"/>
      <c r="F542" s="16"/>
      <c r="G542" s="16"/>
      <c r="H542" s="16"/>
      <c r="I542" s="16"/>
      <c r="J542" s="16"/>
    </row>
    <row r="543" spans="2:10" s="4" customFormat="1" x14ac:dyDescent="0.2">
      <c r="B543" s="16"/>
      <c r="C543" s="16"/>
      <c r="D543" s="16"/>
      <c r="E543" s="16"/>
      <c r="F543" s="16"/>
      <c r="G543" s="16"/>
      <c r="H543" s="16"/>
      <c r="I543" s="16"/>
      <c r="J543" s="16"/>
    </row>
    <row r="544" spans="2:10" s="4" customFormat="1" x14ac:dyDescent="0.2">
      <c r="B544" s="16"/>
      <c r="C544" s="16"/>
      <c r="D544" s="16"/>
      <c r="E544" s="16"/>
      <c r="F544" s="16"/>
      <c r="G544" s="16"/>
      <c r="H544" s="16"/>
      <c r="I544" s="16"/>
      <c r="J544" s="16"/>
    </row>
    <row r="545" spans="2:10" s="4" customFormat="1" x14ac:dyDescent="0.2">
      <c r="B545" s="16"/>
      <c r="C545" s="16"/>
      <c r="D545" s="16"/>
      <c r="E545" s="16"/>
      <c r="F545" s="16"/>
      <c r="G545" s="16"/>
      <c r="H545" s="16"/>
      <c r="I545" s="16"/>
      <c r="J545" s="16"/>
    </row>
    <row r="546" spans="2:10" s="4" customFormat="1" x14ac:dyDescent="0.2">
      <c r="B546" s="16"/>
      <c r="C546" s="16"/>
      <c r="D546" s="16"/>
      <c r="E546" s="16"/>
      <c r="F546" s="16"/>
      <c r="G546" s="16"/>
      <c r="H546" s="16"/>
      <c r="I546" s="16"/>
      <c r="J546" s="16"/>
    </row>
    <row r="547" spans="2:10" s="4" customFormat="1" x14ac:dyDescent="0.2">
      <c r="B547" s="16"/>
      <c r="C547" s="16"/>
      <c r="D547" s="16"/>
      <c r="E547" s="16"/>
      <c r="F547" s="16"/>
      <c r="G547" s="16"/>
      <c r="H547" s="16"/>
      <c r="I547" s="16"/>
      <c r="J547" s="16"/>
    </row>
    <row r="548" spans="2:10" s="4" customFormat="1" x14ac:dyDescent="0.2">
      <c r="B548" s="16"/>
      <c r="C548" s="16"/>
      <c r="D548" s="16"/>
      <c r="E548" s="16"/>
      <c r="F548" s="16"/>
      <c r="G548" s="16"/>
      <c r="H548" s="16"/>
      <c r="I548" s="16"/>
      <c r="J548" s="16"/>
    </row>
    <row r="549" spans="2:10" s="4" customFormat="1" x14ac:dyDescent="0.2">
      <c r="B549" s="16"/>
      <c r="C549" s="16"/>
      <c r="D549" s="16"/>
      <c r="E549" s="16"/>
      <c r="F549" s="16"/>
      <c r="G549" s="16"/>
      <c r="H549" s="16"/>
      <c r="I549" s="16"/>
      <c r="J549" s="16"/>
    </row>
    <row r="550" spans="2:10" s="4" customFormat="1" x14ac:dyDescent="0.2">
      <c r="B550" s="16"/>
      <c r="C550" s="16"/>
      <c r="D550" s="16"/>
      <c r="E550" s="16"/>
      <c r="F550" s="16"/>
      <c r="G550" s="16"/>
      <c r="H550" s="16"/>
      <c r="I550" s="16"/>
      <c r="J550" s="16"/>
    </row>
    <row r="551" spans="2:10" s="4" customFormat="1" x14ac:dyDescent="0.2">
      <c r="B551" s="16"/>
      <c r="C551" s="16"/>
      <c r="D551" s="16"/>
      <c r="E551" s="16"/>
      <c r="F551" s="16"/>
      <c r="G551" s="16"/>
      <c r="H551" s="16"/>
      <c r="I551" s="16"/>
      <c r="J551" s="16"/>
    </row>
    <row r="552" spans="2:10" s="4" customFormat="1" x14ac:dyDescent="0.2">
      <c r="B552" s="16"/>
      <c r="C552" s="16"/>
      <c r="D552" s="16"/>
      <c r="E552" s="16"/>
      <c r="F552" s="16"/>
      <c r="G552" s="16"/>
      <c r="H552" s="16"/>
      <c r="I552" s="16"/>
      <c r="J552" s="16"/>
    </row>
    <row r="553" spans="2:10" s="4" customFormat="1" x14ac:dyDescent="0.2">
      <c r="B553" s="16"/>
      <c r="C553" s="16"/>
      <c r="D553" s="16"/>
      <c r="E553" s="16"/>
      <c r="F553" s="16"/>
      <c r="G553" s="16"/>
      <c r="H553" s="16"/>
      <c r="I553" s="16"/>
      <c r="J553" s="16"/>
    </row>
    <row r="554" spans="2:10" s="4" customFormat="1" x14ac:dyDescent="0.2">
      <c r="B554" s="16"/>
      <c r="C554" s="16"/>
      <c r="D554" s="16"/>
      <c r="E554" s="16"/>
      <c r="F554" s="16"/>
      <c r="G554" s="16"/>
      <c r="H554" s="16"/>
      <c r="I554" s="16"/>
      <c r="J554" s="16"/>
    </row>
    <row r="555" spans="2:10" s="4" customFormat="1" x14ac:dyDescent="0.2">
      <c r="B555" s="16"/>
      <c r="C555" s="16"/>
      <c r="D555" s="16"/>
      <c r="E555" s="16"/>
      <c r="F555" s="16"/>
      <c r="G555" s="16"/>
      <c r="H555" s="16"/>
      <c r="I555" s="16"/>
      <c r="J555" s="16"/>
    </row>
    <row r="556" spans="2:10" s="4" customFormat="1" x14ac:dyDescent="0.2">
      <c r="B556" s="16"/>
      <c r="C556" s="16"/>
      <c r="D556" s="16"/>
      <c r="E556" s="16"/>
      <c r="F556" s="16"/>
      <c r="G556" s="16"/>
      <c r="H556" s="16"/>
      <c r="I556" s="16"/>
      <c r="J556" s="16"/>
    </row>
    <row r="557" spans="2:10" s="4" customFormat="1" x14ac:dyDescent="0.2">
      <c r="B557" s="16"/>
      <c r="C557" s="16"/>
      <c r="D557" s="16"/>
      <c r="E557" s="16"/>
      <c r="F557" s="16"/>
      <c r="G557" s="16"/>
      <c r="H557" s="16"/>
      <c r="I557" s="16"/>
      <c r="J557" s="16"/>
    </row>
    <row r="558" spans="2:10" s="4" customFormat="1" x14ac:dyDescent="0.2">
      <c r="B558" s="16"/>
      <c r="C558" s="16"/>
      <c r="D558" s="16"/>
      <c r="E558" s="16"/>
      <c r="F558" s="16"/>
      <c r="G558" s="16"/>
      <c r="H558" s="16"/>
      <c r="I558" s="16"/>
      <c r="J558" s="16"/>
    </row>
    <row r="559" spans="2:10" s="4" customFormat="1" x14ac:dyDescent="0.2">
      <c r="B559" s="16"/>
      <c r="C559" s="16"/>
      <c r="D559" s="16"/>
      <c r="E559" s="16"/>
      <c r="F559" s="16"/>
      <c r="G559" s="16"/>
      <c r="H559" s="16"/>
      <c r="I559" s="16"/>
      <c r="J559" s="16"/>
    </row>
    <row r="560" spans="2:10" s="4" customFormat="1" x14ac:dyDescent="0.2">
      <c r="B560" s="16"/>
      <c r="C560" s="16"/>
      <c r="D560" s="16"/>
      <c r="E560" s="16"/>
      <c r="F560" s="16"/>
      <c r="G560" s="16"/>
      <c r="H560" s="16"/>
      <c r="I560" s="16"/>
      <c r="J560" s="16"/>
    </row>
    <row r="561" spans="2:10" s="4" customFormat="1" x14ac:dyDescent="0.2">
      <c r="B561" s="16"/>
      <c r="C561" s="16"/>
      <c r="D561" s="16"/>
      <c r="E561" s="16"/>
      <c r="F561" s="16"/>
      <c r="G561" s="16"/>
      <c r="H561" s="16"/>
      <c r="I561" s="16"/>
      <c r="J561" s="16"/>
    </row>
    <row r="562" spans="2:10" s="4" customFormat="1" x14ac:dyDescent="0.2">
      <c r="B562" s="16"/>
      <c r="C562" s="16"/>
      <c r="D562" s="16"/>
      <c r="E562" s="16"/>
      <c r="F562" s="16"/>
      <c r="G562" s="16"/>
      <c r="H562" s="16"/>
      <c r="I562" s="16"/>
      <c r="J562" s="16"/>
    </row>
    <row r="563" spans="2:10" s="4" customFormat="1" x14ac:dyDescent="0.2">
      <c r="B563" s="16"/>
      <c r="C563" s="16"/>
      <c r="D563" s="16"/>
      <c r="E563" s="16"/>
      <c r="F563" s="16"/>
      <c r="G563" s="16"/>
      <c r="H563" s="16"/>
      <c r="I563" s="16"/>
      <c r="J563" s="16"/>
    </row>
    <row r="564" spans="2:10" s="4" customFormat="1" x14ac:dyDescent="0.2">
      <c r="B564" s="16"/>
      <c r="C564" s="16"/>
      <c r="D564" s="16"/>
      <c r="E564" s="16"/>
      <c r="F564" s="16"/>
      <c r="G564" s="16"/>
      <c r="H564" s="16"/>
      <c r="I564" s="16"/>
      <c r="J564" s="16"/>
    </row>
    <row r="565" spans="2:10" s="4" customFormat="1" x14ac:dyDescent="0.2">
      <c r="B565" s="16"/>
      <c r="C565" s="16"/>
      <c r="D565" s="16"/>
      <c r="E565" s="16"/>
      <c r="F565" s="16"/>
      <c r="G565" s="16"/>
      <c r="H565" s="16"/>
      <c r="I565" s="16"/>
      <c r="J565" s="16"/>
    </row>
    <row r="566" spans="2:10" s="4" customFormat="1" x14ac:dyDescent="0.2">
      <c r="B566" s="16"/>
      <c r="C566" s="16"/>
      <c r="D566" s="16"/>
      <c r="E566" s="16"/>
      <c r="F566" s="16"/>
      <c r="G566" s="16"/>
      <c r="H566" s="16"/>
      <c r="I566" s="16"/>
      <c r="J566" s="16"/>
    </row>
    <row r="567" spans="2:10" s="4" customFormat="1" x14ac:dyDescent="0.2">
      <c r="B567" s="16"/>
      <c r="C567" s="16"/>
      <c r="D567" s="16"/>
      <c r="E567" s="16"/>
      <c r="F567" s="16"/>
      <c r="G567" s="16"/>
      <c r="H567" s="16"/>
      <c r="I567" s="16"/>
      <c r="J567" s="16"/>
    </row>
    <row r="568" spans="2:10" s="4" customFormat="1" x14ac:dyDescent="0.2">
      <c r="B568" s="16"/>
      <c r="C568" s="16"/>
      <c r="D568" s="16"/>
      <c r="E568" s="16"/>
      <c r="F568" s="16"/>
      <c r="G568" s="16"/>
      <c r="H568" s="16"/>
      <c r="I568" s="16"/>
      <c r="J568" s="16"/>
    </row>
    <row r="569" spans="2:10" s="4" customFormat="1" x14ac:dyDescent="0.2">
      <c r="B569" s="16"/>
      <c r="C569" s="16"/>
      <c r="D569" s="16"/>
      <c r="E569" s="16"/>
      <c r="F569" s="16"/>
      <c r="G569" s="16"/>
      <c r="H569" s="16"/>
      <c r="I569" s="16"/>
      <c r="J569" s="16"/>
    </row>
    <row r="570" spans="2:10" s="4" customFormat="1" x14ac:dyDescent="0.2">
      <c r="B570" s="16"/>
      <c r="C570" s="16"/>
      <c r="D570" s="16"/>
      <c r="E570" s="16"/>
      <c r="F570" s="16"/>
      <c r="G570" s="16"/>
      <c r="H570" s="16"/>
      <c r="I570" s="16"/>
      <c r="J570" s="16"/>
    </row>
    <row r="571" spans="2:10" s="4" customFormat="1" x14ac:dyDescent="0.2">
      <c r="B571" s="16"/>
      <c r="C571" s="16"/>
      <c r="D571" s="16"/>
      <c r="E571" s="16"/>
      <c r="F571" s="16"/>
      <c r="G571" s="16"/>
      <c r="H571" s="16"/>
      <c r="I571" s="16"/>
      <c r="J571" s="16"/>
    </row>
    <row r="572" spans="2:10" s="4" customFormat="1" x14ac:dyDescent="0.2">
      <c r="B572" s="16"/>
      <c r="C572" s="16"/>
      <c r="D572" s="16"/>
      <c r="E572" s="16"/>
      <c r="F572" s="16"/>
      <c r="G572" s="16"/>
      <c r="H572" s="16"/>
      <c r="I572" s="16"/>
      <c r="J572" s="16"/>
    </row>
    <row r="573" spans="2:10" s="4" customFormat="1" x14ac:dyDescent="0.2">
      <c r="B573" s="16"/>
      <c r="C573" s="16"/>
      <c r="D573" s="16"/>
      <c r="E573" s="16"/>
      <c r="F573" s="16"/>
      <c r="G573" s="16"/>
      <c r="H573" s="16"/>
      <c r="I573" s="16"/>
      <c r="J573" s="16"/>
    </row>
    <row r="574" spans="2:10" s="4" customFormat="1" x14ac:dyDescent="0.2">
      <c r="B574" s="16"/>
      <c r="C574" s="16"/>
      <c r="D574" s="16"/>
      <c r="E574" s="16"/>
      <c r="F574" s="16"/>
      <c r="G574" s="16"/>
      <c r="H574" s="16"/>
      <c r="I574" s="16"/>
      <c r="J574" s="16"/>
    </row>
    <row r="575" spans="2:10" s="4" customFormat="1" x14ac:dyDescent="0.2">
      <c r="B575" s="16"/>
      <c r="C575" s="16"/>
      <c r="D575" s="16"/>
      <c r="E575" s="16"/>
      <c r="F575" s="16"/>
      <c r="G575" s="16"/>
      <c r="H575" s="16"/>
      <c r="I575" s="16"/>
      <c r="J575" s="16"/>
    </row>
    <row r="576" spans="2:10" s="4" customFormat="1" x14ac:dyDescent="0.2">
      <c r="B576" s="16"/>
      <c r="C576" s="16"/>
      <c r="D576" s="16"/>
      <c r="E576" s="16"/>
      <c r="F576" s="16"/>
      <c r="G576" s="16"/>
      <c r="H576" s="16"/>
      <c r="I576" s="16"/>
      <c r="J576" s="16"/>
    </row>
    <row r="577" spans="2:10" s="4" customFormat="1" x14ac:dyDescent="0.2">
      <c r="B577" s="16"/>
      <c r="C577" s="16"/>
      <c r="D577" s="16"/>
      <c r="E577" s="16"/>
      <c r="F577" s="16"/>
      <c r="G577" s="16"/>
      <c r="H577" s="16"/>
      <c r="I577" s="16"/>
      <c r="J577" s="16"/>
    </row>
    <row r="578" spans="2:10" s="4" customFormat="1" x14ac:dyDescent="0.2">
      <c r="B578" s="16"/>
      <c r="C578" s="16"/>
      <c r="D578" s="16"/>
      <c r="E578" s="16"/>
      <c r="F578" s="16"/>
      <c r="G578" s="16"/>
      <c r="H578" s="16"/>
      <c r="I578" s="16"/>
      <c r="J578" s="16"/>
    </row>
    <row r="579" spans="2:10" s="4" customFormat="1" x14ac:dyDescent="0.2">
      <c r="B579" s="16"/>
      <c r="C579" s="16"/>
      <c r="D579" s="16"/>
      <c r="E579" s="16"/>
      <c r="F579" s="16"/>
      <c r="G579" s="16"/>
      <c r="H579" s="16"/>
      <c r="I579" s="16"/>
      <c r="J579" s="16"/>
    </row>
    <row r="580" spans="2:10" s="4" customFormat="1" x14ac:dyDescent="0.2">
      <c r="B580" s="16"/>
      <c r="C580" s="16"/>
      <c r="D580" s="16"/>
      <c r="E580" s="16"/>
      <c r="F580" s="16"/>
      <c r="G580" s="16"/>
      <c r="H580" s="16"/>
      <c r="I580" s="16"/>
      <c r="J580" s="16"/>
    </row>
    <row r="581" spans="2:10" s="4" customFormat="1" x14ac:dyDescent="0.2">
      <c r="B581" s="16"/>
      <c r="C581" s="16"/>
      <c r="D581" s="16"/>
      <c r="E581" s="16"/>
      <c r="F581" s="16"/>
      <c r="G581" s="16"/>
      <c r="H581" s="16"/>
      <c r="I581" s="16"/>
      <c r="J581" s="16"/>
    </row>
    <row r="582" spans="2:10" s="4" customFormat="1" x14ac:dyDescent="0.2">
      <c r="B582" s="16"/>
      <c r="C582" s="16"/>
      <c r="D582" s="16"/>
      <c r="E582" s="16"/>
      <c r="F582" s="16"/>
      <c r="G582" s="16"/>
      <c r="H582" s="16"/>
      <c r="I582" s="16"/>
      <c r="J582" s="16"/>
    </row>
    <row r="583" spans="2:10" s="4" customFormat="1" x14ac:dyDescent="0.2">
      <c r="B583" s="16"/>
      <c r="C583" s="16"/>
      <c r="D583" s="16"/>
      <c r="E583" s="16"/>
      <c r="F583" s="16"/>
      <c r="G583" s="16"/>
      <c r="H583" s="16"/>
      <c r="I583" s="16"/>
      <c r="J583" s="16"/>
    </row>
    <row r="584" spans="2:10" s="4" customFormat="1" x14ac:dyDescent="0.2">
      <c r="B584" s="16"/>
      <c r="C584" s="16"/>
      <c r="D584" s="16"/>
      <c r="E584" s="16"/>
      <c r="F584" s="16"/>
      <c r="G584" s="16"/>
      <c r="H584" s="16"/>
      <c r="I584" s="16"/>
      <c r="J584" s="16"/>
    </row>
    <row r="585" spans="2:10" s="4" customFormat="1" x14ac:dyDescent="0.2">
      <c r="B585" s="16"/>
      <c r="C585" s="16"/>
      <c r="D585" s="16"/>
      <c r="E585" s="16"/>
      <c r="F585" s="16"/>
      <c r="G585" s="16"/>
      <c r="H585" s="16"/>
      <c r="I585" s="16"/>
      <c r="J585" s="16"/>
    </row>
    <row r="586" spans="2:10" s="4" customFormat="1" x14ac:dyDescent="0.2">
      <c r="B586" s="16"/>
      <c r="C586" s="16"/>
      <c r="D586" s="16"/>
      <c r="E586" s="16"/>
      <c r="F586" s="16"/>
      <c r="G586" s="16"/>
      <c r="H586" s="16"/>
      <c r="I586" s="16"/>
      <c r="J586" s="16"/>
    </row>
    <row r="587" spans="2:10" s="4" customFormat="1" x14ac:dyDescent="0.2">
      <c r="B587" s="16"/>
      <c r="C587" s="16"/>
      <c r="D587" s="16"/>
      <c r="E587" s="16"/>
      <c r="F587" s="16"/>
      <c r="G587" s="16"/>
      <c r="H587" s="16"/>
      <c r="I587" s="16"/>
      <c r="J587" s="16"/>
    </row>
    <row r="588" spans="2:10" s="4" customFormat="1" x14ac:dyDescent="0.2">
      <c r="B588" s="16"/>
      <c r="C588" s="16"/>
      <c r="D588" s="16"/>
      <c r="E588" s="16"/>
      <c r="F588" s="16"/>
      <c r="G588" s="16"/>
      <c r="H588" s="16"/>
      <c r="I588" s="16"/>
      <c r="J588" s="16"/>
    </row>
    <row r="589" spans="2:10" s="4" customFormat="1" x14ac:dyDescent="0.2">
      <c r="B589" s="16"/>
      <c r="C589" s="16"/>
      <c r="D589" s="16"/>
      <c r="E589" s="16"/>
      <c r="F589" s="16"/>
      <c r="G589" s="16"/>
      <c r="H589" s="16"/>
      <c r="I589" s="16"/>
      <c r="J589" s="16"/>
    </row>
    <row r="590" spans="2:10" s="4" customFormat="1" x14ac:dyDescent="0.2">
      <c r="B590" s="16"/>
      <c r="C590" s="16"/>
      <c r="D590" s="16"/>
      <c r="E590" s="16"/>
      <c r="F590" s="16"/>
      <c r="G590" s="16"/>
      <c r="H590" s="16"/>
      <c r="I590" s="16"/>
      <c r="J590" s="16"/>
    </row>
    <row r="591" spans="2:10" s="4" customFormat="1" x14ac:dyDescent="0.2">
      <c r="B591" s="16"/>
      <c r="C591" s="16"/>
      <c r="D591" s="16"/>
      <c r="E591" s="16"/>
      <c r="F591" s="16"/>
      <c r="G591" s="16"/>
      <c r="H591" s="16"/>
      <c r="I591" s="16"/>
      <c r="J591" s="16"/>
    </row>
    <row r="592" spans="2:10" s="4" customFormat="1" x14ac:dyDescent="0.2">
      <c r="B592" s="16"/>
      <c r="C592" s="16"/>
      <c r="D592" s="16"/>
      <c r="E592" s="16"/>
      <c r="F592" s="16"/>
      <c r="G592" s="16"/>
      <c r="H592" s="16"/>
      <c r="I592" s="16"/>
      <c r="J592" s="16"/>
    </row>
    <row r="593" spans="2:10" s="4" customFormat="1" x14ac:dyDescent="0.2">
      <c r="B593" s="16"/>
      <c r="C593" s="16"/>
      <c r="D593" s="16"/>
      <c r="E593" s="16"/>
      <c r="F593" s="16"/>
      <c r="G593" s="16"/>
      <c r="H593" s="16"/>
      <c r="I593" s="16"/>
      <c r="J593" s="16"/>
    </row>
    <row r="594" spans="2:10" s="4" customFormat="1" x14ac:dyDescent="0.2">
      <c r="B594" s="16"/>
      <c r="C594" s="16"/>
      <c r="D594" s="16"/>
      <c r="E594" s="16"/>
      <c r="F594" s="16"/>
      <c r="G594" s="16"/>
      <c r="H594" s="16"/>
      <c r="I594" s="16"/>
      <c r="J594" s="16"/>
    </row>
    <row r="595" spans="2:10" s="4" customFormat="1" x14ac:dyDescent="0.2">
      <c r="B595" s="16"/>
      <c r="C595" s="16"/>
      <c r="D595" s="16"/>
      <c r="E595" s="16"/>
      <c r="F595" s="16"/>
      <c r="G595" s="16"/>
      <c r="H595" s="16"/>
      <c r="I595" s="16"/>
      <c r="J595" s="16"/>
    </row>
    <row r="596" spans="2:10" s="4" customFormat="1" x14ac:dyDescent="0.2">
      <c r="B596" s="16"/>
      <c r="C596" s="16"/>
      <c r="D596" s="16"/>
      <c r="E596" s="16"/>
      <c r="F596" s="16"/>
      <c r="G596" s="16"/>
      <c r="H596" s="16"/>
      <c r="I596" s="16"/>
      <c r="J596" s="16"/>
    </row>
    <row r="597" spans="2:10" s="4" customFormat="1" x14ac:dyDescent="0.2">
      <c r="B597" s="16"/>
      <c r="C597" s="16"/>
      <c r="D597" s="16"/>
      <c r="E597" s="16"/>
      <c r="F597" s="16"/>
      <c r="G597" s="16"/>
      <c r="H597" s="16"/>
      <c r="I597" s="16"/>
      <c r="J597" s="16"/>
    </row>
    <row r="598" spans="2:10" s="4" customFormat="1" x14ac:dyDescent="0.2">
      <c r="B598" s="16"/>
      <c r="C598" s="16"/>
      <c r="D598" s="16"/>
      <c r="E598" s="16"/>
      <c r="F598" s="16"/>
      <c r="G598" s="16"/>
      <c r="H598" s="16"/>
      <c r="I598" s="16"/>
      <c r="J598" s="16"/>
    </row>
    <row r="599" spans="2:10" s="4" customFormat="1" x14ac:dyDescent="0.2">
      <c r="B599" s="16"/>
      <c r="C599" s="16"/>
      <c r="D599" s="16"/>
      <c r="E599" s="16"/>
      <c r="F599" s="16"/>
      <c r="G599" s="16"/>
      <c r="H599" s="16"/>
      <c r="I599" s="16"/>
      <c r="J599" s="16"/>
    </row>
    <row r="600" spans="2:10" s="4" customFormat="1" x14ac:dyDescent="0.2">
      <c r="B600" s="16"/>
      <c r="C600" s="16"/>
      <c r="D600" s="16"/>
      <c r="E600" s="16"/>
      <c r="F600" s="16"/>
      <c r="G600" s="16"/>
      <c r="H600" s="16"/>
      <c r="I600" s="16"/>
      <c r="J600" s="16"/>
    </row>
    <row r="601" spans="2:10" s="4" customFormat="1" x14ac:dyDescent="0.2">
      <c r="B601" s="16"/>
      <c r="C601" s="16"/>
      <c r="D601" s="16"/>
      <c r="E601" s="16"/>
      <c r="F601" s="16"/>
      <c r="G601" s="16"/>
      <c r="H601" s="16"/>
      <c r="I601" s="16"/>
      <c r="J601" s="16"/>
    </row>
    <row r="602" spans="2:10" s="4" customFormat="1" x14ac:dyDescent="0.2">
      <c r="B602" s="16"/>
      <c r="C602" s="16"/>
      <c r="D602" s="16"/>
      <c r="E602" s="16"/>
      <c r="F602" s="16"/>
      <c r="G602" s="16"/>
      <c r="H602" s="16"/>
      <c r="I602" s="16"/>
      <c r="J602" s="16"/>
    </row>
    <row r="603" spans="2:10" s="4" customFormat="1" x14ac:dyDescent="0.2">
      <c r="B603" s="16"/>
      <c r="C603" s="16"/>
      <c r="D603" s="16"/>
      <c r="E603" s="16"/>
      <c r="F603" s="16"/>
      <c r="G603" s="16"/>
      <c r="H603" s="16"/>
      <c r="I603" s="16"/>
      <c r="J603" s="16"/>
    </row>
    <row r="604" spans="2:10" s="4" customFormat="1" x14ac:dyDescent="0.2">
      <c r="B604" s="16"/>
      <c r="C604" s="16"/>
      <c r="D604" s="16"/>
      <c r="E604" s="16"/>
      <c r="F604" s="16"/>
      <c r="G604" s="16"/>
      <c r="H604" s="16"/>
      <c r="I604" s="16"/>
      <c r="J604" s="16"/>
    </row>
    <row r="605" spans="2:10" s="4" customFormat="1" x14ac:dyDescent="0.2">
      <c r="B605" s="16"/>
      <c r="C605" s="16"/>
      <c r="D605" s="16"/>
      <c r="E605" s="16"/>
      <c r="F605" s="16"/>
      <c r="G605" s="16"/>
      <c r="H605" s="16"/>
      <c r="I605" s="16"/>
      <c r="J605" s="16"/>
    </row>
    <row r="606" spans="2:10" s="4" customFormat="1" x14ac:dyDescent="0.2">
      <c r="B606" s="16"/>
      <c r="C606" s="16"/>
      <c r="D606" s="16"/>
      <c r="E606" s="16"/>
      <c r="F606" s="16"/>
      <c r="G606" s="16"/>
      <c r="H606" s="16"/>
      <c r="I606" s="16"/>
      <c r="J606" s="16"/>
    </row>
    <row r="607" spans="2:10" s="4" customFormat="1" x14ac:dyDescent="0.2">
      <c r="B607" s="16"/>
      <c r="C607" s="16"/>
      <c r="D607" s="16"/>
      <c r="E607" s="16"/>
      <c r="F607" s="16"/>
      <c r="G607" s="16"/>
      <c r="H607" s="16"/>
      <c r="I607" s="16"/>
      <c r="J607" s="16"/>
    </row>
    <row r="608" spans="2:10" s="4" customFormat="1" x14ac:dyDescent="0.2">
      <c r="B608" s="16"/>
      <c r="C608" s="16"/>
      <c r="D608" s="16"/>
      <c r="E608" s="16"/>
      <c r="F608" s="16"/>
      <c r="G608" s="16"/>
      <c r="H608" s="16"/>
      <c r="I608" s="16"/>
      <c r="J608" s="16"/>
    </row>
    <row r="609" spans="2:10" s="4" customFormat="1" x14ac:dyDescent="0.2">
      <c r="B609" s="16"/>
      <c r="C609" s="16"/>
      <c r="D609" s="16"/>
      <c r="E609" s="16"/>
      <c r="F609" s="16"/>
      <c r="G609" s="16"/>
      <c r="H609" s="16"/>
      <c r="I609" s="16"/>
      <c r="J609" s="16"/>
    </row>
    <row r="610" spans="2:10" s="4" customFormat="1" x14ac:dyDescent="0.2">
      <c r="B610" s="16"/>
      <c r="C610" s="16"/>
      <c r="D610" s="16"/>
      <c r="E610" s="16"/>
      <c r="F610" s="16"/>
      <c r="G610" s="16"/>
      <c r="H610" s="16"/>
      <c r="I610" s="16"/>
      <c r="J610" s="16"/>
    </row>
    <row r="611" spans="2:10" s="4" customFormat="1" x14ac:dyDescent="0.2">
      <c r="B611" s="16"/>
      <c r="C611" s="16"/>
      <c r="D611" s="16"/>
      <c r="E611" s="16"/>
      <c r="F611" s="16"/>
      <c r="G611" s="16"/>
      <c r="H611" s="16"/>
      <c r="I611" s="16"/>
      <c r="J611" s="16"/>
    </row>
    <row r="612" spans="2:10" s="4" customFormat="1" x14ac:dyDescent="0.2">
      <c r="B612" s="16"/>
      <c r="C612" s="16"/>
      <c r="D612" s="16"/>
      <c r="E612" s="16"/>
      <c r="F612" s="16"/>
      <c r="G612" s="16"/>
      <c r="H612" s="16"/>
      <c r="I612" s="16"/>
      <c r="J612" s="16"/>
    </row>
    <row r="613" spans="2:10" s="4" customFormat="1" x14ac:dyDescent="0.2">
      <c r="B613" s="16"/>
      <c r="C613" s="16"/>
      <c r="D613" s="16"/>
      <c r="E613" s="16"/>
      <c r="F613" s="16"/>
      <c r="G613" s="16"/>
      <c r="H613" s="16"/>
      <c r="I613" s="16"/>
      <c r="J613" s="16"/>
    </row>
    <row r="614" spans="2:10" s="4" customFormat="1" x14ac:dyDescent="0.2">
      <c r="B614" s="16"/>
      <c r="C614" s="16"/>
      <c r="D614" s="16"/>
      <c r="E614" s="16"/>
      <c r="F614" s="16"/>
      <c r="G614" s="16"/>
      <c r="H614" s="16"/>
      <c r="I614" s="16"/>
      <c r="J614" s="16"/>
    </row>
    <row r="615" spans="2:10" s="4" customFormat="1" x14ac:dyDescent="0.2">
      <c r="B615" s="16"/>
      <c r="C615" s="16"/>
      <c r="D615" s="16"/>
      <c r="E615" s="16"/>
      <c r="F615" s="16"/>
      <c r="G615" s="16"/>
      <c r="H615" s="16"/>
      <c r="I615" s="16"/>
      <c r="J615" s="16"/>
    </row>
    <row r="616" spans="2:10" s="4" customFormat="1" x14ac:dyDescent="0.2">
      <c r="B616" s="16"/>
      <c r="C616" s="16"/>
      <c r="D616" s="16"/>
      <c r="E616" s="16"/>
      <c r="F616" s="16"/>
      <c r="G616" s="16"/>
      <c r="H616" s="16"/>
      <c r="I616" s="16"/>
      <c r="J616" s="16"/>
    </row>
    <row r="617" spans="2:10" s="4" customFormat="1" x14ac:dyDescent="0.2">
      <c r="B617" s="16"/>
      <c r="C617" s="16"/>
      <c r="D617" s="16"/>
      <c r="E617" s="16"/>
      <c r="F617" s="16"/>
      <c r="G617" s="16"/>
      <c r="H617" s="16"/>
      <c r="I617" s="16"/>
      <c r="J617" s="16"/>
    </row>
    <row r="618" spans="2:10" s="4" customFormat="1" x14ac:dyDescent="0.2">
      <c r="B618" s="16"/>
      <c r="C618" s="16"/>
      <c r="D618" s="16"/>
      <c r="E618" s="16"/>
      <c r="F618" s="16"/>
      <c r="G618" s="16"/>
      <c r="H618" s="16"/>
      <c r="I618" s="16"/>
      <c r="J618" s="16"/>
    </row>
    <row r="619" spans="2:10" s="4" customFormat="1" x14ac:dyDescent="0.2">
      <c r="B619" s="16"/>
      <c r="C619" s="16"/>
      <c r="D619" s="16"/>
      <c r="E619" s="16"/>
      <c r="F619" s="16"/>
      <c r="G619" s="16"/>
      <c r="H619" s="16"/>
      <c r="I619" s="16"/>
      <c r="J619" s="16"/>
    </row>
    <row r="620" spans="2:10" s="4" customFormat="1" x14ac:dyDescent="0.2">
      <c r="B620" s="16"/>
      <c r="C620" s="16"/>
      <c r="D620" s="16"/>
      <c r="E620" s="16"/>
      <c r="F620" s="16"/>
      <c r="G620" s="16"/>
      <c r="H620" s="16"/>
      <c r="I620" s="16"/>
      <c r="J620" s="16"/>
    </row>
    <row r="621" spans="2:10" s="4" customFormat="1" x14ac:dyDescent="0.2">
      <c r="B621" s="16"/>
      <c r="C621" s="16"/>
      <c r="D621" s="16"/>
      <c r="E621" s="16"/>
      <c r="F621" s="16"/>
      <c r="G621" s="16"/>
      <c r="H621" s="16"/>
      <c r="I621" s="16"/>
      <c r="J621" s="16"/>
    </row>
    <row r="622" spans="2:10" s="4" customFormat="1" x14ac:dyDescent="0.2">
      <c r="B622" s="16"/>
      <c r="C622" s="16"/>
      <c r="D622" s="16"/>
      <c r="E622" s="16"/>
      <c r="F622" s="16"/>
      <c r="G622" s="16"/>
      <c r="H622" s="16"/>
      <c r="I622" s="16"/>
      <c r="J622" s="16"/>
    </row>
    <row r="623" spans="2:10" s="4" customFormat="1" x14ac:dyDescent="0.2">
      <c r="B623" s="16"/>
      <c r="C623" s="16"/>
      <c r="D623" s="16"/>
      <c r="E623" s="16"/>
      <c r="F623" s="16"/>
      <c r="G623" s="16"/>
      <c r="H623" s="16"/>
      <c r="I623" s="16"/>
      <c r="J623" s="16"/>
    </row>
    <row r="624" spans="2:10" s="4" customFormat="1" x14ac:dyDescent="0.2">
      <c r="B624" s="16"/>
      <c r="C624" s="16"/>
      <c r="D624" s="16"/>
      <c r="E624" s="16"/>
      <c r="F624" s="16"/>
      <c r="G624" s="16"/>
      <c r="H624" s="16"/>
      <c r="I624" s="16"/>
      <c r="J624" s="16"/>
    </row>
    <row r="625" spans="2:10" s="4" customFormat="1" x14ac:dyDescent="0.2">
      <c r="B625" s="16"/>
      <c r="C625" s="16"/>
      <c r="D625" s="16"/>
      <c r="E625" s="16"/>
      <c r="F625" s="16"/>
      <c r="G625" s="16"/>
      <c r="H625" s="16"/>
      <c r="I625" s="16"/>
      <c r="J625" s="16"/>
    </row>
    <row r="626" spans="2:10" s="4" customFormat="1" x14ac:dyDescent="0.2">
      <c r="B626" s="16"/>
      <c r="C626" s="16"/>
      <c r="D626" s="16"/>
      <c r="E626" s="16"/>
      <c r="F626" s="16"/>
      <c r="G626" s="16"/>
      <c r="H626" s="16"/>
      <c r="I626" s="16"/>
      <c r="J626" s="16"/>
    </row>
    <row r="627" spans="2:10" s="4" customFormat="1" x14ac:dyDescent="0.2">
      <c r="B627" s="16"/>
      <c r="C627" s="16"/>
      <c r="D627" s="16"/>
      <c r="E627" s="16"/>
      <c r="F627" s="16"/>
      <c r="G627" s="16"/>
      <c r="H627" s="16"/>
      <c r="I627" s="16"/>
      <c r="J627" s="16"/>
    </row>
    <row r="628" spans="2:10" s="4" customFormat="1" x14ac:dyDescent="0.2">
      <c r="B628" s="16"/>
      <c r="C628" s="16"/>
      <c r="D628" s="16"/>
      <c r="E628" s="16"/>
      <c r="F628" s="16"/>
      <c r="G628" s="16"/>
      <c r="H628" s="16"/>
      <c r="I628" s="16"/>
      <c r="J628" s="16"/>
    </row>
    <row r="629" spans="2:10" s="4" customFormat="1" x14ac:dyDescent="0.2">
      <c r="B629" s="16"/>
      <c r="C629" s="16"/>
      <c r="D629" s="16"/>
      <c r="E629" s="16"/>
      <c r="F629" s="16"/>
      <c r="G629" s="16"/>
      <c r="H629" s="16"/>
      <c r="I629" s="16"/>
      <c r="J629" s="16"/>
    </row>
    <row r="630" spans="2:10" s="4" customFormat="1" x14ac:dyDescent="0.2">
      <c r="B630" s="16"/>
      <c r="C630" s="16"/>
      <c r="D630" s="16"/>
      <c r="E630" s="16"/>
      <c r="F630" s="16"/>
      <c r="G630" s="16"/>
      <c r="H630" s="16"/>
      <c r="I630" s="16"/>
      <c r="J630" s="16"/>
    </row>
    <row r="631" spans="2:10" s="4" customFormat="1" x14ac:dyDescent="0.2">
      <c r="B631" s="16"/>
      <c r="C631" s="16"/>
      <c r="D631" s="16"/>
      <c r="E631" s="16"/>
      <c r="F631" s="16"/>
      <c r="G631" s="16"/>
      <c r="H631" s="16"/>
      <c r="I631" s="16"/>
      <c r="J631" s="16"/>
    </row>
    <row r="632" spans="2:10" s="4" customFormat="1" x14ac:dyDescent="0.2">
      <c r="B632" s="16"/>
      <c r="C632" s="16"/>
      <c r="D632" s="16"/>
      <c r="E632" s="16"/>
      <c r="F632" s="16"/>
      <c r="G632" s="16"/>
      <c r="H632" s="16"/>
      <c r="I632" s="16"/>
      <c r="J632" s="16"/>
    </row>
    <row r="633" spans="2:10" s="4" customFormat="1" x14ac:dyDescent="0.2">
      <c r="B633" s="16"/>
      <c r="C633" s="16"/>
      <c r="D633" s="16"/>
      <c r="E633" s="16"/>
      <c r="F633" s="16"/>
      <c r="G633" s="16"/>
      <c r="H633" s="16"/>
      <c r="I633" s="16"/>
      <c r="J633" s="16"/>
    </row>
    <row r="634" spans="2:10" s="4" customFormat="1" x14ac:dyDescent="0.2">
      <c r="B634" s="16"/>
      <c r="C634" s="16"/>
      <c r="D634" s="16"/>
      <c r="E634" s="16"/>
      <c r="F634" s="16"/>
      <c r="G634" s="16"/>
      <c r="H634" s="16"/>
      <c r="I634" s="16"/>
      <c r="J634" s="16"/>
    </row>
    <row r="635" spans="2:10" s="4" customFormat="1" x14ac:dyDescent="0.2">
      <c r="B635" s="16"/>
      <c r="C635" s="16"/>
      <c r="D635" s="16"/>
      <c r="E635" s="16"/>
      <c r="F635" s="16"/>
      <c r="G635" s="16"/>
      <c r="H635" s="16"/>
      <c r="I635" s="16"/>
      <c r="J635" s="16"/>
    </row>
    <row r="636" spans="2:10" s="4" customFormat="1" x14ac:dyDescent="0.2">
      <c r="B636" s="16"/>
      <c r="C636" s="16"/>
      <c r="D636" s="16"/>
      <c r="E636" s="16"/>
      <c r="F636" s="16"/>
      <c r="G636" s="16"/>
      <c r="H636" s="16"/>
      <c r="I636" s="16"/>
      <c r="J636" s="16"/>
    </row>
    <row r="637" spans="2:10" s="4" customFormat="1" x14ac:dyDescent="0.2">
      <c r="B637" s="16"/>
      <c r="C637" s="16"/>
      <c r="D637" s="16"/>
      <c r="E637" s="16"/>
      <c r="F637" s="16"/>
      <c r="G637" s="16"/>
      <c r="H637" s="16"/>
      <c r="I637" s="16"/>
      <c r="J637" s="16"/>
    </row>
    <row r="638" spans="2:10" s="4" customFormat="1" x14ac:dyDescent="0.2">
      <c r="B638" s="16"/>
      <c r="C638" s="16"/>
      <c r="D638" s="16"/>
      <c r="E638" s="16"/>
      <c r="F638" s="16"/>
      <c r="G638" s="16"/>
      <c r="H638" s="16"/>
      <c r="I638" s="16"/>
      <c r="J638" s="16"/>
    </row>
    <row r="639" spans="2:10" s="4" customFormat="1" x14ac:dyDescent="0.2">
      <c r="B639" s="16"/>
      <c r="C639" s="16"/>
      <c r="D639" s="16"/>
      <c r="E639" s="16"/>
      <c r="F639" s="16"/>
      <c r="G639" s="16"/>
      <c r="H639" s="16"/>
      <c r="I639" s="16"/>
      <c r="J639" s="16"/>
    </row>
    <row r="640" spans="2:10" s="4" customFormat="1" x14ac:dyDescent="0.2">
      <c r="B640" s="16"/>
      <c r="C640" s="16"/>
      <c r="D640" s="16"/>
      <c r="E640" s="16"/>
      <c r="F640" s="16"/>
      <c r="G640" s="16"/>
      <c r="H640" s="16"/>
      <c r="I640" s="16"/>
      <c r="J640" s="16"/>
    </row>
    <row r="641" spans="2:10" s="4" customFormat="1" x14ac:dyDescent="0.2">
      <c r="B641" s="16"/>
      <c r="C641" s="16"/>
      <c r="D641" s="16"/>
      <c r="E641" s="16"/>
      <c r="F641" s="16"/>
      <c r="G641" s="16"/>
      <c r="H641" s="16"/>
      <c r="I641" s="16"/>
      <c r="J641" s="16"/>
    </row>
    <row r="642" spans="2:10" s="4" customFormat="1" x14ac:dyDescent="0.2">
      <c r="B642" s="16"/>
      <c r="C642" s="16"/>
      <c r="D642" s="16"/>
      <c r="E642" s="16"/>
      <c r="F642" s="16"/>
      <c r="G642" s="16"/>
      <c r="H642" s="16"/>
      <c r="I642" s="16"/>
      <c r="J642" s="16"/>
    </row>
    <row r="643" spans="2:10" s="4" customFormat="1" x14ac:dyDescent="0.2">
      <c r="B643" s="16"/>
      <c r="C643" s="16"/>
      <c r="D643" s="16"/>
      <c r="E643" s="16"/>
      <c r="F643" s="16"/>
      <c r="G643" s="16"/>
      <c r="H643" s="16"/>
      <c r="I643" s="16"/>
      <c r="J643" s="16"/>
    </row>
    <row r="644" spans="2:10" s="4" customFormat="1" x14ac:dyDescent="0.2">
      <c r="B644" s="16"/>
      <c r="C644" s="16"/>
      <c r="D644" s="16"/>
      <c r="E644" s="16"/>
      <c r="F644" s="16"/>
      <c r="G644" s="16"/>
      <c r="H644" s="16"/>
      <c r="I644" s="16"/>
      <c r="J644" s="16"/>
    </row>
    <row r="645" spans="2:10" s="4" customFormat="1" x14ac:dyDescent="0.2">
      <c r="B645" s="16"/>
      <c r="C645" s="16"/>
      <c r="D645" s="16"/>
      <c r="E645" s="16"/>
      <c r="F645" s="16"/>
      <c r="G645" s="16"/>
      <c r="H645" s="16"/>
      <c r="I645" s="16"/>
      <c r="J645" s="16"/>
    </row>
    <row r="646" spans="2:10" s="4" customFormat="1" x14ac:dyDescent="0.2">
      <c r="B646" s="16"/>
      <c r="C646" s="16"/>
      <c r="D646" s="16"/>
      <c r="E646" s="16"/>
      <c r="F646" s="16"/>
      <c r="G646" s="16"/>
      <c r="H646" s="16"/>
      <c r="I646" s="16"/>
      <c r="J646" s="16"/>
    </row>
    <row r="647" spans="2:10" s="4" customFormat="1" x14ac:dyDescent="0.2">
      <c r="B647" s="16"/>
      <c r="C647" s="16"/>
      <c r="D647" s="16"/>
      <c r="E647" s="16"/>
      <c r="F647" s="16"/>
      <c r="G647" s="16"/>
      <c r="H647" s="16"/>
      <c r="I647" s="16"/>
      <c r="J647" s="16"/>
    </row>
    <row r="648" spans="2:10" s="4" customFormat="1" x14ac:dyDescent="0.2">
      <c r="B648" s="16"/>
      <c r="C648" s="16"/>
      <c r="D648" s="16"/>
      <c r="E648" s="16"/>
      <c r="F648" s="16"/>
      <c r="G648" s="16"/>
      <c r="H648" s="16"/>
      <c r="I648" s="16"/>
      <c r="J648" s="16"/>
    </row>
    <row r="649" spans="2:10" s="4" customFormat="1" x14ac:dyDescent="0.2">
      <c r="B649" s="16"/>
      <c r="C649" s="16"/>
      <c r="D649" s="16"/>
      <c r="E649" s="16"/>
      <c r="F649" s="16"/>
      <c r="G649" s="16"/>
      <c r="H649" s="16"/>
      <c r="I649" s="16"/>
      <c r="J649" s="16"/>
    </row>
    <row r="650" spans="2:10" s="4" customFormat="1" x14ac:dyDescent="0.2">
      <c r="B650" s="16"/>
      <c r="C650" s="16"/>
      <c r="D650" s="16"/>
      <c r="E650" s="16"/>
      <c r="F650" s="16"/>
      <c r="G650" s="16"/>
      <c r="H650" s="16"/>
      <c r="I650" s="16"/>
      <c r="J650" s="16"/>
    </row>
    <row r="651" spans="2:10" s="4" customFormat="1" x14ac:dyDescent="0.2">
      <c r="B651" s="16"/>
      <c r="C651" s="16"/>
      <c r="D651" s="16"/>
      <c r="E651" s="16"/>
      <c r="F651" s="16"/>
      <c r="G651" s="16"/>
      <c r="H651" s="16"/>
      <c r="I651" s="16"/>
      <c r="J651" s="16"/>
    </row>
    <row r="652" spans="2:10" s="4" customFormat="1" x14ac:dyDescent="0.2">
      <c r="B652" s="16"/>
      <c r="C652" s="16"/>
      <c r="D652" s="16"/>
      <c r="E652" s="16"/>
      <c r="F652" s="16"/>
      <c r="G652" s="16"/>
      <c r="H652" s="16"/>
      <c r="I652" s="16"/>
      <c r="J652" s="16"/>
    </row>
    <row r="653" spans="2:10" s="4" customFormat="1" x14ac:dyDescent="0.2">
      <c r="B653" s="16"/>
      <c r="C653" s="16"/>
      <c r="D653" s="16"/>
      <c r="E653" s="16"/>
      <c r="F653" s="16"/>
      <c r="G653" s="16"/>
      <c r="H653" s="16"/>
      <c r="I653" s="16"/>
      <c r="J653" s="16"/>
    </row>
    <row r="654" spans="2:10" s="4" customFormat="1" x14ac:dyDescent="0.2">
      <c r="B654" s="16"/>
      <c r="C654" s="16"/>
      <c r="D654" s="16"/>
      <c r="E654" s="16"/>
      <c r="F654" s="16"/>
      <c r="G654" s="16"/>
      <c r="H654" s="16"/>
      <c r="I654" s="16"/>
      <c r="J654" s="16"/>
    </row>
    <row r="655" spans="2:10" s="4" customFormat="1" x14ac:dyDescent="0.2">
      <c r="B655" s="16"/>
      <c r="C655" s="16"/>
      <c r="D655" s="16"/>
      <c r="E655" s="16"/>
      <c r="F655" s="16"/>
      <c r="G655" s="16"/>
      <c r="H655" s="16"/>
      <c r="I655" s="16"/>
      <c r="J655" s="16"/>
    </row>
    <row r="656" spans="2:10" s="4" customFormat="1" x14ac:dyDescent="0.2">
      <c r="B656" s="16"/>
      <c r="C656" s="16"/>
      <c r="D656" s="16"/>
      <c r="E656" s="16"/>
      <c r="F656" s="16"/>
      <c r="G656" s="16"/>
      <c r="H656" s="16"/>
      <c r="I656" s="16"/>
      <c r="J656" s="16"/>
    </row>
    <row r="657" spans="2:10" s="4" customFormat="1" x14ac:dyDescent="0.2">
      <c r="B657" s="16"/>
      <c r="C657" s="16"/>
      <c r="D657" s="16"/>
      <c r="E657" s="16"/>
      <c r="F657" s="16"/>
      <c r="G657" s="16"/>
      <c r="H657" s="16"/>
      <c r="I657" s="16"/>
      <c r="J657" s="16"/>
    </row>
    <row r="658" spans="2:10" s="4" customFormat="1" x14ac:dyDescent="0.2">
      <c r="B658" s="16"/>
      <c r="C658" s="16"/>
      <c r="D658" s="16"/>
      <c r="E658" s="16"/>
      <c r="F658" s="16"/>
      <c r="G658" s="16"/>
      <c r="H658" s="16"/>
      <c r="I658" s="16"/>
      <c r="J658" s="16"/>
    </row>
    <row r="659" spans="2:10" s="4" customFormat="1" x14ac:dyDescent="0.2">
      <c r="B659" s="16"/>
      <c r="C659" s="16"/>
      <c r="D659" s="16"/>
      <c r="E659" s="16"/>
      <c r="F659" s="16"/>
      <c r="G659" s="16"/>
      <c r="H659" s="16"/>
      <c r="I659" s="16"/>
      <c r="J659" s="16"/>
    </row>
    <row r="660" spans="2:10" s="4" customFormat="1" x14ac:dyDescent="0.2">
      <c r="B660" s="16"/>
      <c r="C660" s="16"/>
      <c r="D660" s="16"/>
      <c r="E660" s="16"/>
      <c r="F660" s="16"/>
      <c r="G660" s="16"/>
      <c r="H660" s="16"/>
      <c r="I660" s="16"/>
      <c r="J660" s="16"/>
    </row>
    <row r="661" spans="2:10" s="4" customFormat="1" x14ac:dyDescent="0.2">
      <c r="B661" s="16"/>
      <c r="C661" s="16"/>
      <c r="D661" s="16"/>
      <c r="E661" s="16"/>
      <c r="F661" s="16"/>
      <c r="G661" s="16"/>
      <c r="H661" s="16"/>
      <c r="I661" s="16"/>
      <c r="J661" s="16"/>
    </row>
    <row r="662" spans="2:10" s="4" customFormat="1" x14ac:dyDescent="0.2">
      <c r="B662" s="16"/>
      <c r="C662" s="16"/>
      <c r="D662" s="16"/>
      <c r="E662" s="16"/>
      <c r="F662" s="16"/>
      <c r="G662" s="16"/>
      <c r="H662" s="16"/>
      <c r="I662" s="16"/>
      <c r="J662" s="16"/>
    </row>
    <row r="663" spans="2:10" s="4" customFormat="1" x14ac:dyDescent="0.2">
      <c r="B663" s="16"/>
      <c r="C663" s="16"/>
      <c r="D663" s="16"/>
      <c r="E663" s="16"/>
      <c r="F663" s="16"/>
      <c r="G663" s="16"/>
      <c r="H663" s="16"/>
      <c r="I663" s="16"/>
      <c r="J663" s="16"/>
    </row>
    <row r="664" spans="2:10" s="4" customFormat="1" x14ac:dyDescent="0.2">
      <c r="B664" s="16"/>
      <c r="C664" s="16"/>
      <c r="D664" s="16"/>
      <c r="E664" s="16"/>
      <c r="F664" s="16"/>
      <c r="G664" s="16"/>
      <c r="H664" s="16"/>
      <c r="I664" s="16"/>
      <c r="J664" s="16"/>
    </row>
    <row r="665" spans="2:10" s="4" customFormat="1" x14ac:dyDescent="0.2">
      <c r="B665" s="16"/>
      <c r="C665" s="16"/>
      <c r="D665" s="16"/>
      <c r="E665" s="16"/>
      <c r="F665" s="16"/>
      <c r="G665" s="16"/>
      <c r="H665" s="16"/>
      <c r="I665" s="16"/>
      <c r="J665" s="16"/>
    </row>
    <row r="666" spans="2:10" s="4" customFormat="1" x14ac:dyDescent="0.2">
      <c r="B666" s="16"/>
      <c r="C666" s="16"/>
      <c r="D666" s="16"/>
      <c r="E666" s="16"/>
      <c r="F666" s="16"/>
      <c r="G666" s="16"/>
      <c r="H666" s="16"/>
      <c r="I666" s="16"/>
      <c r="J666" s="16"/>
    </row>
    <row r="667" spans="2:10" s="4" customFormat="1" x14ac:dyDescent="0.2">
      <c r="B667" s="16"/>
      <c r="C667" s="16"/>
      <c r="D667" s="16"/>
      <c r="E667" s="16"/>
      <c r="F667" s="16"/>
      <c r="G667" s="16"/>
      <c r="H667" s="16"/>
      <c r="I667" s="16"/>
      <c r="J667" s="16"/>
    </row>
    <row r="668" spans="2:10" s="4" customFormat="1" x14ac:dyDescent="0.2">
      <c r="B668" s="16"/>
      <c r="C668" s="16"/>
      <c r="D668" s="16"/>
      <c r="E668" s="16"/>
      <c r="F668" s="16"/>
      <c r="G668" s="16"/>
      <c r="H668" s="16"/>
      <c r="I668" s="16"/>
      <c r="J668" s="16"/>
    </row>
    <row r="669" spans="2:10" s="4" customFormat="1" x14ac:dyDescent="0.2">
      <c r="B669" s="16"/>
      <c r="C669" s="16"/>
      <c r="D669" s="16"/>
      <c r="E669" s="16"/>
      <c r="F669" s="16"/>
      <c r="G669" s="16"/>
      <c r="H669" s="16"/>
      <c r="I669" s="16"/>
      <c r="J669" s="16"/>
    </row>
    <row r="670" spans="2:10" s="4" customFormat="1" x14ac:dyDescent="0.2">
      <c r="B670" s="16"/>
      <c r="C670" s="16"/>
      <c r="D670" s="16"/>
      <c r="E670" s="16"/>
      <c r="F670" s="16"/>
      <c r="G670" s="16"/>
      <c r="H670" s="16"/>
      <c r="I670" s="16"/>
      <c r="J670" s="16"/>
    </row>
    <row r="671" spans="2:10" s="4" customFormat="1" x14ac:dyDescent="0.2">
      <c r="B671" s="16"/>
      <c r="C671" s="16"/>
      <c r="D671" s="16"/>
      <c r="E671" s="16"/>
      <c r="F671" s="16"/>
      <c r="G671" s="16"/>
      <c r="H671" s="16"/>
      <c r="I671" s="16"/>
      <c r="J671" s="16"/>
    </row>
    <row r="672" spans="2:10" s="4" customFormat="1" x14ac:dyDescent="0.2">
      <c r="B672" s="16"/>
      <c r="C672" s="16"/>
      <c r="D672" s="16"/>
      <c r="E672" s="16"/>
      <c r="F672" s="16"/>
      <c r="G672" s="16"/>
      <c r="H672" s="16"/>
      <c r="I672" s="16"/>
      <c r="J672" s="16"/>
    </row>
    <row r="673" spans="2:10" s="4" customFormat="1" x14ac:dyDescent="0.2">
      <c r="B673" s="16"/>
      <c r="C673" s="16"/>
      <c r="D673" s="16"/>
      <c r="E673" s="16"/>
      <c r="F673" s="16"/>
      <c r="G673" s="16"/>
      <c r="H673" s="16"/>
      <c r="I673" s="16"/>
      <c r="J673" s="16"/>
    </row>
    <row r="674" spans="2:10" s="4" customFormat="1" x14ac:dyDescent="0.2">
      <c r="B674" s="16"/>
      <c r="C674" s="16"/>
      <c r="D674" s="16"/>
      <c r="E674" s="16"/>
      <c r="F674" s="16"/>
      <c r="G674" s="16"/>
      <c r="H674" s="16"/>
      <c r="I674" s="16"/>
      <c r="J674" s="16"/>
    </row>
    <row r="675" spans="2:10" s="4" customFormat="1" x14ac:dyDescent="0.2">
      <c r="B675" s="16"/>
      <c r="C675" s="16"/>
      <c r="D675" s="16"/>
      <c r="E675" s="16"/>
      <c r="F675" s="16"/>
      <c r="G675" s="16"/>
      <c r="H675" s="16"/>
      <c r="I675" s="16"/>
      <c r="J675" s="16"/>
    </row>
    <row r="676" spans="2:10" s="4" customFormat="1" x14ac:dyDescent="0.2">
      <c r="B676" s="16"/>
      <c r="C676" s="16"/>
      <c r="D676" s="16"/>
      <c r="E676" s="16"/>
      <c r="F676" s="16"/>
      <c r="G676" s="16"/>
      <c r="H676" s="16"/>
      <c r="I676" s="16"/>
      <c r="J676" s="16"/>
    </row>
    <row r="677" spans="2:10" s="4" customFormat="1" x14ac:dyDescent="0.2">
      <c r="B677" s="16"/>
      <c r="C677" s="16"/>
      <c r="D677" s="16"/>
      <c r="E677" s="16"/>
      <c r="F677" s="16"/>
      <c r="G677" s="16"/>
      <c r="H677" s="16"/>
      <c r="I677" s="16"/>
      <c r="J677" s="16"/>
    </row>
    <row r="678" spans="2:10" s="4" customFormat="1" x14ac:dyDescent="0.2">
      <c r="B678" s="16"/>
      <c r="C678" s="16"/>
      <c r="D678" s="16"/>
      <c r="E678" s="16"/>
      <c r="F678" s="16"/>
      <c r="G678" s="16"/>
      <c r="H678" s="16"/>
      <c r="I678" s="16"/>
      <c r="J678" s="16"/>
    </row>
    <row r="679" spans="2:10" s="4" customFormat="1" x14ac:dyDescent="0.2">
      <c r="B679" s="16"/>
      <c r="C679" s="16"/>
      <c r="D679" s="16"/>
      <c r="E679" s="16"/>
      <c r="F679" s="16"/>
      <c r="G679" s="16"/>
      <c r="H679" s="16"/>
      <c r="I679" s="16"/>
      <c r="J679" s="16"/>
    </row>
    <row r="680" spans="2:10" s="4" customFormat="1" x14ac:dyDescent="0.2">
      <c r="B680" s="16"/>
      <c r="C680" s="16"/>
      <c r="D680" s="16"/>
      <c r="E680" s="16"/>
      <c r="F680" s="16"/>
      <c r="G680" s="16"/>
      <c r="H680" s="16"/>
      <c r="I680" s="16"/>
      <c r="J680" s="16"/>
    </row>
    <row r="681" spans="2:10" s="4" customFormat="1" x14ac:dyDescent="0.2">
      <c r="B681" s="16"/>
      <c r="C681" s="16"/>
      <c r="D681" s="16"/>
      <c r="E681" s="16"/>
      <c r="F681" s="16"/>
      <c r="G681" s="16"/>
      <c r="H681" s="16"/>
      <c r="I681" s="16"/>
      <c r="J681" s="16"/>
    </row>
    <row r="682" spans="2:10" s="4" customFormat="1" x14ac:dyDescent="0.2">
      <c r="B682" s="16"/>
      <c r="C682" s="16"/>
      <c r="D682" s="16"/>
      <c r="E682" s="16"/>
      <c r="F682" s="16"/>
      <c r="G682" s="16"/>
      <c r="H682" s="16"/>
      <c r="I682" s="16"/>
      <c r="J682" s="16"/>
    </row>
    <row r="683" spans="2:10" s="4" customFormat="1" x14ac:dyDescent="0.2">
      <c r="B683" s="16"/>
      <c r="C683" s="16"/>
      <c r="D683" s="16"/>
      <c r="E683" s="16"/>
      <c r="F683" s="16"/>
      <c r="G683" s="16"/>
      <c r="H683" s="16"/>
      <c r="I683" s="16"/>
      <c r="J683" s="16"/>
    </row>
    <row r="684" spans="2:10" s="4" customFormat="1" x14ac:dyDescent="0.2">
      <c r="B684" s="16"/>
      <c r="C684" s="16"/>
      <c r="D684" s="16"/>
      <c r="E684" s="16"/>
      <c r="F684" s="16"/>
      <c r="G684" s="16"/>
      <c r="H684" s="16"/>
      <c r="I684" s="16"/>
      <c r="J684" s="16"/>
    </row>
    <row r="685" spans="2:10" s="4" customFormat="1" x14ac:dyDescent="0.2">
      <c r="B685" s="16"/>
      <c r="C685" s="16"/>
      <c r="D685" s="16"/>
      <c r="E685" s="16"/>
      <c r="F685" s="16"/>
      <c r="G685" s="16"/>
      <c r="H685" s="16"/>
      <c r="I685" s="16"/>
      <c r="J685" s="16"/>
    </row>
    <row r="686" spans="2:10" s="4" customFormat="1" x14ac:dyDescent="0.2">
      <c r="B686" s="16"/>
      <c r="C686" s="16"/>
      <c r="D686" s="16"/>
      <c r="E686" s="16"/>
      <c r="F686" s="16"/>
      <c r="G686" s="16"/>
      <c r="H686" s="16"/>
      <c r="I686" s="16"/>
      <c r="J686" s="16"/>
    </row>
    <row r="687" spans="2:10" s="4" customFormat="1" x14ac:dyDescent="0.2">
      <c r="B687" s="16"/>
      <c r="C687" s="16"/>
      <c r="D687" s="16"/>
      <c r="E687" s="16"/>
      <c r="F687" s="16"/>
      <c r="G687" s="16"/>
      <c r="H687" s="16"/>
      <c r="I687" s="16"/>
      <c r="J687" s="16"/>
    </row>
    <row r="688" spans="2:10" s="4" customFormat="1" x14ac:dyDescent="0.2">
      <c r="B688" s="16"/>
      <c r="C688" s="16"/>
      <c r="D688" s="16"/>
      <c r="E688" s="16"/>
      <c r="F688" s="16"/>
      <c r="G688" s="16"/>
      <c r="H688" s="16"/>
      <c r="I688" s="16"/>
      <c r="J688" s="16"/>
    </row>
    <row r="689" spans="2:10" s="4" customFormat="1" x14ac:dyDescent="0.2">
      <c r="B689" s="16"/>
      <c r="C689" s="16"/>
      <c r="D689" s="16"/>
      <c r="E689" s="16"/>
      <c r="F689" s="16"/>
      <c r="G689" s="16"/>
      <c r="H689" s="16"/>
      <c r="I689" s="16"/>
      <c r="J689" s="16"/>
    </row>
    <row r="690" spans="2:10" s="4" customFormat="1" x14ac:dyDescent="0.2">
      <c r="B690" s="16"/>
      <c r="C690" s="16"/>
      <c r="D690" s="16"/>
      <c r="E690" s="16"/>
      <c r="F690" s="16"/>
      <c r="G690" s="16"/>
      <c r="H690" s="16"/>
      <c r="I690" s="16"/>
      <c r="J690" s="16"/>
    </row>
    <row r="691" spans="2:10" s="4" customFormat="1" x14ac:dyDescent="0.2">
      <c r="B691" s="16"/>
      <c r="C691" s="16"/>
      <c r="D691" s="16"/>
      <c r="E691" s="16"/>
      <c r="F691" s="16"/>
      <c r="G691" s="16"/>
      <c r="H691" s="16"/>
      <c r="I691" s="16"/>
      <c r="J691" s="16"/>
    </row>
    <row r="692" spans="2:10" s="4" customFormat="1" x14ac:dyDescent="0.2">
      <c r="B692" s="16"/>
      <c r="C692" s="16"/>
      <c r="D692" s="16"/>
      <c r="E692" s="16"/>
      <c r="F692" s="16"/>
      <c r="G692" s="16"/>
      <c r="H692" s="16"/>
      <c r="I692" s="16"/>
      <c r="J692" s="16"/>
    </row>
    <row r="693" spans="2:10" s="4" customFormat="1" x14ac:dyDescent="0.2">
      <c r="B693" s="16"/>
      <c r="C693" s="16"/>
      <c r="D693" s="16"/>
      <c r="E693" s="16"/>
      <c r="F693" s="16"/>
      <c r="G693" s="16"/>
      <c r="H693" s="16"/>
      <c r="I693" s="16"/>
      <c r="J693" s="16"/>
    </row>
    <row r="694" spans="2:10" s="4" customFormat="1" x14ac:dyDescent="0.2">
      <c r="B694" s="16"/>
      <c r="C694" s="16"/>
      <c r="D694" s="16"/>
      <c r="E694" s="16"/>
      <c r="F694" s="16"/>
      <c r="G694" s="16"/>
      <c r="H694" s="16"/>
      <c r="I694" s="16"/>
      <c r="J694" s="16"/>
    </row>
    <row r="695" spans="2:10" s="4" customFormat="1" x14ac:dyDescent="0.2">
      <c r="B695" s="16"/>
      <c r="C695" s="16"/>
      <c r="D695" s="16"/>
      <c r="E695" s="16"/>
      <c r="F695" s="16"/>
      <c r="G695" s="16"/>
      <c r="H695" s="16"/>
      <c r="I695" s="16"/>
      <c r="J695" s="16"/>
    </row>
    <row r="696" spans="2:10" s="4" customFormat="1" x14ac:dyDescent="0.2">
      <c r="B696" s="16"/>
      <c r="C696" s="16"/>
      <c r="D696" s="16"/>
      <c r="E696" s="16"/>
      <c r="F696" s="16"/>
      <c r="G696" s="16"/>
      <c r="H696" s="16"/>
      <c r="I696" s="16"/>
      <c r="J696" s="16"/>
    </row>
    <row r="697" spans="2:10" s="4" customFormat="1" x14ac:dyDescent="0.2">
      <c r="B697" s="16"/>
      <c r="C697" s="16"/>
      <c r="D697" s="16"/>
      <c r="E697" s="16"/>
      <c r="F697" s="16"/>
      <c r="G697" s="16"/>
      <c r="H697" s="16"/>
      <c r="I697" s="16"/>
      <c r="J697" s="16"/>
    </row>
    <row r="698" spans="2:10" s="4" customFormat="1" x14ac:dyDescent="0.2">
      <c r="B698" s="16"/>
      <c r="C698" s="16"/>
      <c r="D698" s="16"/>
      <c r="E698" s="16"/>
      <c r="F698" s="16"/>
      <c r="G698" s="16"/>
      <c r="H698" s="16"/>
      <c r="I698" s="16"/>
      <c r="J698" s="16"/>
    </row>
    <row r="699" spans="2:10" s="4" customFormat="1" x14ac:dyDescent="0.2">
      <c r="B699" s="16"/>
      <c r="C699" s="16"/>
      <c r="D699" s="16"/>
      <c r="E699" s="16"/>
      <c r="F699" s="16"/>
      <c r="G699" s="16"/>
      <c r="H699" s="16"/>
      <c r="I699" s="16"/>
      <c r="J699" s="16"/>
    </row>
    <row r="700" spans="2:10" s="4" customFormat="1" x14ac:dyDescent="0.2">
      <c r="B700" s="16"/>
      <c r="C700" s="16"/>
      <c r="D700" s="16"/>
      <c r="E700" s="16"/>
      <c r="F700" s="16"/>
      <c r="G700" s="16"/>
      <c r="H700" s="16"/>
      <c r="I700" s="16"/>
      <c r="J700" s="16"/>
    </row>
    <row r="701" spans="2:10" s="4" customFormat="1" x14ac:dyDescent="0.2">
      <c r="B701" s="16"/>
      <c r="C701" s="16"/>
      <c r="D701" s="16"/>
      <c r="E701" s="16"/>
      <c r="F701" s="16"/>
      <c r="G701" s="16"/>
      <c r="H701" s="16"/>
      <c r="I701" s="16"/>
      <c r="J701" s="16"/>
    </row>
    <row r="702" spans="2:10" s="4" customFormat="1" x14ac:dyDescent="0.2">
      <c r="B702" s="16"/>
      <c r="C702" s="16"/>
      <c r="D702" s="16"/>
      <c r="E702" s="16"/>
      <c r="F702" s="16"/>
      <c r="G702" s="16"/>
      <c r="H702" s="16"/>
      <c r="I702" s="16"/>
      <c r="J702" s="16"/>
    </row>
    <row r="703" spans="2:10" s="4" customFormat="1" x14ac:dyDescent="0.2">
      <c r="B703" s="16"/>
      <c r="C703" s="16"/>
      <c r="D703" s="16"/>
      <c r="E703" s="16"/>
      <c r="F703" s="16"/>
      <c r="G703" s="16"/>
      <c r="H703" s="16"/>
      <c r="I703" s="16"/>
      <c r="J703" s="16"/>
    </row>
    <row r="704" spans="2:10" s="4" customFormat="1" x14ac:dyDescent="0.2">
      <c r="B704" s="16"/>
      <c r="C704" s="16"/>
      <c r="D704" s="16"/>
      <c r="E704" s="16"/>
      <c r="F704" s="16"/>
      <c r="G704" s="16"/>
      <c r="H704" s="16"/>
      <c r="I704" s="16"/>
      <c r="J704" s="16"/>
    </row>
    <row r="705" spans="2:10" s="4" customFormat="1" x14ac:dyDescent="0.2">
      <c r="B705" s="16"/>
      <c r="C705" s="16"/>
      <c r="D705" s="16"/>
      <c r="E705" s="16"/>
      <c r="F705" s="16"/>
      <c r="G705" s="16"/>
      <c r="H705" s="16"/>
      <c r="I705" s="16"/>
      <c r="J705" s="16"/>
    </row>
    <row r="706" spans="2:10" s="4" customFormat="1" x14ac:dyDescent="0.2">
      <c r="B706" s="16"/>
      <c r="C706" s="16"/>
      <c r="D706" s="16"/>
      <c r="E706" s="16"/>
      <c r="F706" s="16"/>
      <c r="G706" s="16"/>
      <c r="H706" s="16"/>
      <c r="I706" s="16"/>
      <c r="J706" s="16"/>
    </row>
    <row r="707" spans="2:10" s="4" customFormat="1" x14ac:dyDescent="0.2">
      <c r="B707" s="16"/>
      <c r="C707" s="16"/>
      <c r="D707" s="16"/>
      <c r="E707" s="16"/>
      <c r="F707" s="16"/>
      <c r="G707" s="16"/>
      <c r="H707" s="16"/>
      <c r="I707" s="16"/>
      <c r="J707" s="16"/>
    </row>
    <row r="708" spans="2:10" s="4" customFormat="1" x14ac:dyDescent="0.2">
      <c r="B708" s="16"/>
      <c r="C708" s="16"/>
      <c r="D708" s="16"/>
      <c r="E708" s="16"/>
      <c r="F708" s="16"/>
      <c r="G708" s="16"/>
      <c r="H708" s="16"/>
      <c r="I708" s="16"/>
      <c r="J708" s="16"/>
    </row>
    <row r="709" spans="2:10" s="4" customFormat="1" x14ac:dyDescent="0.2">
      <c r="B709" s="16"/>
      <c r="C709" s="16"/>
      <c r="D709" s="16"/>
      <c r="E709" s="16"/>
      <c r="F709" s="16"/>
      <c r="G709" s="16"/>
      <c r="H709" s="16"/>
      <c r="I709" s="16"/>
      <c r="J709" s="16"/>
    </row>
    <row r="710" spans="2:10" s="4" customFormat="1" x14ac:dyDescent="0.2">
      <c r="B710" s="16"/>
      <c r="C710" s="16"/>
      <c r="D710" s="16"/>
      <c r="E710" s="16"/>
      <c r="F710" s="16"/>
      <c r="G710" s="16"/>
      <c r="H710" s="16"/>
      <c r="I710" s="16"/>
      <c r="J710" s="16"/>
    </row>
    <row r="711" spans="2:10" s="4" customFormat="1" x14ac:dyDescent="0.2">
      <c r="B711" s="16"/>
      <c r="C711" s="16"/>
      <c r="D711" s="16"/>
      <c r="E711" s="16"/>
      <c r="F711" s="16"/>
      <c r="G711" s="16"/>
      <c r="H711" s="16"/>
      <c r="I711" s="16"/>
      <c r="J711" s="16"/>
    </row>
    <row r="712" spans="2:10" s="4" customFormat="1" x14ac:dyDescent="0.2">
      <c r="B712" s="16"/>
      <c r="C712" s="16"/>
      <c r="D712" s="16"/>
      <c r="E712" s="16"/>
      <c r="F712" s="16"/>
      <c r="G712" s="16"/>
      <c r="H712" s="16"/>
      <c r="I712" s="16"/>
      <c r="J712" s="16"/>
    </row>
    <row r="713" spans="2:10" s="4" customFormat="1" x14ac:dyDescent="0.2">
      <c r="B713" s="16"/>
      <c r="C713" s="16"/>
      <c r="D713" s="16"/>
      <c r="E713" s="16"/>
      <c r="F713" s="16"/>
      <c r="G713" s="16"/>
      <c r="H713" s="16"/>
      <c r="I713" s="16"/>
      <c r="J713" s="16"/>
    </row>
    <row r="714" spans="2:10" s="4" customFormat="1" x14ac:dyDescent="0.2">
      <c r="B714" s="16"/>
      <c r="C714" s="16"/>
      <c r="D714" s="16"/>
      <c r="E714" s="16"/>
      <c r="F714" s="16"/>
      <c r="G714" s="16"/>
      <c r="H714" s="16"/>
      <c r="I714" s="16"/>
      <c r="J714" s="16"/>
    </row>
    <row r="715" spans="2:10" s="4" customFormat="1" x14ac:dyDescent="0.2">
      <c r="B715" s="16"/>
      <c r="C715" s="16"/>
      <c r="D715" s="16"/>
      <c r="E715" s="16"/>
      <c r="F715" s="16"/>
      <c r="G715" s="16"/>
      <c r="H715" s="16"/>
      <c r="I715" s="16"/>
      <c r="J715" s="16"/>
    </row>
    <row r="716" spans="2:10" s="4" customFormat="1" x14ac:dyDescent="0.2">
      <c r="B716" s="16"/>
      <c r="C716" s="16"/>
      <c r="D716" s="16"/>
      <c r="E716" s="16"/>
      <c r="F716" s="16"/>
      <c r="G716" s="16"/>
      <c r="H716" s="16"/>
      <c r="I716" s="16"/>
      <c r="J716" s="16"/>
    </row>
    <row r="717" spans="2:10" s="4" customFormat="1" x14ac:dyDescent="0.2">
      <c r="B717" s="16"/>
      <c r="C717" s="16"/>
      <c r="D717" s="16"/>
      <c r="E717" s="16"/>
      <c r="F717" s="16"/>
      <c r="G717" s="16"/>
      <c r="H717" s="16"/>
      <c r="I717" s="16"/>
      <c r="J717" s="16"/>
    </row>
    <row r="718" spans="2:10" s="4" customFormat="1" x14ac:dyDescent="0.2">
      <c r="B718" s="16"/>
      <c r="C718" s="16"/>
      <c r="D718" s="16"/>
      <c r="E718" s="16"/>
      <c r="F718" s="16"/>
      <c r="G718" s="16"/>
      <c r="H718" s="16"/>
      <c r="I718" s="16"/>
      <c r="J718" s="16"/>
    </row>
    <row r="719" spans="2:10" s="4" customFormat="1" x14ac:dyDescent="0.2">
      <c r="B719" s="16"/>
      <c r="C719" s="16"/>
      <c r="D719" s="16"/>
      <c r="E719" s="16"/>
      <c r="F719" s="16"/>
      <c r="G719" s="16"/>
      <c r="H719" s="16"/>
      <c r="I719" s="16"/>
      <c r="J719" s="16"/>
    </row>
    <row r="720" spans="2:10" s="4" customFormat="1" x14ac:dyDescent="0.2">
      <c r="B720" s="16"/>
      <c r="C720" s="16"/>
      <c r="D720" s="16"/>
      <c r="E720" s="16"/>
      <c r="F720" s="16"/>
      <c r="G720" s="16"/>
      <c r="H720" s="16"/>
      <c r="I720" s="16"/>
      <c r="J720" s="16"/>
    </row>
    <row r="721" spans="2:10" s="4" customFormat="1" x14ac:dyDescent="0.2">
      <c r="B721" s="16"/>
      <c r="C721" s="16"/>
      <c r="D721" s="16"/>
      <c r="E721" s="16"/>
      <c r="F721" s="16"/>
      <c r="G721" s="16"/>
      <c r="H721" s="16"/>
      <c r="I721" s="16"/>
      <c r="J721" s="16"/>
    </row>
    <row r="722" spans="2:10" s="4" customFormat="1" x14ac:dyDescent="0.2">
      <c r="B722" s="16"/>
      <c r="C722" s="16"/>
      <c r="D722" s="16"/>
      <c r="E722" s="16"/>
      <c r="F722" s="16"/>
      <c r="G722" s="16"/>
      <c r="H722" s="16"/>
      <c r="I722" s="16"/>
      <c r="J722" s="16"/>
    </row>
    <row r="723" spans="2:10" s="4" customFormat="1" x14ac:dyDescent="0.2">
      <c r="B723" s="16"/>
      <c r="C723" s="16"/>
      <c r="D723" s="16"/>
      <c r="E723" s="16"/>
      <c r="F723" s="16"/>
      <c r="G723" s="16"/>
      <c r="H723" s="16"/>
      <c r="I723" s="16"/>
      <c r="J723" s="16"/>
    </row>
    <row r="724" spans="2:10" s="4" customFormat="1" x14ac:dyDescent="0.2">
      <c r="B724" s="16"/>
      <c r="C724" s="16"/>
      <c r="D724" s="16"/>
      <c r="E724" s="16"/>
      <c r="F724" s="16"/>
      <c r="G724" s="16"/>
      <c r="H724" s="16"/>
      <c r="I724" s="16"/>
      <c r="J724" s="16"/>
    </row>
    <row r="725" spans="2:10" s="4" customFormat="1" x14ac:dyDescent="0.2">
      <c r="B725" s="16"/>
      <c r="C725" s="16"/>
      <c r="D725" s="16"/>
      <c r="E725" s="16"/>
      <c r="F725" s="16"/>
      <c r="G725" s="16"/>
      <c r="H725" s="16"/>
      <c r="I725" s="16"/>
      <c r="J725" s="16"/>
    </row>
    <row r="726" spans="2:10" s="4" customFormat="1" x14ac:dyDescent="0.2">
      <c r="B726" s="16"/>
      <c r="C726" s="16"/>
      <c r="D726" s="16"/>
      <c r="E726" s="16"/>
      <c r="F726" s="16"/>
      <c r="G726" s="16"/>
      <c r="H726" s="16"/>
      <c r="I726" s="16"/>
      <c r="J726" s="16"/>
    </row>
    <row r="727" spans="2:10" s="4" customFormat="1" x14ac:dyDescent="0.2">
      <c r="B727" s="16"/>
      <c r="C727" s="16"/>
      <c r="D727" s="16"/>
      <c r="E727" s="16"/>
      <c r="F727" s="16"/>
      <c r="G727" s="16"/>
      <c r="H727" s="16"/>
      <c r="I727" s="16"/>
      <c r="J727" s="16"/>
    </row>
    <row r="728" spans="2:10" s="4" customFormat="1" x14ac:dyDescent="0.2">
      <c r="B728" s="16"/>
      <c r="C728" s="16"/>
      <c r="D728" s="16"/>
      <c r="E728" s="16"/>
      <c r="F728" s="16"/>
      <c r="G728" s="16"/>
      <c r="H728" s="16"/>
      <c r="I728" s="16"/>
      <c r="J728" s="16"/>
    </row>
    <row r="729" spans="2:10" s="4" customFormat="1" x14ac:dyDescent="0.2">
      <c r="B729" s="16"/>
      <c r="C729" s="16"/>
      <c r="D729" s="16"/>
      <c r="E729" s="16"/>
      <c r="F729" s="16"/>
      <c r="G729" s="16"/>
      <c r="H729" s="16"/>
      <c r="I729" s="16"/>
      <c r="J729" s="16"/>
    </row>
    <row r="730" spans="2:10" s="4" customFormat="1" x14ac:dyDescent="0.2">
      <c r="B730" s="16"/>
      <c r="C730" s="16"/>
      <c r="D730" s="16"/>
      <c r="E730" s="16"/>
      <c r="F730" s="16"/>
      <c r="G730" s="16"/>
      <c r="H730" s="16"/>
      <c r="I730" s="16"/>
      <c r="J730" s="16"/>
    </row>
    <row r="731" spans="2:10" s="4" customFormat="1" x14ac:dyDescent="0.2">
      <c r="B731" s="16"/>
      <c r="C731" s="16"/>
      <c r="D731" s="16"/>
      <c r="E731" s="16"/>
      <c r="F731" s="16"/>
      <c r="G731" s="16"/>
      <c r="H731" s="16"/>
      <c r="I731" s="16"/>
      <c r="J731" s="16"/>
    </row>
    <row r="732" spans="2:10" s="4" customFormat="1" x14ac:dyDescent="0.2">
      <c r="B732" s="16"/>
      <c r="C732" s="16"/>
      <c r="D732" s="16"/>
      <c r="E732" s="16"/>
      <c r="F732" s="16"/>
      <c r="G732" s="16"/>
      <c r="H732" s="16"/>
      <c r="I732" s="16"/>
      <c r="J732" s="16"/>
    </row>
    <row r="733" spans="2:10" s="4" customFormat="1" x14ac:dyDescent="0.2">
      <c r="B733" s="16"/>
      <c r="C733" s="16"/>
      <c r="D733" s="16"/>
      <c r="E733" s="16"/>
      <c r="F733" s="16"/>
      <c r="G733" s="16"/>
      <c r="H733" s="16"/>
      <c r="I733" s="16"/>
      <c r="J733" s="16"/>
    </row>
    <row r="734" spans="2:10" s="4" customFormat="1" x14ac:dyDescent="0.2">
      <c r="B734" s="16"/>
      <c r="C734" s="16"/>
      <c r="D734" s="16"/>
      <c r="E734" s="16"/>
      <c r="F734" s="16"/>
      <c r="G734" s="16"/>
      <c r="H734" s="16"/>
      <c r="I734" s="16"/>
      <c r="J734" s="16"/>
    </row>
    <row r="735" spans="2:10" s="4" customFormat="1" x14ac:dyDescent="0.2">
      <c r="B735" s="16"/>
      <c r="C735" s="16"/>
      <c r="D735" s="16"/>
      <c r="E735" s="16"/>
      <c r="F735" s="16"/>
      <c r="G735" s="16"/>
      <c r="H735" s="16"/>
      <c r="I735" s="16"/>
      <c r="J735" s="16"/>
    </row>
    <row r="736" spans="2:10" s="4" customFormat="1" x14ac:dyDescent="0.2">
      <c r="B736" s="16"/>
      <c r="C736" s="16"/>
      <c r="D736" s="16"/>
      <c r="E736" s="16"/>
      <c r="F736" s="16"/>
      <c r="G736" s="16"/>
      <c r="H736" s="16"/>
      <c r="I736" s="16"/>
      <c r="J736" s="16"/>
    </row>
    <row r="737" spans="2:10" s="4" customFormat="1" x14ac:dyDescent="0.2">
      <c r="B737" s="16"/>
      <c r="C737" s="16"/>
      <c r="D737" s="16"/>
      <c r="E737" s="16"/>
      <c r="F737" s="16"/>
      <c r="G737" s="16"/>
      <c r="H737" s="16"/>
      <c r="I737" s="16"/>
      <c r="J737" s="16"/>
    </row>
    <row r="738" spans="2:10" s="4" customFormat="1" x14ac:dyDescent="0.2">
      <c r="B738" s="16"/>
      <c r="C738" s="16"/>
      <c r="D738" s="16"/>
      <c r="E738" s="16"/>
      <c r="F738" s="16"/>
      <c r="G738" s="16"/>
      <c r="H738" s="16"/>
      <c r="I738" s="16"/>
      <c r="J738" s="16"/>
    </row>
    <row r="739" spans="2:10" s="4" customFormat="1" x14ac:dyDescent="0.2">
      <c r="B739" s="16"/>
      <c r="C739" s="16"/>
      <c r="D739" s="16"/>
      <c r="E739" s="16"/>
      <c r="F739" s="16"/>
      <c r="G739" s="16"/>
      <c r="H739" s="16"/>
      <c r="I739" s="16"/>
      <c r="J739" s="16"/>
    </row>
    <row r="740" spans="2:10" s="4" customFormat="1" x14ac:dyDescent="0.2">
      <c r="B740" s="16"/>
      <c r="C740" s="16"/>
      <c r="D740" s="16"/>
      <c r="E740" s="16"/>
      <c r="F740" s="16"/>
      <c r="G740" s="16"/>
      <c r="H740" s="16"/>
      <c r="I740" s="16"/>
      <c r="J740" s="16"/>
    </row>
    <row r="741" spans="2:10" s="4" customFormat="1" x14ac:dyDescent="0.2">
      <c r="B741" s="16"/>
      <c r="C741" s="16"/>
      <c r="D741" s="16"/>
      <c r="E741" s="16"/>
      <c r="F741" s="16"/>
      <c r="G741" s="16"/>
      <c r="H741" s="16"/>
      <c r="I741" s="16"/>
      <c r="J741" s="16"/>
    </row>
    <row r="742" spans="2:10" s="4" customFormat="1" x14ac:dyDescent="0.2">
      <c r="B742" s="16"/>
      <c r="C742" s="16"/>
      <c r="D742" s="16"/>
      <c r="E742" s="16"/>
      <c r="F742" s="16"/>
      <c r="G742" s="16"/>
      <c r="H742" s="16"/>
      <c r="I742" s="16"/>
      <c r="J742" s="16"/>
    </row>
    <row r="743" spans="2:10" s="4" customFormat="1" x14ac:dyDescent="0.2">
      <c r="B743" s="16"/>
      <c r="C743" s="16"/>
      <c r="D743" s="16"/>
      <c r="E743" s="16"/>
      <c r="F743" s="16"/>
      <c r="G743" s="16"/>
      <c r="H743" s="16"/>
      <c r="I743" s="16"/>
      <c r="J743" s="16"/>
    </row>
    <row r="744" spans="2:10" s="4" customFormat="1" x14ac:dyDescent="0.2">
      <c r="B744" s="16"/>
      <c r="C744" s="16"/>
      <c r="D744" s="16"/>
      <c r="E744" s="16"/>
      <c r="F744" s="16"/>
      <c r="G744" s="16"/>
      <c r="H744" s="16"/>
      <c r="I744" s="16"/>
      <c r="J744" s="16"/>
    </row>
    <row r="745" spans="2:10" s="4" customFormat="1" x14ac:dyDescent="0.2">
      <c r="B745" s="16"/>
      <c r="C745" s="16"/>
      <c r="D745" s="16"/>
      <c r="E745" s="16"/>
      <c r="F745" s="16"/>
      <c r="G745" s="16"/>
      <c r="H745" s="16"/>
      <c r="I745" s="16"/>
      <c r="J745" s="16"/>
    </row>
    <row r="746" spans="2:10" s="4" customFormat="1" x14ac:dyDescent="0.2">
      <c r="B746" s="16"/>
      <c r="C746" s="16"/>
      <c r="D746" s="16"/>
      <c r="E746" s="16"/>
      <c r="F746" s="16"/>
      <c r="G746" s="16"/>
      <c r="H746" s="16"/>
      <c r="I746" s="16"/>
      <c r="J746" s="16"/>
    </row>
    <row r="747" spans="2:10" s="4" customFormat="1" x14ac:dyDescent="0.2">
      <c r="B747" s="16"/>
      <c r="C747" s="16"/>
      <c r="D747" s="16"/>
      <c r="E747" s="16"/>
      <c r="F747" s="16"/>
      <c r="G747" s="16"/>
      <c r="H747" s="16"/>
      <c r="I747" s="16"/>
      <c r="J747" s="16"/>
    </row>
    <row r="748" spans="2:10" s="4" customFormat="1" x14ac:dyDescent="0.2">
      <c r="B748" s="16"/>
      <c r="C748" s="16"/>
      <c r="D748" s="16"/>
      <c r="E748" s="16"/>
      <c r="F748" s="16"/>
      <c r="G748" s="16"/>
      <c r="H748" s="16"/>
      <c r="I748" s="16"/>
      <c r="J748" s="16"/>
    </row>
    <row r="749" spans="2:10" s="4" customFormat="1" x14ac:dyDescent="0.2">
      <c r="B749" s="16"/>
      <c r="C749" s="16"/>
      <c r="D749" s="16"/>
      <c r="E749" s="16"/>
      <c r="F749" s="16"/>
      <c r="G749" s="16"/>
      <c r="H749" s="16"/>
      <c r="I749" s="16"/>
      <c r="J749" s="16"/>
    </row>
    <row r="750" spans="2:10" s="4" customFormat="1" x14ac:dyDescent="0.2">
      <c r="B750" s="16"/>
      <c r="C750" s="16"/>
      <c r="D750" s="16"/>
      <c r="E750" s="16"/>
      <c r="F750" s="16"/>
      <c r="G750" s="16"/>
      <c r="H750" s="16"/>
      <c r="I750" s="16"/>
      <c r="J750" s="16"/>
    </row>
    <row r="751" spans="2:10" s="4" customFormat="1" x14ac:dyDescent="0.2">
      <c r="B751" s="16"/>
      <c r="C751" s="16"/>
      <c r="D751" s="16"/>
      <c r="E751" s="16"/>
      <c r="F751" s="16"/>
      <c r="G751" s="16"/>
      <c r="H751" s="16"/>
      <c r="I751" s="16"/>
      <c r="J751" s="16"/>
    </row>
    <row r="752" spans="2:10" s="4" customFormat="1" x14ac:dyDescent="0.2">
      <c r="B752" s="16"/>
      <c r="C752" s="16"/>
      <c r="D752" s="16"/>
      <c r="E752" s="16"/>
      <c r="F752" s="16"/>
      <c r="G752" s="16"/>
      <c r="H752" s="16"/>
      <c r="I752" s="16"/>
      <c r="J752" s="16"/>
    </row>
    <row r="753" spans="2:10" s="4" customFormat="1" x14ac:dyDescent="0.2">
      <c r="B753" s="16"/>
      <c r="C753" s="16"/>
      <c r="D753" s="16"/>
      <c r="E753" s="16"/>
      <c r="F753" s="16"/>
      <c r="G753" s="16"/>
      <c r="H753" s="16"/>
      <c r="I753" s="16"/>
      <c r="J753" s="16"/>
    </row>
    <row r="754" spans="2:10" s="4" customFormat="1" x14ac:dyDescent="0.2">
      <c r="B754" s="16"/>
      <c r="C754" s="16"/>
      <c r="D754" s="16"/>
      <c r="E754" s="16"/>
      <c r="F754" s="16"/>
      <c r="G754" s="16"/>
      <c r="H754" s="16"/>
      <c r="I754" s="16"/>
      <c r="J754" s="16"/>
    </row>
    <row r="755" spans="2:10" s="4" customFormat="1" x14ac:dyDescent="0.2">
      <c r="B755" s="16"/>
      <c r="C755" s="16"/>
      <c r="D755" s="16"/>
      <c r="E755" s="16"/>
      <c r="F755" s="16"/>
      <c r="G755" s="16"/>
      <c r="H755" s="16"/>
      <c r="I755" s="16"/>
      <c r="J755" s="16"/>
    </row>
    <row r="756" spans="2:10" s="4" customFormat="1" x14ac:dyDescent="0.2">
      <c r="B756" s="16"/>
      <c r="C756" s="16"/>
      <c r="D756" s="16"/>
      <c r="E756" s="16"/>
      <c r="F756" s="16"/>
      <c r="G756" s="16"/>
      <c r="H756" s="16"/>
      <c r="I756" s="16"/>
      <c r="J756" s="16"/>
    </row>
    <row r="757" spans="2:10" s="4" customFormat="1" x14ac:dyDescent="0.2">
      <c r="B757" s="16"/>
      <c r="C757" s="16"/>
      <c r="D757" s="16"/>
      <c r="E757" s="16"/>
      <c r="F757" s="16"/>
      <c r="G757" s="16"/>
      <c r="H757" s="16"/>
      <c r="I757" s="16"/>
      <c r="J757" s="16"/>
    </row>
    <row r="758" spans="2:10" s="4" customFormat="1" x14ac:dyDescent="0.2">
      <c r="B758" s="16"/>
      <c r="C758" s="16"/>
      <c r="D758" s="16"/>
      <c r="E758" s="16"/>
      <c r="F758" s="16"/>
      <c r="G758" s="16"/>
      <c r="H758" s="16"/>
      <c r="I758" s="16"/>
      <c r="J758" s="16"/>
    </row>
    <row r="759" spans="2:10" s="4" customFormat="1" x14ac:dyDescent="0.2">
      <c r="B759" s="16"/>
      <c r="C759" s="16"/>
      <c r="D759" s="16"/>
      <c r="E759" s="16"/>
      <c r="F759" s="16"/>
      <c r="G759" s="16"/>
      <c r="H759" s="16"/>
      <c r="I759" s="16"/>
      <c r="J759" s="16"/>
    </row>
    <row r="760" spans="2:10" s="4" customFormat="1" x14ac:dyDescent="0.2">
      <c r="B760" s="16"/>
      <c r="C760" s="16"/>
      <c r="D760" s="16"/>
      <c r="E760" s="16"/>
      <c r="F760" s="16"/>
      <c r="G760" s="16"/>
      <c r="H760" s="16"/>
      <c r="I760" s="16"/>
      <c r="J760" s="16"/>
    </row>
    <row r="761" spans="2:10" s="4" customFormat="1" x14ac:dyDescent="0.2">
      <c r="B761" s="16"/>
      <c r="C761" s="16"/>
      <c r="D761" s="16"/>
      <c r="E761" s="16"/>
      <c r="F761" s="16"/>
      <c r="G761" s="16"/>
      <c r="H761" s="16"/>
      <c r="I761" s="16"/>
      <c r="J761" s="16"/>
    </row>
    <row r="762" spans="2:10" s="4" customFormat="1" x14ac:dyDescent="0.2">
      <c r="B762" s="16"/>
      <c r="C762" s="16"/>
      <c r="D762" s="16"/>
      <c r="E762" s="16"/>
      <c r="F762" s="16"/>
      <c r="G762" s="16"/>
      <c r="H762" s="16"/>
      <c r="I762" s="16"/>
      <c r="J762" s="16"/>
    </row>
    <row r="763" spans="2:10" s="4" customFormat="1" x14ac:dyDescent="0.2">
      <c r="B763" s="16"/>
      <c r="C763" s="16"/>
      <c r="D763" s="16"/>
      <c r="E763" s="16"/>
      <c r="F763" s="16"/>
      <c r="G763" s="16"/>
      <c r="H763" s="16"/>
      <c r="I763" s="16"/>
      <c r="J763" s="16"/>
    </row>
    <row r="764" spans="2:10" s="4" customFormat="1" x14ac:dyDescent="0.2">
      <c r="B764" s="16"/>
      <c r="C764" s="16"/>
      <c r="D764" s="16"/>
      <c r="E764" s="16"/>
      <c r="F764" s="16"/>
      <c r="G764" s="16"/>
      <c r="H764" s="16"/>
      <c r="I764" s="16"/>
      <c r="J764" s="16"/>
    </row>
    <row r="765" spans="2:10" s="4" customFormat="1" x14ac:dyDescent="0.2">
      <c r="B765" s="16"/>
      <c r="C765" s="16"/>
      <c r="D765" s="16"/>
      <c r="E765" s="16"/>
      <c r="F765" s="16"/>
      <c r="G765" s="16"/>
      <c r="H765" s="16"/>
      <c r="I765" s="16"/>
      <c r="J765" s="16"/>
    </row>
    <row r="766" spans="2:10" s="4" customFormat="1" x14ac:dyDescent="0.2">
      <c r="B766" s="16"/>
      <c r="C766" s="16"/>
      <c r="D766" s="16"/>
      <c r="E766" s="16"/>
      <c r="F766" s="16"/>
      <c r="G766" s="16"/>
      <c r="H766" s="16"/>
      <c r="I766" s="16"/>
      <c r="J766" s="16"/>
    </row>
    <row r="767" spans="2:10" s="4" customFormat="1" x14ac:dyDescent="0.2">
      <c r="B767" s="16"/>
      <c r="C767" s="16"/>
      <c r="D767" s="16"/>
      <c r="E767" s="16"/>
      <c r="F767" s="16"/>
      <c r="G767" s="16"/>
      <c r="H767" s="16"/>
      <c r="I767" s="16"/>
      <c r="J767" s="16"/>
    </row>
    <row r="768" spans="2:10" s="4" customFormat="1" x14ac:dyDescent="0.2">
      <c r="B768" s="16"/>
      <c r="C768" s="16"/>
      <c r="D768" s="16"/>
      <c r="E768" s="16"/>
      <c r="F768" s="16"/>
      <c r="G768" s="16"/>
      <c r="H768" s="16"/>
      <c r="I768" s="16"/>
      <c r="J768" s="16"/>
    </row>
    <row r="769" spans="2:10" s="4" customFormat="1" x14ac:dyDescent="0.2">
      <c r="B769" s="16"/>
      <c r="C769" s="16"/>
      <c r="D769" s="16"/>
      <c r="E769" s="16"/>
      <c r="F769" s="16"/>
      <c r="G769" s="16"/>
      <c r="H769" s="16"/>
      <c r="I769" s="16"/>
      <c r="J769" s="16"/>
    </row>
    <row r="770" spans="2:10" s="4" customFormat="1" x14ac:dyDescent="0.2">
      <c r="B770" s="16"/>
      <c r="C770" s="16"/>
      <c r="D770" s="16"/>
      <c r="E770" s="16"/>
      <c r="F770" s="16"/>
      <c r="G770" s="16"/>
      <c r="H770" s="16"/>
      <c r="I770" s="16"/>
      <c r="J770" s="16"/>
    </row>
    <row r="771" spans="2:10" s="4" customFormat="1" x14ac:dyDescent="0.2">
      <c r="B771" s="16"/>
      <c r="C771" s="16"/>
      <c r="D771" s="16"/>
      <c r="E771" s="16"/>
      <c r="F771" s="16"/>
      <c r="G771" s="16"/>
      <c r="H771" s="16"/>
      <c r="I771" s="16"/>
      <c r="J771" s="16"/>
    </row>
    <row r="772" spans="2:10" s="4" customFormat="1" x14ac:dyDescent="0.2">
      <c r="B772" s="16"/>
      <c r="C772" s="16"/>
      <c r="D772" s="16"/>
      <c r="E772" s="16"/>
      <c r="F772" s="16"/>
      <c r="G772" s="16"/>
      <c r="H772" s="16"/>
      <c r="I772" s="16"/>
      <c r="J772" s="16"/>
    </row>
    <row r="773" spans="2:10" s="4" customFormat="1" x14ac:dyDescent="0.2">
      <c r="B773" s="16"/>
      <c r="C773" s="16"/>
      <c r="D773" s="16"/>
      <c r="E773" s="16"/>
      <c r="F773" s="16"/>
      <c r="G773" s="16"/>
      <c r="H773" s="16"/>
      <c r="I773" s="16"/>
      <c r="J773" s="16"/>
    </row>
    <row r="774" spans="2:10" s="4" customFormat="1" x14ac:dyDescent="0.2">
      <c r="B774" s="16"/>
      <c r="C774" s="16"/>
      <c r="D774" s="16"/>
      <c r="E774" s="16"/>
      <c r="F774" s="16"/>
      <c r="G774" s="16"/>
      <c r="H774" s="16"/>
      <c r="I774" s="16"/>
      <c r="J774" s="16"/>
    </row>
    <row r="775" spans="2:10" s="4" customFormat="1" x14ac:dyDescent="0.2">
      <c r="B775" s="16"/>
      <c r="C775" s="16"/>
      <c r="D775" s="16"/>
      <c r="E775" s="16"/>
      <c r="F775" s="16"/>
      <c r="G775" s="16"/>
      <c r="H775" s="16"/>
      <c r="I775" s="16"/>
      <c r="J775" s="16"/>
    </row>
    <row r="776" spans="2:10" s="4" customFormat="1" x14ac:dyDescent="0.2">
      <c r="B776" s="16"/>
      <c r="C776" s="16"/>
      <c r="D776" s="16"/>
      <c r="E776" s="16"/>
      <c r="F776" s="16"/>
      <c r="G776" s="16"/>
      <c r="H776" s="16"/>
      <c r="I776" s="16"/>
      <c r="J776" s="16"/>
    </row>
    <row r="777" spans="2:10" s="4" customFormat="1" x14ac:dyDescent="0.2">
      <c r="B777" s="16"/>
      <c r="C777" s="16"/>
      <c r="D777" s="16"/>
      <c r="E777" s="16"/>
      <c r="F777" s="16"/>
      <c r="G777" s="16"/>
      <c r="H777" s="16"/>
      <c r="I777" s="16"/>
      <c r="J777" s="16"/>
    </row>
    <row r="778" spans="2:10" s="4" customFormat="1" x14ac:dyDescent="0.2">
      <c r="B778" s="16"/>
      <c r="C778" s="16"/>
      <c r="D778" s="16"/>
      <c r="E778" s="16"/>
      <c r="F778" s="16"/>
      <c r="G778" s="16"/>
      <c r="H778" s="16"/>
      <c r="I778" s="16"/>
      <c r="J778" s="16"/>
    </row>
    <row r="779" spans="2:10" s="4" customFormat="1" x14ac:dyDescent="0.2">
      <c r="B779" s="16"/>
      <c r="C779" s="16"/>
      <c r="D779" s="16"/>
      <c r="E779" s="16"/>
      <c r="F779" s="16"/>
      <c r="G779" s="16"/>
      <c r="H779" s="16"/>
      <c r="I779" s="16"/>
      <c r="J779" s="16"/>
    </row>
    <row r="780" spans="2:10" s="4" customFormat="1" x14ac:dyDescent="0.2">
      <c r="B780" s="16"/>
      <c r="C780" s="16"/>
      <c r="D780" s="16"/>
      <c r="E780" s="16"/>
      <c r="F780" s="16"/>
      <c r="G780" s="16"/>
      <c r="H780" s="16"/>
      <c r="I780" s="16"/>
      <c r="J780" s="16"/>
    </row>
    <row r="781" spans="2:10" s="4" customFormat="1" x14ac:dyDescent="0.2">
      <c r="B781" s="16"/>
      <c r="C781" s="16"/>
      <c r="D781" s="16"/>
      <c r="E781" s="16"/>
      <c r="F781" s="16"/>
      <c r="G781" s="16"/>
      <c r="H781" s="16"/>
      <c r="I781" s="16"/>
      <c r="J781" s="16"/>
    </row>
    <row r="782" spans="2:10" s="4" customFormat="1" x14ac:dyDescent="0.2">
      <c r="B782" s="16"/>
      <c r="C782" s="16"/>
      <c r="D782" s="16"/>
      <c r="E782" s="16"/>
      <c r="F782" s="16"/>
      <c r="G782" s="16"/>
      <c r="H782" s="16"/>
      <c r="I782" s="16"/>
      <c r="J782" s="16"/>
    </row>
    <row r="783" spans="2:10" s="4" customFormat="1" x14ac:dyDescent="0.2">
      <c r="B783" s="16"/>
      <c r="C783" s="16"/>
      <c r="D783" s="16"/>
      <c r="E783" s="16"/>
      <c r="F783" s="16"/>
      <c r="G783" s="16"/>
      <c r="H783" s="16"/>
      <c r="I783" s="16"/>
      <c r="J783" s="16"/>
    </row>
    <row r="784" spans="2:10" s="4" customFormat="1" x14ac:dyDescent="0.2">
      <c r="B784" s="16"/>
      <c r="C784" s="16"/>
      <c r="D784" s="16"/>
      <c r="E784" s="16"/>
      <c r="F784" s="16"/>
      <c r="G784" s="16"/>
      <c r="H784" s="16"/>
      <c r="I784" s="16"/>
      <c r="J784" s="16"/>
    </row>
    <row r="785" spans="2:10" s="4" customFormat="1" x14ac:dyDescent="0.2">
      <c r="B785" s="16"/>
      <c r="C785" s="16"/>
      <c r="D785" s="16"/>
      <c r="E785" s="16"/>
      <c r="F785" s="16"/>
      <c r="G785" s="16"/>
      <c r="H785" s="16"/>
      <c r="I785" s="16"/>
      <c r="J785" s="16"/>
    </row>
    <row r="786" spans="2:10" s="4" customFormat="1" x14ac:dyDescent="0.2">
      <c r="B786" s="16"/>
      <c r="C786" s="16"/>
      <c r="D786" s="16"/>
      <c r="E786" s="16"/>
      <c r="F786" s="16"/>
      <c r="G786" s="16"/>
      <c r="H786" s="16"/>
      <c r="I786" s="16"/>
      <c r="J786" s="16"/>
    </row>
    <row r="787" spans="2:10" s="4" customFormat="1" x14ac:dyDescent="0.2">
      <c r="B787" s="16"/>
      <c r="C787" s="16"/>
      <c r="D787" s="16"/>
      <c r="E787" s="16"/>
      <c r="F787" s="16"/>
      <c r="G787" s="16"/>
      <c r="H787" s="16"/>
      <c r="I787" s="16"/>
      <c r="J787" s="16"/>
    </row>
    <row r="788" spans="2:10" s="4" customFormat="1" x14ac:dyDescent="0.2">
      <c r="B788" s="16"/>
      <c r="C788" s="16"/>
      <c r="D788" s="16"/>
      <c r="E788" s="16"/>
      <c r="F788" s="16"/>
      <c r="G788" s="16"/>
      <c r="H788" s="16"/>
      <c r="I788" s="16"/>
      <c r="J788" s="16"/>
    </row>
    <row r="789" spans="2:10" s="4" customFormat="1" x14ac:dyDescent="0.2">
      <c r="B789" s="16"/>
      <c r="C789" s="16"/>
      <c r="D789" s="16"/>
      <c r="E789" s="16"/>
      <c r="F789" s="16"/>
      <c r="G789" s="16"/>
      <c r="H789" s="16"/>
      <c r="I789" s="16"/>
      <c r="J789" s="16"/>
    </row>
    <row r="790" spans="2:10" s="4" customFormat="1" x14ac:dyDescent="0.2">
      <c r="B790" s="16"/>
      <c r="C790" s="16"/>
      <c r="D790" s="16"/>
      <c r="E790" s="16"/>
      <c r="F790" s="16"/>
      <c r="G790" s="16"/>
      <c r="H790" s="16"/>
      <c r="I790" s="16"/>
      <c r="J790" s="16"/>
    </row>
    <row r="791" spans="2:10" s="4" customFormat="1" x14ac:dyDescent="0.2">
      <c r="B791" s="16"/>
      <c r="C791" s="16"/>
      <c r="D791" s="16"/>
      <c r="E791" s="16"/>
      <c r="F791" s="16"/>
      <c r="G791" s="16"/>
      <c r="H791" s="16"/>
      <c r="I791" s="16"/>
      <c r="J791" s="16"/>
    </row>
    <row r="792" spans="2:10" s="4" customFormat="1" x14ac:dyDescent="0.2">
      <c r="B792" s="16"/>
      <c r="C792" s="16"/>
      <c r="D792" s="16"/>
      <c r="E792" s="16"/>
      <c r="F792" s="16"/>
      <c r="G792" s="16"/>
      <c r="H792" s="16"/>
      <c r="I792" s="16"/>
      <c r="J792" s="16"/>
    </row>
    <row r="793" spans="2:10" s="4" customFormat="1" x14ac:dyDescent="0.2">
      <c r="B793" s="16"/>
      <c r="C793" s="16"/>
      <c r="D793" s="16"/>
      <c r="E793" s="16"/>
      <c r="F793" s="16"/>
      <c r="G793" s="16"/>
      <c r="H793" s="16"/>
      <c r="I793" s="16"/>
      <c r="J793" s="16"/>
    </row>
    <row r="794" spans="2:10" s="4" customFormat="1" x14ac:dyDescent="0.2">
      <c r="B794" s="16"/>
      <c r="C794" s="16"/>
      <c r="D794" s="16"/>
      <c r="E794" s="16"/>
      <c r="F794" s="16"/>
      <c r="G794" s="16"/>
      <c r="H794" s="16"/>
      <c r="I794" s="16"/>
      <c r="J794" s="16"/>
    </row>
    <row r="795" spans="2:10" s="4" customFormat="1" x14ac:dyDescent="0.2">
      <c r="B795" s="16"/>
      <c r="C795" s="16"/>
      <c r="D795" s="16"/>
      <c r="E795" s="16"/>
      <c r="F795" s="16"/>
      <c r="G795" s="16"/>
      <c r="H795" s="16"/>
      <c r="I795" s="16"/>
      <c r="J795" s="16"/>
    </row>
    <row r="796" spans="2:10" s="4" customFormat="1" x14ac:dyDescent="0.2">
      <c r="B796" s="16"/>
      <c r="C796" s="16"/>
      <c r="D796" s="16"/>
      <c r="E796" s="16"/>
      <c r="F796" s="16"/>
      <c r="G796" s="16"/>
      <c r="H796" s="16"/>
      <c r="I796" s="16"/>
      <c r="J796" s="16"/>
    </row>
    <row r="797" spans="2:10" s="4" customFormat="1" x14ac:dyDescent="0.2">
      <c r="B797" s="16"/>
      <c r="C797" s="16"/>
      <c r="D797" s="16"/>
      <c r="E797" s="16"/>
      <c r="F797" s="16"/>
      <c r="G797" s="16"/>
      <c r="H797" s="16"/>
      <c r="I797" s="16"/>
      <c r="J797" s="16"/>
    </row>
    <row r="798" spans="2:10" s="4" customFormat="1" x14ac:dyDescent="0.2">
      <c r="B798" s="16"/>
      <c r="C798" s="16"/>
      <c r="D798" s="16"/>
      <c r="E798" s="16"/>
      <c r="F798" s="16"/>
      <c r="G798" s="16"/>
      <c r="H798" s="16"/>
      <c r="I798" s="16"/>
      <c r="J798" s="16"/>
    </row>
    <row r="799" spans="2:10" s="4" customFormat="1" x14ac:dyDescent="0.2">
      <c r="B799" s="16"/>
      <c r="C799" s="16"/>
      <c r="D799" s="16"/>
      <c r="E799" s="16"/>
      <c r="F799" s="16"/>
      <c r="G799" s="16"/>
      <c r="H799" s="16"/>
      <c r="I799" s="16"/>
      <c r="J799" s="16"/>
    </row>
    <row r="800" spans="2:10" s="4" customFormat="1" x14ac:dyDescent="0.2">
      <c r="B800" s="16"/>
      <c r="C800" s="16"/>
      <c r="D800" s="16"/>
      <c r="E800" s="16"/>
      <c r="F800" s="16"/>
      <c r="G800" s="16"/>
      <c r="H800" s="16"/>
      <c r="I800" s="16"/>
      <c r="J800" s="16"/>
    </row>
    <row r="801" spans="2:10" s="4" customFormat="1" x14ac:dyDescent="0.2">
      <c r="B801" s="16"/>
      <c r="C801" s="16"/>
      <c r="D801" s="16"/>
      <c r="E801" s="16"/>
      <c r="F801" s="16"/>
      <c r="G801" s="16"/>
      <c r="H801" s="16"/>
      <c r="I801" s="16"/>
      <c r="J801" s="16"/>
    </row>
    <row r="802" spans="2:10" s="4" customFormat="1" x14ac:dyDescent="0.2">
      <c r="B802" s="16"/>
      <c r="C802" s="16"/>
      <c r="D802" s="16"/>
      <c r="E802" s="16"/>
      <c r="F802" s="16"/>
      <c r="G802" s="16"/>
      <c r="H802" s="16"/>
      <c r="I802" s="16"/>
      <c r="J802" s="16"/>
    </row>
    <row r="803" spans="2:10" s="4" customFormat="1" x14ac:dyDescent="0.2">
      <c r="B803" s="16"/>
      <c r="C803" s="16"/>
      <c r="D803" s="16"/>
      <c r="E803" s="16"/>
      <c r="F803" s="16"/>
      <c r="G803" s="16"/>
      <c r="H803" s="16"/>
      <c r="I803" s="16"/>
      <c r="J803" s="16"/>
    </row>
    <row r="804" spans="2:10" s="4" customFormat="1" x14ac:dyDescent="0.2">
      <c r="B804" s="16"/>
      <c r="C804" s="16"/>
      <c r="D804" s="16"/>
      <c r="E804" s="16"/>
      <c r="F804" s="16"/>
      <c r="G804" s="16"/>
      <c r="H804" s="16"/>
      <c r="I804" s="16"/>
      <c r="J804" s="16"/>
    </row>
    <row r="805" spans="2:10" s="4" customFormat="1" x14ac:dyDescent="0.2">
      <c r="B805" s="16"/>
      <c r="C805" s="16"/>
      <c r="D805" s="16"/>
      <c r="E805" s="16"/>
      <c r="F805" s="16"/>
      <c r="G805" s="16"/>
      <c r="H805" s="16"/>
      <c r="I805" s="16"/>
      <c r="J805" s="16"/>
    </row>
    <row r="806" spans="2:10" s="4" customFormat="1" x14ac:dyDescent="0.2">
      <c r="B806" s="16"/>
      <c r="C806" s="16"/>
      <c r="D806" s="16"/>
      <c r="E806" s="16"/>
      <c r="F806" s="16"/>
      <c r="G806" s="16"/>
      <c r="H806" s="16"/>
      <c r="I806" s="16"/>
      <c r="J806" s="16"/>
    </row>
    <row r="807" spans="2:10" s="4" customFormat="1" x14ac:dyDescent="0.2">
      <c r="B807" s="16"/>
      <c r="C807" s="16"/>
      <c r="D807" s="16"/>
      <c r="E807" s="16"/>
      <c r="F807" s="16"/>
      <c r="G807" s="16"/>
      <c r="H807" s="16"/>
      <c r="I807" s="16"/>
      <c r="J807" s="16"/>
    </row>
    <row r="808" spans="2:10" s="4" customFormat="1" x14ac:dyDescent="0.2">
      <c r="B808" s="16"/>
      <c r="C808" s="16"/>
      <c r="D808" s="16"/>
      <c r="E808" s="16"/>
      <c r="F808" s="16"/>
      <c r="G808" s="16"/>
      <c r="H808" s="16"/>
      <c r="I808" s="16"/>
      <c r="J808" s="16"/>
    </row>
    <row r="809" spans="2:10" s="4" customFormat="1" x14ac:dyDescent="0.2">
      <c r="B809" s="16"/>
      <c r="C809" s="16"/>
      <c r="D809" s="16"/>
      <c r="E809" s="16"/>
      <c r="F809" s="16"/>
      <c r="G809" s="16"/>
      <c r="H809" s="16"/>
      <c r="I809" s="16"/>
      <c r="J809" s="16"/>
    </row>
    <row r="810" spans="2:10" s="4" customFormat="1" x14ac:dyDescent="0.2">
      <c r="B810" s="16"/>
      <c r="C810" s="16"/>
      <c r="D810" s="16"/>
      <c r="E810" s="16"/>
      <c r="F810" s="16"/>
      <c r="G810" s="16"/>
      <c r="H810" s="16"/>
      <c r="I810" s="16"/>
      <c r="J810" s="16"/>
    </row>
    <row r="811" spans="2:10" s="4" customFormat="1" x14ac:dyDescent="0.2">
      <c r="B811" s="16"/>
      <c r="C811" s="16"/>
      <c r="D811" s="16"/>
      <c r="E811" s="16"/>
      <c r="F811" s="16"/>
      <c r="G811" s="16"/>
      <c r="H811" s="16"/>
      <c r="I811" s="16"/>
      <c r="J811" s="16"/>
    </row>
    <row r="812" spans="2:10" s="4" customFormat="1" x14ac:dyDescent="0.2">
      <c r="B812" s="16"/>
      <c r="C812" s="16"/>
      <c r="D812" s="16"/>
      <c r="E812" s="16"/>
      <c r="F812" s="16"/>
      <c r="G812" s="16"/>
      <c r="H812" s="16"/>
      <c r="I812" s="16"/>
      <c r="J812" s="16"/>
    </row>
    <row r="813" spans="2:10" s="4" customFormat="1" x14ac:dyDescent="0.2">
      <c r="B813" s="16"/>
      <c r="C813" s="16"/>
      <c r="D813" s="16"/>
      <c r="E813" s="16"/>
      <c r="F813" s="16"/>
      <c r="G813" s="16"/>
      <c r="H813" s="16"/>
      <c r="I813" s="16"/>
      <c r="J813" s="16"/>
    </row>
    <row r="814" spans="2:10" s="4" customFormat="1" x14ac:dyDescent="0.2">
      <c r="B814" s="16"/>
      <c r="C814" s="16"/>
      <c r="D814" s="16"/>
      <c r="E814" s="16"/>
      <c r="F814" s="16"/>
      <c r="G814" s="16"/>
      <c r="H814" s="16"/>
      <c r="I814" s="16"/>
      <c r="J814" s="16"/>
    </row>
    <row r="815" spans="2:10" s="4" customFormat="1" x14ac:dyDescent="0.2">
      <c r="B815" s="16"/>
      <c r="C815" s="16"/>
      <c r="D815" s="16"/>
      <c r="E815" s="16"/>
      <c r="F815" s="16"/>
      <c r="G815" s="16"/>
      <c r="H815" s="16"/>
      <c r="I815" s="16"/>
      <c r="J815" s="16"/>
    </row>
    <row r="816" spans="2:10" s="4" customFormat="1" x14ac:dyDescent="0.2">
      <c r="B816" s="16"/>
      <c r="C816" s="16"/>
      <c r="D816" s="16"/>
      <c r="E816" s="16"/>
      <c r="F816" s="16"/>
      <c r="G816" s="16"/>
      <c r="H816" s="16"/>
      <c r="I816" s="16"/>
      <c r="J816" s="16"/>
    </row>
    <row r="817" spans="2:10" s="4" customFormat="1" x14ac:dyDescent="0.2">
      <c r="B817" s="16"/>
      <c r="C817" s="16"/>
      <c r="D817" s="16"/>
      <c r="E817" s="16"/>
      <c r="F817" s="16"/>
      <c r="G817" s="16"/>
      <c r="H817" s="16"/>
      <c r="I817" s="16"/>
      <c r="J817" s="16"/>
    </row>
    <row r="818" spans="2:10" s="4" customFormat="1" x14ac:dyDescent="0.2">
      <c r="B818" s="16"/>
      <c r="C818" s="16"/>
      <c r="D818" s="16"/>
      <c r="E818" s="16"/>
      <c r="F818" s="16"/>
      <c r="G818" s="16"/>
      <c r="H818" s="16"/>
      <c r="I818" s="16"/>
      <c r="J818" s="16"/>
    </row>
    <row r="819" spans="2:10" s="4" customFormat="1" x14ac:dyDescent="0.2">
      <c r="B819" s="16"/>
      <c r="C819" s="16"/>
      <c r="D819" s="16"/>
      <c r="E819" s="16"/>
      <c r="F819" s="16"/>
      <c r="G819" s="16"/>
      <c r="H819" s="16"/>
      <c r="I819" s="16"/>
      <c r="J819" s="16"/>
    </row>
    <row r="820" spans="2:10" s="4" customFormat="1" x14ac:dyDescent="0.2">
      <c r="B820" s="16"/>
      <c r="C820" s="16"/>
      <c r="D820" s="16"/>
      <c r="E820" s="16"/>
      <c r="F820" s="16"/>
      <c r="G820" s="16"/>
      <c r="H820" s="16"/>
      <c r="I820" s="16"/>
      <c r="J820" s="16"/>
    </row>
    <row r="821" spans="2:10" s="4" customFormat="1" x14ac:dyDescent="0.2">
      <c r="B821" s="16"/>
      <c r="C821" s="16"/>
      <c r="D821" s="16"/>
      <c r="E821" s="16"/>
      <c r="F821" s="16"/>
      <c r="G821" s="16"/>
      <c r="H821" s="16"/>
      <c r="I821" s="16"/>
      <c r="J821" s="16"/>
    </row>
    <row r="822" spans="2:10" s="4" customFormat="1" x14ac:dyDescent="0.2">
      <c r="B822" s="16"/>
      <c r="C822" s="16"/>
      <c r="D822" s="16"/>
      <c r="E822" s="16"/>
      <c r="F822" s="16"/>
      <c r="G822" s="16"/>
      <c r="H822" s="16"/>
      <c r="I822" s="16"/>
      <c r="J822" s="16"/>
    </row>
    <row r="823" spans="2:10" s="4" customFormat="1" x14ac:dyDescent="0.2">
      <c r="B823" s="16"/>
      <c r="C823" s="16"/>
      <c r="D823" s="16"/>
      <c r="E823" s="16"/>
      <c r="F823" s="16"/>
      <c r="G823" s="16"/>
      <c r="H823" s="16"/>
      <c r="I823" s="16"/>
      <c r="J823" s="16"/>
    </row>
    <row r="824" spans="2:10" s="4" customFormat="1" x14ac:dyDescent="0.2">
      <c r="B824" s="16"/>
      <c r="C824" s="16"/>
      <c r="D824" s="16"/>
      <c r="E824" s="16"/>
      <c r="F824" s="16"/>
      <c r="G824" s="16"/>
      <c r="H824" s="16"/>
      <c r="I824" s="16"/>
      <c r="J824" s="16"/>
    </row>
    <row r="825" spans="2:10" s="4" customFormat="1" x14ac:dyDescent="0.2">
      <c r="B825" s="16"/>
      <c r="C825" s="16"/>
      <c r="D825" s="16"/>
      <c r="E825" s="16"/>
      <c r="F825" s="16"/>
      <c r="G825" s="16"/>
      <c r="H825" s="16"/>
      <c r="I825" s="16"/>
      <c r="J825" s="16"/>
    </row>
    <row r="826" spans="2:10" s="4" customFormat="1" x14ac:dyDescent="0.2">
      <c r="B826" s="16"/>
      <c r="C826" s="16"/>
      <c r="D826" s="16"/>
      <c r="E826" s="16"/>
      <c r="F826" s="16"/>
      <c r="G826" s="16"/>
      <c r="H826" s="16"/>
      <c r="I826" s="16"/>
      <c r="J826" s="16"/>
    </row>
    <row r="827" spans="2:10" s="4" customFormat="1" x14ac:dyDescent="0.2">
      <c r="B827" s="16"/>
      <c r="C827" s="16"/>
      <c r="D827" s="16"/>
      <c r="E827" s="16"/>
      <c r="F827" s="16"/>
      <c r="G827" s="16"/>
      <c r="H827" s="16"/>
      <c r="I827" s="16"/>
      <c r="J827" s="16"/>
    </row>
    <row r="828" spans="2:10" s="4" customFormat="1" x14ac:dyDescent="0.2">
      <c r="B828" s="16"/>
      <c r="C828" s="16"/>
      <c r="D828" s="16"/>
      <c r="E828" s="16"/>
      <c r="F828" s="16"/>
      <c r="G828" s="16"/>
      <c r="H828" s="16"/>
      <c r="I828" s="16"/>
      <c r="J828" s="16"/>
    </row>
    <row r="829" spans="2:10" s="4" customFormat="1" x14ac:dyDescent="0.2">
      <c r="B829" s="16"/>
      <c r="C829" s="16"/>
      <c r="D829" s="16"/>
      <c r="E829" s="16"/>
      <c r="F829" s="16"/>
      <c r="G829" s="16"/>
      <c r="H829" s="16"/>
      <c r="I829" s="16"/>
      <c r="J829" s="16"/>
    </row>
    <row r="830" spans="2:10" s="4" customFormat="1" x14ac:dyDescent="0.2">
      <c r="B830" s="16"/>
      <c r="C830" s="16"/>
      <c r="D830" s="16"/>
      <c r="E830" s="16"/>
      <c r="F830" s="16"/>
      <c r="G830" s="16"/>
      <c r="H830" s="16"/>
      <c r="I830" s="16"/>
      <c r="J830" s="16"/>
    </row>
    <row r="831" spans="2:10" s="4" customFormat="1" x14ac:dyDescent="0.2">
      <c r="B831" s="16"/>
      <c r="C831" s="16"/>
      <c r="D831" s="16"/>
      <c r="E831" s="16"/>
      <c r="F831" s="16"/>
      <c r="G831" s="16"/>
      <c r="H831" s="16"/>
      <c r="I831" s="16"/>
      <c r="J831" s="16"/>
    </row>
    <row r="832" spans="2:10" s="4" customFormat="1" x14ac:dyDescent="0.2">
      <c r="B832" s="16"/>
      <c r="C832" s="16"/>
      <c r="D832" s="16"/>
      <c r="E832" s="16"/>
      <c r="F832" s="16"/>
      <c r="G832" s="16"/>
      <c r="H832" s="16"/>
      <c r="I832" s="16"/>
      <c r="J832" s="16"/>
    </row>
    <row r="833" spans="2:10" s="4" customFormat="1" x14ac:dyDescent="0.2">
      <c r="B833" s="16"/>
      <c r="C833" s="16"/>
      <c r="D833" s="16"/>
      <c r="E833" s="16"/>
      <c r="F833" s="16"/>
      <c r="G833" s="16"/>
      <c r="H833" s="16"/>
      <c r="I833" s="16"/>
      <c r="J833" s="16"/>
    </row>
    <row r="834" spans="2:10" s="4" customFormat="1" x14ac:dyDescent="0.2">
      <c r="B834" s="16"/>
      <c r="C834" s="16"/>
      <c r="D834" s="16"/>
      <c r="E834" s="16"/>
      <c r="F834" s="16"/>
      <c r="G834" s="16"/>
      <c r="H834" s="16"/>
      <c r="I834" s="16"/>
      <c r="J834" s="16"/>
    </row>
    <row r="835" spans="2:10" s="4" customFormat="1" x14ac:dyDescent="0.2">
      <c r="B835" s="16"/>
      <c r="C835" s="16"/>
      <c r="D835" s="16"/>
      <c r="E835" s="16"/>
      <c r="F835" s="16"/>
      <c r="G835" s="16"/>
      <c r="H835" s="16"/>
      <c r="I835" s="16"/>
      <c r="J835" s="16"/>
    </row>
    <row r="836" spans="2:10" s="4" customFormat="1" x14ac:dyDescent="0.2">
      <c r="B836" s="16"/>
      <c r="C836" s="16"/>
      <c r="D836" s="16"/>
      <c r="E836" s="16"/>
      <c r="F836" s="16"/>
      <c r="G836" s="16"/>
      <c r="H836" s="16"/>
      <c r="I836" s="16"/>
      <c r="J836" s="16"/>
    </row>
    <row r="837" spans="2:10" s="4" customFormat="1" x14ac:dyDescent="0.2">
      <c r="B837" s="16"/>
      <c r="C837" s="16"/>
      <c r="D837" s="16"/>
      <c r="E837" s="16"/>
      <c r="F837" s="16"/>
      <c r="G837" s="16"/>
      <c r="H837" s="16"/>
      <c r="I837" s="16"/>
      <c r="J837" s="16"/>
    </row>
    <row r="838" spans="2:10" s="4" customFormat="1" x14ac:dyDescent="0.2">
      <c r="B838" s="16"/>
      <c r="C838" s="16"/>
      <c r="D838" s="16"/>
      <c r="E838" s="16"/>
      <c r="F838" s="16"/>
      <c r="G838" s="16"/>
      <c r="H838" s="16"/>
      <c r="I838" s="16"/>
      <c r="J838" s="16"/>
    </row>
    <row r="839" spans="2:10" s="4" customFormat="1" x14ac:dyDescent="0.2">
      <c r="B839" s="16"/>
      <c r="C839" s="16"/>
      <c r="D839" s="16"/>
      <c r="E839" s="16"/>
      <c r="F839" s="16"/>
      <c r="G839" s="16"/>
      <c r="H839" s="16"/>
      <c r="I839" s="16"/>
      <c r="J839" s="16"/>
    </row>
    <row r="840" spans="2:10" s="4" customFormat="1" x14ac:dyDescent="0.2">
      <c r="B840" s="16"/>
      <c r="C840" s="16"/>
      <c r="D840" s="16"/>
      <c r="E840" s="16"/>
      <c r="F840" s="16"/>
      <c r="G840" s="16"/>
      <c r="H840" s="16"/>
      <c r="I840" s="16"/>
      <c r="J840" s="16"/>
    </row>
    <row r="841" spans="2:10" s="4" customFormat="1" x14ac:dyDescent="0.2">
      <c r="B841" s="16"/>
      <c r="C841" s="16"/>
      <c r="D841" s="16"/>
      <c r="E841" s="16"/>
      <c r="F841" s="16"/>
      <c r="G841" s="16"/>
      <c r="H841" s="16"/>
      <c r="I841" s="16"/>
      <c r="J841" s="16"/>
    </row>
    <row r="842" spans="2:10" s="4" customFormat="1" x14ac:dyDescent="0.2">
      <c r="B842" s="16"/>
      <c r="C842" s="16"/>
      <c r="D842" s="16"/>
      <c r="E842" s="16"/>
      <c r="F842" s="16"/>
      <c r="G842" s="16"/>
      <c r="H842" s="16"/>
      <c r="I842" s="16"/>
      <c r="J842" s="16"/>
    </row>
    <row r="843" spans="2:10" s="4" customFormat="1" x14ac:dyDescent="0.2">
      <c r="B843" s="16"/>
      <c r="C843" s="16"/>
      <c r="D843" s="16"/>
      <c r="E843" s="16"/>
      <c r="F843" s="16"/>
      <c r="G843" s="16"/>
      <c r="H843" s="16"/>
      <c r="I843" s="16"/>
      <c r="J843" s="16"/>
    </row>
    <row r="844" spans="2:10" s="4" customFormat="1" x14ac:dyDescent="0.2">
      <c r="B844" s="16"/>
      <c r="C844" s="16"/>
      <c r="D844" s="16"/>
      <c r="E844" s="16"/>
      <c r="F844" s="16"/>
      <c r="G844" s="16"/>
      <c r="H844" s="16"/>
      <c r="I844" s="16"/>
      <c r="J844" s="16"/>
    </row>
    <row r="845" spans="2:10" s="4" customFormat="1" x14ac:dyDescent="0.2">
      <c r="B845" s="16"/>
      <c r="C845" s="16"/>
      <c r="D845" s="16"/>
      <c r="E845" s="16"/>
      <c r="F845" s="16"/>
      <c r="G845" s="16"/>
      <c r="H845" s="16"/>
      <c r="I845" s="16"/>
      <c r="J845" s="16"/>
    </row>
    <row r="846" spans="2:10" s="4" customFormat="1" x14ac:dyDescent="0.2">
      <c r="B846" s="16"/>
      <c r="C846" s="16"/>
      <c r="D846" s="16"/>
      <c r="E846" s="16"/>
      <c r="F846" s="16"/>
      <c r="G846" s="16"/>
      <c r="H846" s="16"/>
      <c r="I846" s="16"/>
      <c r="J846" s="16"/>
    </row>
    <row r="847" spans="2:10" s="4" customFormat="1" x14ac:dyDescent="0.2">
      <c r="B847" s="16"/>
      <c r="C847" s="16"/>
      <c r="D847" s="16"/>
      <c r="E847" s="16"/>
      <c r="F847" s="16"/>
      <c r="G847" s="16"/>
      <c r="H847" s="16"/>
      <c r="I847" s="16"/>
      <c r="J847" s="16"/>
    </row>
    <row r="848" spans="2:10" s="4" customFormat="1" x14ac:dyDescent="0.2">
      <c r="B848" s="16"/>
      <c r="C848" s="16"/>
      <c r="D848" s="16"/>
      <c r="E848" s="16"/>
      <c r="F848" s="16"/>
      <c r="G848" s="16"/>
      <c r="H848" s="16"/>
      <c r="I848" s="16"/>
      <c r="J848" s="16"/>
    </row>
    <row r="849" spans="2:10" s="4" customFormat="1" x14ac:dyDescent="0.2">
      <c r="B849" s="16"/>
      <c r="C849" s="16"/>
      <c r="D849" s="16"/>
      <c r="E849" s="16"/>
      <c r="F849" s="16"/>
      <c r="G849" s="16"/>
      <c r="H849" s="16"/>
      <c r="I849" s="16"/>
      <c r="J849" s="16"/>
    </row>
    <row r="850" spans="2:10" s="4" customFormat="1" x14ac:dyDescent="0.2">
      <c r="B850" s="16"/>
      <c r="C850" s="16"/>
      <c r="D850" s="16"/>
      <c r="E850" s="16"/>
      <c r="F850" s="16"/>
      <c r="G850" s="16"/>
      <c r="H850" s="16"/>
      <c r="I850" s="16"/>
      <c r="J850" s="16"/>
    </row>
    <row r="851" spans="2:10" s="4" customFormat="1" x14ac:dyDescent="0.2">
      <c r="B851" s="16"/>
      <c r="C851" s="16"/>
      <c r="D851" s="16"/>
      <c r="E851" s="16"/>
      <c r="F851" s="16"/>
      <c r="G851" s="16"/>
      <c r="H851" s="16"/>
      <c r="I851" s="16"/>
      <c r="J851" s="16"/>
    </row>
    <row r="852" spans="2:10" s="4" customFormat="1" x14ac:dyDescent="0.2">
      <c r="B852" s="16"/>
      <c r="C852" s="16"/>
      <c r="D852" s="16"/>
      <c r="E852" s="16"/>
      <c r="F852" s="16"/>
      <c r="G852" s="16"/>
      <c r="H852" s="16"/>
      <c r="I852" s="16"/>
      <c r="J852" s="16"/>
    </row>
    <row r="853" spans="2:10" s="4" customFormat="1" x14ac:dyDescent="0.2">
      <c r="B853" s="16"/>
      <c r="C853" s="16"/>
      <c r="D853" s="16"/>
      <c r="E853" s="16"/>
      <c r="F853" s="16"/>
      <c r="G853" s="16"/>
      <c r="H853" s="16"/>
      <c r="I853" s="16"/>
      <c r="J853" s="16"/>
    </row>
    <row r="854" spans="2:10" s="4" customFormat="1" x14ac:dyDescent="0.2">
      <c r="B854" s="16"/>
      <c r="C854" s="16"/>
      <c r="D854" s="16"/>
      <c r="E854" s="16"/>
      <c r="F854" s="16"/>
      <c r="G854" s="16"/>
      <c r="H854" s="16"/>
      <c r="I854" s="16"/>
      <c r="J854" s="16"/>
    </row>
    <row r="855" spans="2:10" s="4" customFormat="1" x14ac:dyDescent="0.2">
      <c r="B855" s="16"/>
      <c r="C855" s="16"/>
      <c r="D855" s="16"/>
      <c r="E855" s="16"/>
      <c r="F855" s="16"/>
      <c r="G855" s="16"/>
      <c r="H855" s="16"/>
      <c r="I855" s="16"/>
      <c r="J855" s="16"/>
    </row>
    <row r="856" spans="2:10" s="4" customFormat="1" x14ac:dyDescent="0.2">
      <c r="B856" s="16"/>
      <c r="C856" s="16"/>
      <c r="D856" s="16"/>
      <c r="E856" s="16"/>
      <c r="F856" s="16"/>
      <c r="G856" s="16"/>
      <c r="H856" s="16"/>
      <c r="I856" s="16"/>
      <c r="J856" s="16"/>
    </row>
    <row r="857" spans="2:10" s="4" customFormat="1" x14ac:dyDescent="0.2">
      <c r="B857" s="16"/>
      <c r="C857" s="16"/>
      <c r="D857" s="16"/>
      <c r="E857" s="16"/>
      <c r="F857" s="16"/>
      <c r="G857" s="16"/>
      <c r="H857" s="16"/>
      <c r="I857" s="16"/>
      <c r="J857" s="16"/>
    </row>
    <row r="858" spans="2:10" s="4" customFormat="1" x14ac:dyDescent="0.2">
      <c r="B858" s="16"/>
      <c r="C858" s="16"/>
      <c r="D858" s="16"/>
      <c r="E858" s="16"/>
      <c r="F858" s="16"/>
      <c r="G858" s="16"/>
      <c r="H858" s="16"/>
      <c r="I858" s="16"/>
      <c r="J858" s="16"/>
    </row>
    <row r="859" spans="2:10" s="4" customFormat="1" x14ac:dyDescent="0.2">
      <c r="B859" s="16"/>
      <c r="C859" s="16"/>
      <c r="D859" s="16"/>
      <c r="E859" s="16"/>
      <c r="F859" s="16"/>
      <c r="G859" s="16"/>
      <c r="H859" s="16"/>
      <c r="I859" s="16"/>
      <c r="J859" s="16"/>
    </row>
    <row r="860" spans="2:10" s="4" customFormat="1" x14ac:dyDescent="0.2">
      <c r="B860" s="16"/>
      <c r="C860" s="16"/>
      <c r="D860" s="16"/>
      <c r="E860" s="16"/>
      <c r="F860" s="16"/>
      <c r="G860" s="16"/>
      <c r="H860" s="16"/>
      <c r="I860" s="16"/>
      <c r="J860" s="16"/>
    </row>
    <row r="861" spans="2:10" s="4" customFormat="1" x14ac:dyDescent="0.2">
      <c r="B861" s="16"/>
      <c r="C861" s="16"/>
      <c r="D861" s="16"/>
      <c r="E861" s="16"/>
      <c r="F861" s="16"/>
      <c r="G861" s="16"/>
      <c r="H861" s="16"/>
      <c r="I861" s="16"/>
      <c r="J861" s="16"/>
    </row>
    <row r="862" spans="2:10" s="4" customFormat="1" x14ac:dyDescent="0.2">
      <c r="B862" s="16"/>
      <c r="C862" s="16"/>
      <c r="D862" s="16"/>
      <c r="E862" s="16"/>
      <c r="F862" s="16"/>
      <c r="G862" s="16"/>
      <c r="H862" s="16"/>
      <c r="I862" s="16"/>
      <c r="J862" s="16"/>
    </row>
    <row r="863" spans="2:10" s="4" customFormat="1" x14ac:dyDescent="0.2">
      <c r="B863" s="16"/>
      <c r="C863" s="16"/>
      <c r="D863" s="16"/>
      <c r="E863" s="16"/>
      <c r="F863" s="16"/>
      <c r="G863" s="16"/>
      <c r="H863" s="16"/>
      <c r="I863" s="16"/>
      <c r="J863" s="16"/>
    </row>
    <row r="864" spans="2:10" s="4" customFormat="1" x14ac:dyDescent="0.2">
      <c r="B864" s="16"/>
      <c r="C864" s="16"/>
      <c r="D864" s="16"/>
      <c r="E864" s="16"/>
      <c r="F864" s="16"/>
      <c r="G864" s="16"/>
      <c r="H864" s="16"/>
      <c r="I864" s="16"/>
      <c r="J864" s="16"/>
    </row>
    <row r="865" spans="2:10" s="4" customFormat="1" x14ac:dyDescent="0.2">
      <c r="B865" s="16"/>
      <c r="C865" s="16"/>
      <c r="D865" s="16"/>
      <c r="E865" s="16"/>
      <c r="F865" s="16"/>
      <c r="G865" s="16"/>
      <c r="H865" s="16"/>
      <c r="I865" s="16"/>
      <c r="J865" s="16"/>
    </row>
    <row r="866" spans="2:10" s="4" customFormat="1" x14ac:dyDescent="0.2">
      <c r="B866" s="16"/>
      <c r="C866" s="16"/>
      <c r="D866" s="16"/>
      <c r="E866" s="16"/>
      <c r="F866" s="16"/>
      <c r="G866" s="16"/>
      <c r="H866" s="16"/>
      <c r="I866" s="16"/>
      <c r="J866" s="16"/>
    </row>
    <row r="867" spans="2:10" s="4" customFormat="1" x14ac:dyDescent="0.2">
      <c r="B867" s="16"/>
      <c r="C867" s="16"/>
      <c r="D867" s="16"/>
      <c r="E867" s="16"/>
      <c r="F867" s="16"/>
      <c r="G867" s="16"/>
      <c r="H867" s="16"/>
      <c r="I867" s="16"/>
      <c r="J867" s="16"/>
    </row>
    <row r="868" spans="2:10" s="4" customFormat="1" x14ac:dyDescent="0.2">
      <c r="B868" s="16"/>
      <c r="C868" s="16"/>
      <c r="D868" s="16"/>
      <c r="E868" s="16"/>
      <c r="F868" s="16"/>
      <c r="G868" s="16"/>
      <c r="H868" s="16"/>
      <c r="I868" s="16"/>
      <c r="J868" s="16"/>
    </row>
    <row r="869" spans="2:10" s="4" customFormat="1" x14ac:dyDescent="0.2">
      <c r="B869" s="16"/>
      <c r="C869" s="16"/>
      <c r="D869" s="16"/>
      <c r="E869" s="16"/>
      <c r="F869" s="16"/>
      <c r="G869" s="16"/>
      <c r="H869" s="16"/>
      <c r="I869" s="16"/>
      <c r="J869" s="16"/>
    </row>
    <row r="870" spans="2:10" s="4" customFormat="1" x14ac:dyDescent="0.2">
      <c r="B870" s="16"/>
      <c r="C870" s="16"/>
      <c r="D870" s="16"/>
      <c r="E870" s="16"/>
      <c r="F870" s="16"/>
      <c r="G870" s="16"/>
      <c r="H870" s="16"/>
      <c r="I870" s="16"/>
      <c r="J870" s="16"/>
    </row>
    <row r="871" spans="2:10" s="4" customFormat="1" x14ac:dyDescent="0.2">
      <c r="B871" s="16"/>
      <c r="C871" s="16"/>
      <c r="D871" s="16"/>
      <c r="E871" s="16"/>
      <c r="F871" s="16"/>
      <c r="G871" s="16"/>
      <c r="H871" s="16"/>
      <c r="I871" s="16"/>
      <c r="J871" s="16"/>
    </row>
    <row r="872" spans="2:10" s="4" customFormat="1" x14ac:dyDescent="0.2">
      <c r="B872" s="16"/>
      <c r="C872" s="16"/>
      <c r="D872" s="16"/>
      <c r="E872" s="16"/>
      <c r="F872" s="16"/>
      <c r="G872" s="16"/>
      <c r="H872" s="16"/>
      <c r="I872" s="16"/>
      <c r="J872" s="16"/>
    </row>
    <row r="873" spans="2:10" s="4" customFormat="1" x14ac:dyDescent="0.2">
      <c r="B873" s="16"/>
      <c r="C873" s="16"/>
      <c r="D873" s="16"/>
      <c r="E873" s="16"/>
      <c r="F873" s="16"/>
      <c r="G873" s="16"/>
      <c r="H873" s="16"/>
      <c r="I873" s="16"/>
      <c r="J873" s="16"/>
    </row>
    <row r="874" spans="2:10" s="4" customFormat="1" x14ac:dyDescent="0.2">
      <c r="B874" s="16"/>
      <c r="C874" s="16"/>
      <c r="D874" s="16"/>
      <c r="E874" s="16"/>
      <c r="F874" s="16"/>
      <c r="G874" s="16"/>
      <c r="H874" s="16"/>
      <c r="I874" s="16"/>
      <c r="J874" s="16"/>
    </row>
    <row r="875" spans="2:10" s="4" customFormat="1" x14ac:dyDescent="0.2">
      <c r="B875" s="16"/>
      <c r="C875" s="16"/>
      <c r="D875" s="16"/>
      <c r="E875" s="16"/>
      <c r="F875" s="16"/>
      <c r="G875" s="16"/>
      <c r="H875" s="16"/>
      <c r="I875" s="16"/>
      <c r="J875" s="16"/>
    </row>
    <row r="876" spans="2:10" s="4" customFormat="1" x14ac:dyDescent="0.2">
      <c r="B876" s="16"/>
      <c r="C876" s="16"/>
      <c r="D876" s="16"/>
      <c r="E876" s="16"/>
      <c r="F876" s="16"/>
      <c r="G876" s="16"/>
      <c r="H876" s="16"/>
      <c r="I876" s="16"/>
      <c r="J876" s="16"/>
    </row>
    <row r="877" spans="2:10" s="4" customFormat="1" x14ac:dyDescent="0.2">
      <c r="B877" s="16"/>
      <c r="C877" s="16"/>
      <c r="D877" s="16"/>
      <c r="E877" s="16"/>
      <c r="F877" s="16"/>
      <c r="G877" s="16"/>
      <c r="H877" s="16"/>
      <c r="I877" s="16"/>
      <c r="J877" s="16"/>
    </row>
    <row r="878" spans="2:10" s="4" customFormat="1" x14ac:dyDescent="0.2">
      <c r="B878" s="16"/>
      <c r="C878" s="16"/>
      <c r="D878" s="16"/>
      <c r="E878" s="16"/>
      <c r="F878" s="16"/>
      <c r="G878" s="16"/>
      <c r="H878" s="16"/>
      <c r="I878" s="16"/>
      <c r="J878" s="16"/>
    </row>
    <row r="879" spans="2:10" s="4" customFormat="1" x14ac:dyDescent="0.2">
      <c r="B879" s="16"/>
      <c r="C879" s="16"/>
      <c r="D879" s="16"/>
      <c r="E879" s="16"/>
      <c r="F879" s="16"/>
      <c r="G879" s="16"/>
      <c r="H879" s="16"/>
      <c r="I879" s="16"/>
      <c r="J879" s="16"/>
    </row>
    <row r="880" spans="2:10" s="4" customFormat="1" x14ac:dyDescent="0.2">
      <c r="B880" s="16"/>
      <c r="C880" s="16"/>
      <c r="D880" s="16"/>
      <c r="E880" s="16"/>
      <c r="F880" s="16"/>
      <c r="G880" s="16"/>
      <c r="H880" s="16"/>
      <c r="I880" s="16"/>
      <c r="J880" s="16"/>
    </row>
    <row r="881" spans="2:10" s="4" customFormat="1" x14ac:dyDescent="0.2">
      <c r="B881" s="16"/>
      <c r="C881" s="16"/>
      <c r="D881" s="16"/>
      <c r="E881" s="16"/>
      <c r="F881" s="16"/>
      <c r="G881" s="16"/>
      <c r="H881" s="16"/>
      <c r="I881" s="16"/>
      <c r="J881" s="16"/>
    </row>
    <row r="882" spans="2:10" s="4" customFormat="1" x14ac:dyDescent="0.2">
      <c r="B882" s="16"/>
      <c r="C882" s="16"/>
      <c r="D882" s="16"/>
      <c r="E882" s="16"/>
      <c r="F882" s="16"/>
      <c r="G882" s="16"/>
      <c r="H882" s="16"/>
      <c r="I882" s="16"/>
      <c r="J882" s="16"/>
    </row>
    <row r="883" spans="2:10" s="4" customFormat="1" x14ac:dyDescent="0.2">
      <c r="B883" s="16"/>
      <c r="C883" s="16"/>
      <c r="D883" s="16"/>
      <c r="E883" s="16"/>
      <c r="F883" s="16"/>
      <c r="G883" s="16"/>
      <c r="H883" s="16"/>
      <c r="I883" s="16"/>
      <c r="J883" s="16"/>
    </row>
    <row r="884" spans="2:10" s="4" customFormat="1" x14ac:dyDescent="0.2">
      <c r="B884" s="16"/>
      <c r="C884" s="16"/>
      <c r="D884" s="16"/>
      <c r="E884" s="16"/>
      <c r="F884" s="16"/>
      <c r="G884" s="16"/>
      <c r="H884" s="16"/>
      <c r="I884" s="16"/>
      <c r="J884" s="16"/>
    </row>
    <row r="885" spans="2:10" s="4" customFormat="1" x14ac:dyDescent="0.2">
      <c r="B885" s="16"/>
      <c r="C885" s="16"/>
      <c r="D885" s="16"/>
      <c r="E885" s="16"/>
      <c r="F885" s="16"/>
      <c r="G885" s="16"/>
      <c r="H885" s="16"/>
      <c r="I885" s="16"/>
      <c r="J885" s="16"/>
    </row>
    <row r="886" spans="2:10" s="4" customFormat="1" x14ac:dyDescent="0.2">
      <c r="B886" s="16"/>
      <c r="C886" s="16"/>
      <c r="D886" s="16"/>
      <c r="E886" s="16"/>
      <c r="F886" s="16"/>
      <c r="G886" s="16"/>
      <c r="H886" s="16"/>
      <c r="I886" s="16"/>
      <c r="J886" s="16"/>
    </row>
    <row r="887" spans="2:10" s="4" customFormat="1" x14ac:dyDescent="0.2">
      <c r="B887" s="16"/>
      <c r="C887" s="16"/>
      <c r="D887" s="16"/>
      <c r="E887" s="16"/>
      <c r="F887" s="16"/>
      <c r="G887" s="16"/>
      <c r="H887" s="16"/>
      <c r="I887" s="16"/>
      <c r="J887" s="16"/>
    </row>
    <row r="888" spans="2:10" s="4" customFormat="1" x14ac:dyDescent="0.2">
      <c r="B888" s="16"/>
      <c r="C888" s="16"/>
      <c r="D888" s="16"/>
      <c r="E888" s="16"/>
      <c r="F888" s="16"/>
      <c r="G888" s="16"/>
      <c r="H888" s="16"/>
      <c r="I888" s="16"/>
      <c r="J888" s="16"/>
    </row>
    <row r="889" spans="2:10" s="4" customFormat="1" x14ac:dyDescent="0.2">
      <c r="B889" s="16"/>
      <c r="C889" s="16"/>
      <c r="D889" s="16"/>
      <c r="E889" s="16"/>
      <c r="F889" s="16"/>
      <c r="G889" s="16"/>
      <c r="H889" s="16"/>
      <c r="I889" s="16"/>
      <c r="J889" s="16"/>
    </row>
    <row r="890" spans="2:10" s="4" customFormat="1" x14ac:dyDescent="0.2">
      <c r="B890" s="16"/>
      <c r="C890" s="16"/>
      <c r="D890" s="16"/>
      <c r="E890" s="16"/>
      <c r="F890" s="16"/>
      <c r="G890" s="16"/>
      <c r="H890" s="16"/>
      <c r="I890" s="16"/>
      <c r="J890" s="16"/>
    </row>
    <row r="891" spans="2:10" s="4" customFormat="1" x14ac:dyDescent="0.2">
      <c r="B891" s="16"/>
      <c r="C891" s="16"/>
      <c r="D891" s="16"/>
      <c r="E891" s="16"/>
      <c r="F891" s="16"/>
      <c r="G891" s="16"/>
      <c r="H891" s="16"/>
      <c r="I891" s="16"/>
      <c r="J891" s="16"/>
    </row>
    <row r="892" spans="2:10" s="4" customFormat="1" x14ac:dyDescent="0.2">
      <c r="B892" s="16"/>
      <c r="C892" s="16"/>
      <c r="D892" s="16"/>
      <c r="E892" s="16"/>
      <c r="F892" s="16"/>
      <c r="G892" s="16"/>
      <c r="H892" s="16"/>
      <c r="I892" s="16"/>
      <c r="J892" s="16"/>
    </row>
    <row r="893" spans="2:10" s="4" customFormat="1" x14ac:dyDescent="0.2">
      <c r="B893" s="16"/>
      <c r="C893" s="16"/>
      <c r="D893" s="16"/>
      <c r="E893" s="16"/>
      <c r="F893" s="16"/>
      <c r="G893" s="16"/>
      <c r="H893" s="16"/>
      <c r="I893" s="16"/>
      <c r="J893" s="16"/>
    </row>
    <row r="894" spans="2:10" s="4" customFormat="1" x14ac:dyDescent="0.2">
      <c r="B894" s="16"/>
      <c r="C894" s="16"/>
      <c r="D894" s="16"/>
      <c r="E894" s="16"/>
      <c r="F894" s="16"/>
      <c r="G894" s="16"/>
      <c r="H894" s="16"/>
      <c r="I894" s="16"/>
      <c r="J894" s="16"/>
    </row>
    <row r="895" spans="2:10" s="4" customFormat="1" x14ac:dyDescent="0.2">
      <c r="B895" s="16"/>
      <c r="C895" s="16"/>
      <c r="D895" s="16"/>
      <c r="E895" s="16"/>
      <c r="F895" s="16"/>
      <c r="G895" s="16"/>
      <c r="H895" s="16"/>
      <c r="I895" s="16"/>
      <c r="J895" s="16"/>
    </row>
    <row r="896" spans="2:10" s="4" customFormat="1" x14ac:dyDescent="0.2">
      <c r="B896" s="16"/>
      <c r="C896" s="16"/>
      <c r="D896" s="16"/>
      <c r="E896" s="16"/>
      <c r="F896" s="16"/>
      <c r="G896" s="16"/>
      <c r="H896" s="16"/>
      <c r="I896" s="16"/>
      <c r="J896" s="16"/>
    </row>
    <row r="897" spans="2:10" s="4" customFormat="1" x14ac:dyDescent="0.2">
      <c r="B897" s="16"/>
      <c r="C897" s="16"/>
      <c r="D897" s="16"/>
      <c r="E897" s="16"/>
      <c r="F897" s="16"/>
      <c r="G897" s="16"/>
      <c r="H897" s="16"/>
      <c r="I897" s="16"/>
      <c r="J897" s="16"/>
    </row>
    <row r="898" spans="2:10" s="4" customFormat="1" x14ac:dyDescent="0.2">
      <c r="B898" s="16"/>
      <c r="C898" s="16"/>
      <c r="D898" s="16"/>
      <c r="E898" s="16"/>
      <c r="F898" s="16"/>
      <c r="G898" s="16"/>
      <c r="H898" s="16"/>
      <c r="I898" s="16"/>
      <c r="J898" s="16"/>
    </row>
    <row r="899" spans="2:10" s="4" customFormat="1" x14ac:dyDescent="0.2">
      <c r="B899" s="16"/>
      <c r="C899" s="16"/>
      <c r="D899" s="16"/>
      <c r="E899" s="16"/>
      <c r="F899" s="16"/>
      <c r="G899" s="16"/>
      <c r="H899" s="16"/>
      <c r="I899" s="16"/>
      <c r="J899" s="16"/>
    </row>
    <row r="900" spans="2:10" s="4" customFormat="1" x14ac:dyDescent="0.2">
      <c r="B900" s="16"/>
      <c r="C900" s="16"/>
      <c r="D900" s="16"/>
      <c r="E900" s="16"/>
      <c r="F900" s="16"/>
      <c r="G900" s="16"/>
      <c r="H900" s="16"/>
      <c r="I900" s="16"/>
      <c r="J900" s="16"/>
    </row>
    <row r="901" spans="2:10" s="4" customFormat="1" x14ac:dyDescent="0.2">
      <c r="B901" s="16"/>
      <c r="C901" s="16"/>
      <c r="D901" s="16"/>
      <c r="E901" s="16"/>
      <c r="F901" s="16"/>
      <c r="G901" s="16"/>
      <c r="H901" s="16"/>
      <c r="I901" s="16"/>
      <c r="J901" s="16"/>
    </row>
    <row r="902" spans="2:10" s="4" customFormat="1" x14ac:dyDescent="0.2">
      <c r="B902" s="16"/>
      <c r="C902" s="16"/>
      <c r="D902" s="16"/>
      <c r="E902" s="16"/>
      <c r="F902" s="16"/>
      <c r="G902" s="16"/>
      <c r="H902" s="16"/>
      <c r="I902" s="16"/>
      <c r="J902" s="16"/>
    </row>
    <row r="903" spans="2:10" s="4" customFormat="1" x14ac:dyDescent="0.2">
      <c r="B903" s="16"/>
      <c r="C903" s="16"/>
      <c r="D903" s="16"/>
      <c r="E903" s="16"/>
      <c r="F903" s="16"/>
      <c r="G903" s="16"/>
      <c r="H903" s="16"/>
      <c r="I903" s="16"/>
      <c r="J903" s="16"/>
    </row>
    <row r="904" spans="2:10" s="4" customFormat="1" x14ac:dyDescent="0.2">
      <c r="B904" s="16"/>
      <c r="C904" s="16"/>
      <c r="D904" s="16"/>
      <c r="E904" s="16"/>
      <c r="F904" s="16"/>
      <c r="G904" s="16"/>
      <c r="H904" s="16"/>
      <c r="I904" s="16"/>
      <c r="J904" s="16"/>
    </row>
    <row r="905" spans="2:10" s="4" customFormat="1" x14ac:dyDescent="0.2">
      <c r="B905" s="16"/>
      <c r="C905" s="16"/>
      <c r="D905" s="16"/>
      <c r="E905" s="16"/>
      <c r="F905" s="16"/>
      <c r="G905" s="16"/>
      <c r="H905" s="16"/>
      <c r="I905" s="16"/>
      <c r="J905" s="16"/>
    </row>
    <row r="906" spans="2:10" s="4" customFormat="1" x14ac:dyDescent="0.2">
      <c r="B906" s="16"/>
      <c r="C906" s="16"/>
      <c r="D906" s="16"/>
      <c r="E906" s="16"/>
      <c r="F906" s="16"/>
      <c r="G906" s="16"/>
      <c r="H906" s="16"/>
      <c r="I906" s="16"/>
      <c r="J906" s="16"/>
    </row>
    <row r="907" spans="2:10" s="4" customFormat="1" x14ac:dyDescent="0.2">
      <c r="B907" s="16"/>
      <c r="C907" s="16"/>
      <c r="D907" s="16"/>
      <c r="E907" s="16"/>
      <c r="F907" s="16"/>
      <c r="G907" s="16"/>
      <c r="H907" s="16"/>
      <c r="I907" s="16"/>
      <c r="J907" s="16"/>
    </row>
    <row r="908" spans="2:10" s="4" customFormat="1" x14ac:dyDescent="0.2">
      <c r="B908" s="16"/>
      <c r="C908" s="16"/>
      <c r="D908" s="16"/>
      <c r="E908" s="16"/>
      <c r="F908" s="16"/>
      <c r="G908" s="16"/>
      <c r="H908" s="16"/>
      <c r="I908" s="16"/>
      <c r="J908" s="16"/>
    </row>
    <row r="909" spans="2:10" s="4" customFormat="1" x14ac:dyDescent="0.2">
      <c r="B909" s="16"/>
      <c r="C909" s="16"/>
      <c r="D909" s="16"/>
      <c r="E909" s="16"/>
      <c r="F909" s="16"/>
      <c r="G909" s="16"/>
      <c r="H909" s="16"/>
      <c r="I909" s="16"/>
      <c r="J909" s="16"/>
    </row>
    <row r="910" spans="2:10" s="4" customFormat="1" x14ac:dyDescent="0.2">
      <c r="B910" s="16"/>
      <c r="C910" s="16"/>
      <c r="D910" s="16"/>
      <c r="E910" s="16"/>
      <c r="F910" s="16"/>
      <c r="G910" s="16"/>
      <c r="H910" s="16"/>
      <c r="I910" s="16"/>
      <c r="J910" s="16"/>
    </row>
    <row r="911" spans="2:10" s="4" customFormat="1" x14ac:dyDescent="0.2">
      <c r="B911" s="16"/>
      <c r="C911" s="16"/>
      <c r="D911" s="16"/>
      <c r="E911" s="16"/>
      <c r="F911" s="16"/>
      <c r="G911" s="16"/>
      <c r="H911" s="16"/>
      <c r="I911" s="16"/>
      <c r="J911" s="16"/>
    </row>
    <row r="912" spans="2:10" s="4" customFormat="1" x14ac:dyDescent="0.2">
      <c r="B912" s="16"/>
      <c r="C912" s="16"/>
      <c r="D912" s="16"/>
      <c r="E912" s="16"/>
      <c r="F912" s="16"/>
      <c r="G912" s="16"/>
      <c r="H912" s="16"/>
      <c r="I912" s="16"/>
      <c r="J912" s="16"/>
    </row>
    <row r="913" spans="2:10" s="4" customFormat="1" x14ac:dyDescent="0.2">
      <c r="B913" s="16"/>
      <c r="C913" s="16"/>
      <c r="D913" s="16"/>
      <c r="E913" s="16"/>
      <c r="F913" s="16"/>
      <c r="G913" s="16"/>
      <c r="H913" s="16"/>
      <c r="I913" s="16"/>
      <c r="J913" s="16"/>
    </row>
    <row r="914" spans="2:10" s="4" customFormat="1" x14ac:dyDescent="0.2">
      <c r="B914" s="16"/>
      <c r="C914" s="16"/>
      <c r="D914" s="16"/>
      <c r="E914" s="16"/>
      <c r="F914" s="16"/>
      <c r="G914" s="16"/>
      <c r="H914" s="16"/>
      <c r="I914" s="16"/>
      <c r="J914" s="16"/>
    </row>
    <row r="915" spans="2:10" s="4" customFormat="1" x14ac:dyDescent="0.2">
      <c r="B915" s="16"/>
      <c r="C915" s="16"/>
      <c r="D915" s="16"/>
      <c r="E915" s="16"/>
      <c r="F915" s="16"/>
      <c r="G915" s="16"/>
      <c r="H915" s="16"/>
      <c r="I915" s="16"/>
      <c r="J915" s="16"/>
    </row>
    <row r="916" spans="2:10" s="4" customFormat="1" x14ac:dyDescent="0.2">
      <c r="B916" s="16"/>
      <c r="C916" s="16"/>
      <c r="D916" s="16"/>
      <c r="E916" s="16"/>
      <c r="F916" s="16"/>
      <c r="G916" s="16"/>
      <c r="H916" s="16"/>
      <c r="I916" s="16"/>
      <c r="J916" s="16"/>
    </row>
    <row r="917" spans="2:10" s="4" customFormat="1" x14ac:dyDescent="0.2">
      <c r="B917" s="16"/>
      <c r="C917" s="16"/>
      <c r="D917" s="16"/>
      <c r="E917" s="16"/>
      <c r="F917" s="16"/>
      <c r="G917" s="16"/>
      <c r="H917" s="16"/>
      <c r="I917" s="16"/>
      <c r="J917" s="16"/>
    </row>
    <row r="918" spans="2:10" s="4" customFormat="1" x14ac:dyDescent="0.2">
      <c r="B918" s="16"/>
      <c r="C918" s="16"/>
      <c r="D918" s="16"/>
      <c r="E918" s="16"/>
      <c r="F918" s="16"/>
      <c r="G918" s="16"/>
      <c r="H918" s="16"/>
      <c r="I918" s="16"/>
      <c r="J918" s="16"/>
    </row>
    <row r="919" spans="2:10" s="4" customFormat="1" x14ac:dyDescent="0.2">
      <c r="B919" s="16"/>
      <c r="C919" s="16"/>
      <c r="D919" s="16"/>
      <c r="E919" s="16"/>
      <c r="F919" s="16"/>
      <c r="G919" s="16"/>
      <c r="H919" s="16"/>
      <c r="I919" s="16"/>
      <c r="J919" s="16"/>
    </row>
    <row r="920" spans="2:10" s="4" customFormat="1" x14ac:dyDescent="0.2">
      <c r="B920" s="16"/>
      <c r="C920" s="16"/>
      <c r="D920" s="16"/>
      <c r="E920" s="16"/>
      <c r="F920" s="16"/>
      <c r="G920" s="16"/>
      <c r="H920" s="16"/>
      <c r="I920" s="16"/>
      <c r="J920" s="16"/>
    </row>
    <row r="921" spans="2:10" s="4" customFormat="1" x14ac:dyDescent="0.2">
      <c r="B921" s="16"/>
      <c r="C921" s="16"/>
      <c r="D921" s="16"/>
      <c r="E921" s="16"/>
      <c r="F921" s="16"/>
      <c r="G921" s="16"/>
      <c r="H921" s="16"/>
      <c r="I921" s="16"/>
      <c r="J921" s="16"/>
    </row>
    <row r="922" spans="2:10" s="4" customFormat="1" x14ac:dyDescent="0.2">
      <c r="B922" s="16"/>
      <c r="C922" s="16"/>
      <c r="D922" s="16"/>
      <c r="E922" s="16"/>
      <c r="F922" s="16"/>
      <c r="G922" s="16"/>
      <c r="H922" s="16"/>
      <c r="I922" s="16"/>
      <c r="J922" s="16"/>
    </row>
    <row r="923" spans="2:10" s="4" customFormat="1" x14ac:dyDescent="0.2">
      <c r="B923" s="16"/>
      <c r="C923" s="16"/>
      <c r="D923" s="16"/>
      <c r="E923" s="16"/>
      <c r="F923" s="16"/>
      <c r="G923" s="16"/>
      <c r="H923" s="16"/>
      <c r="I923" s="16"/>
      <c r="J923" s="16"/>
    </row>
    <row r="924" spans="2:10" s="4" customFormat="1" x14ac:dyDescent="0.2">
      <c r="B924" s="16"/>
      <c r="C924" s="16"/>
      <c r="D924" s="16"/>
      <c r="E924" s="16"/>
      <c r="F924" s="16"/>
      <c r="G924" s="16"/>
      <c r="H924" s="16"/>
      <c r="I924" s="16"/>
      <c r="J924" s="16"/>
    </row>
    <row r="925" spans="2:10" s="4" customFormat="1" x14ac:dyDescent="0.2">
      <c r="B925" s="16"/>
      <c r="C925" s="16"/>
      <c r="D925" s="16"/>
      <c r="E925" s="16"/>
      <c r="F925" s="16"/>
      <c r="G925" s="16"/>
      <c r="H925" s="16"/>
      <c r="I925" s="16"/>
      <c r="J925" s="16"/>
    </row>
    <row r="926" spans="2:10" s="4" customFormat="1" x14ac:dyDescent="0.2">
      <c r="B926" s="16"/>
      <c r="C926" s="16"/>
      <c r="D926" s="16"/>
      <c r="E926" s="16"/>
      <c r="F926" s="16"/>
      <c r="G926" s="16"/>
      <c r="H926" s="16"/>
      <c r="I926" s="16"/>
      <c r="J926" s="16"/>
    </row>
    <row r="927" spans="2:10" s="4" customFormat="1" x14ac:dyDescent="0.2">
      <c r="B927" s="16"/>
      <c r="C927" s="16"/>
      <c r="D927" s="16"/>
      <c r="E927" s="16"/>
      <c r="F927" s="16"/>
      <c r="G927" s="16"/>
      <c r="H927" s="16"/>
      <c r="I927" s="16"/>
      <c r="J927" s="16"/>
    </row>
    <row r="928" spans="2:10" s="4" customFormat="1" x14ac:dyDescent="0.2">
      <c r="B928" s="16"/>
      <c r="C928" s="16"/>
      <c r="D928" s="16"/>
      <c r="E928" s="16"/>
      <c r="F928" s="16"/>
      <c r="G928" s="16"/>
      <c r="H928" s="16"/>
      <c r="I928" s="16"/>
      <c r="J928" s="16"/>
    </row>
    <row r="929" spans="2:10" s="4" customFormat="1" x14ac:dyDescent="0.2">
      <c r="B929" s="16"/>
      <c r="C929" s="16"/>
      <c r="D929" s="16"/>
      <c r="E929" s="16"/>
      <c r="F929" s="16"/>
      <c r="G929" s="16"/>
      <c r="H929" s="16"/>
      <c r="I929" s="16"/>
      <c r="J929" s="16"/>
    </row>
    <row r="930" spans="2:10" s="4" customFormat="1" x14ac:dyDescent="0.2">
      <c r="B930" s="16"/>
      <c r="C930" s="16"/>
      <c r="D930" s="16"/>
      <c r="E930" s="16"/>
      <c r="F930" s="16"/>
      <c r="G930" s="16"/>
      <c r="H930" s="16"/>
      <c r="I930" s="16"/>
      <c r="J930" s="16"/>
    </row>
    <row r="931" spans="2:10" s="4" customFormat="1" x14ac:dyDescent="0.2">
      <c r="B931" s="16"/>
      <c r="C931" s="16"/>
      <c r="D931" s="16"/>
      <c r="E931" s="16"/>
      <c r="F931" s="16"/>
      <c r="G931" s="16"/>
      <c r="H931" s="16"/>
      <c r="I931" s="16"/>
      <c r="J931" s="16"/>
    </row>
    <row r="932" spans="2:10" s="4" customFormat="1" x14ac:dyDescent="0.2">
      <c r="B932" s="16"/>
      <c r="C932" s="16"/>
      <c r="D932" s="16"/>
      <c r="E932" s="16"/>
      <c r="F932" s="16"/>
      <c r="G932" s="16"/>
      <c r="H932" s="16"/>
      <c r="I932" s="16"/>
      <c r="J932" s="16"/>
    </row>
    <row r="933" spans="2:10" s="4" customFormat="1" x14ac:dyDescent="0.2">
      <c r="B933" s="16"/>
      <c r="C933" s="16"/>
      <c r="D933" s="16"/>
      <c r="E933" s="16"/>
      <c r="F933" s="16"/>
      <c r="G933" s="16"/>
      <c r="H933" s="16"/>
      <c r="I933" s="16"/>
      <c r="J933" s="16"/>
    </row>
    <row r="934" spans="2:10" s="4" customFormat="1" x14ac:dyDescent="0.2">
      <c r="B934" s="16"/>
      <c r="C934" s="16"/>
      <c r="D934" s="16"/>
      <c r="E934" s="16"/>
      <c r="F934" s="16"/>
      <c r="G934" s="16"/>
      <c r="H934" s="16"/>
      <c r="I934" s="16"/>
      <c r="J934" s="16"/>
    </row>
    <row r="935" spans="2:10" s="4" customFormat="1" x14ac:dyDescent="0.2">
      <c r="B935" s="16"/>
      <c r="C935" s="16"/>
      <c r="D935" s="16"/>
      <c r="E935" s="16"/>
      <c r="F935" s="16"/>
      <c r="G935" s="16"/>
      <c r="H935" s="16"/>
      <c r="I935" s="16"/>
      <c r="J935" s="16"/>
    </row>
    <row r="936" spans="2:10" s="4" customFormat="1" x14ac:dyDescent="0.2">
      <c r="B936" s="16"/>
      <c r="C936" s="16"/>
      <c r="D936" s="16"/>
      <c r="E936" s="16"/>
      <c r="F936" s="16"/>
      <c r="G936" s="16"/>
      <c r="H936" s="16"/>
      <c r="I936" s="16"/>
      <c r="J936" s="16"/>
    </row>
    <row r="937" spans="2:10" s="4" customFormat="1" x14ac:dyDescent="0.2">
      <c r="B937" s="16"/>
      <c r="C937" s="16"/>
      <c r="D937" s="16"/>
      <c r="E937" s="16"/>
      <c r="F937" s="16"/>
      <c r="G937" s="16"/>
      <c r="H937" s="16"/>
      <c r="I937" s="16"/>
      <c r="J937" s="16"/>
    </row>
    <row r="938" spans="2:10" s="4" customFormat="1" x14ac:dyDescent="0.2">
      <c r="B938" s="16"/>
      <c r="C938" s="16"/>
      <c r="D938" s="16"/>
      <c r="E938" s="16"/>
      <c r="F938" s="16"/>
      <c r="G938" s="16"/>
      <c r="H938" s="16"/>
      <c r="I938" s="16"/>
      <c r="J938" s="16"/>
    </row>
    <row r="939" spans="2:10" s="4" customFormat="1" x14ac:dyDescent="0.2">
      <c r="B939" s="16"/>
      <c r="C939" s="16"/>
      <c r="D939" s="16"/>
      <c r="E939" s="16"/>
      <c r="F939" s="16"/>
      <c r="G939" s="16"/>
      <c r="H939" s="16"/>
      <c r="I939" s="16"/>
      <c r="J939" s="16"/>
    </row>
    <row r="940" spans="2:10" s="4" customFormat="1" x14ac:dyDescent="0.2">
      <c r="B940" s="16"/>
      <c r="C940" s="16"/>
      <c r="D940" s="16"/>
      <c r="E940" s="16"/>
      <c r="F940" s="16"/>
      <c r="G940" s="16"/>
      <c r="H940" s="16"/>
      <c r="I940" s="16"/>
      <c r="J940" s="16"/>
    </row>
    <row r="941" spans="2:10" s="4" customFormat="1" x14ac:dyDescent="0.2">
      <c r="B941" s="16"/>
      <c r="C941" s="16"/>
      <c r="D941" s="16"/>
      <c r="E941" s="16"/>
      <c r="F941" s="16"/>
      <c r="G941" s="16"/>
      <c r="H941" s="16"/>
      <c r="I941" s="16"/>
      <c r="J941" s="16"/>
    </row>
    <row r="942" spans="2:10" s="4" customFormat="1" x14ac:dyDescent="0.2">
      <c r="B942" s="16"/>
      <c r="C942" s="16"/>
      <c r="D942" s="16"/>
      <c r="E942" s="16"/>
      <c r="F942" s="16"/>
      <c r="G942" s="16"/>
      <c r="H942" s="16"/>
      <c r="I942" s="16"/>
      <c r="J942" s="16"/>
    </row>
    <row r="943" spans="2:10" s="4" customFormat="1" x14ac:dyDescent="0.2">
      <c r="B943" s="16"/>
      <c r="C943" s="16"/>
      <c r="D943" s="16"/>
      <c r="E943" s="16"/>
      <c r="F943" s="16"/>
      <c r="G943" s="16"/>
      <c r="H943" s="16"/>
      <c r="I943" s="16"/>
      <c r="J943" s="16"/>
    </row>
    <row r="944" spans="2:10" s="4" customFormat="1" x14ac:dyDescent="0.2">
      <c r="B944" s="16"/>
      <c r="C944" s="16"/>
      <c r="D944" s="16"/>
      <c r="E944" s="16"/>
      <c r="F944" s="16"/>
      <c r="G944" s="16"/>
      <c r="H944" s="16"/>
      <c r="I944" s="16"/>
      <c r="J944" s="16"/>
    </row>
    <row r="945" spans="2:10" s="4" customFormat="1" x14ac:dyDescent="0.2">
      <c r="B945" s="16"/>
      <c r="C945" s="16"/>
      <c r="D945" s="16"/>
      <c r="E945" s="16"/>
      <c r="F945" s="16"/>
      <c r="G945" s="16"/>
      <c r="H945" s="16"/>
      <c r="I945" s="16"/>
      <c r="J945" s="16"/>
    </row>
    <row r="946" spans="2:10" s="4" customFormat="1" x14ac:dyDescent="0.2">
      <c r="B946" s="16"/>
      <c r="C946" s="16"/>
      <c r="D946" s="16"/>
      <c r="E946" s="16"/>
      <c r="F946" s="16"/>
      <c r="G946" s="16"/>
      <c r="H946" s="16"/>
      <c r="I946" s="16"/>
      <c r="J946" s="16"/>
    </row>
    <row r="947" spans="2:10" s="4" customFormat="1" x14ac:dyDescent="0.2">
      <c r="B947" s="16"/>
      <c r="C947" s="16"/>
      <c r="D947" s="16"/>
      <c r="E947" s="16"/>
      <c r="F947" s="16"/>
      <c r="G947" s="16"/>
      <c r="H947" s="16"/>
      <c r="I947" s="16"/>
      <c r="J947" s="16"/>
    </row>
    <row r="948" spans="2:10" s="4" customFormat="1" x14ac:dyDescent="0.2">
      <c r="B948" s="16"/>
      <c r="C948" s="16"/>
      <c r="D948" s="16"/>
      <c r="E948" s="16"/>
      <c r="F948" s="16"/>
      <c r="G948" s="16"/>
      <c r="H948" s="16"/>
      <c r="I948" s="16"/>
      <c r="J948" s="16"/>
    </row>
    <row r="949" spans="2:10" s="4" customFormat="1" x14ac:dyDescent="0.2">
      <c r="B949" s="16"/>
      <c r="C949" s="16"/>
      <c r="D949" s="16"/>
      <c r="E949" s="16"/>
      <c r="F949" s="16"/>
      <c r="G949" s="16"/>
      <c r="H949" s="16"/>
      <c r="I949" s="16"/>
      <c r="J949" s="16"/>
    </row>
    <row r="950" spans="2:10" s="4" customFormat="1" x14ac:dyDescent="0.2">
      <c r="B950" s="16"/>
      <c r="C950" s="16"/>
      <c r="D950" s="16"/>
      <c r="E950" s="16"/>
      <c r="F950" s="16"/>
      <c r="G950" s="16"/>
      <c r="H950" s="16"/>
      <c r="I950" s="16"/>
      <c r="J950" s="16"/>
    </row>
    <row r="951" spans="2:10" s="4" customFormat="1" x14ac:dyDescent="0.2">
      <c r="B951" s="16"/>
      <c r="C951" s="16"/>
      <c r="D951" s="16"/>
      <c r="E951" s="16"/>
      <c r="F951" s="16"/>
      <c r="G951" s="16"/>
      <c r="H951" s="16"/>
      <c r="I951" s="16"/>
      <c r="J951" s="16"/>
    </row>
    <row r="952" spans="2:10" s="4" customFormat="1" x14ac:dyDescent="0.2">
      <c r="B952" s="16"/>
      <c r="C952" s="16"/>
      <c r="D952" s="16"/>
      <c r="E952" s="16"/>
      <c r="F952" s="16"/>
      <c r="G952" s="16"/>
      <c r="H952" s="16"/>
      <c r="I952" s="16"/>
      <c r="J952" s="16"/>
    </row>
    <row r="953" spans="2:10" s="4" customFormat="1" x14ac:dyDescent="0.2">
      <c r="B953" s="16"/>
      <c r="C953" s="16"/>
      <c r="D953" s="16"/>
      <c r="E953" s="16"/>
      <c r="F953" s="16"/>
      <c r="G953" s="16"/>
      <c r="H953" s="16"/>
      <c r="I953" s="16"/>
      <c r="J953" s="16"/>
    </row>
    <row r="954" spans="2:10" s="4" customFormat="1" x14ac:dyDescent="0.2">
      <c r="B954" s="16"/>
      <c r="C954" s="16"/>
      <c r="D954" s="16"/>
      <c r="E954" s="16"/>
      <c r="F954" s="16"/>
      <c r="G954" s="16"/>
      <c r="H954" s="16"/>
      <c r="I954" s="16"/>
      <c r="J954" s="16"/>
    </row>
    <row r="955" spans="2:10" s="4" customFormat="1" x14ac:dyDescent="0.2">
      <c r="B955" s="16"/>
      <c r="C955" s="16"/>
      <c r="D955" s="16"/>
      <c r="E955" s="16"/>
      <c r="F955" s="16"/>
      <c r="G955" s="16"/>
      <c r="H955" s="16"/>
      <c r="I955" s="16"/>
      <c r="J955" s="16"/>
    </row>
    <row r="956" spans="2:10" s="4" customFormat="1" x14ac:dyDescent="0.2">
      <c r="B956" s="16"/>
      <c r="C956" s="16"/>
      <c r="D956" s="16"/>
      <c r="E956" s="16"/>
      <c r="F956" s="16"/>
      <c r="G956" s="16"/>
      <c r="H956" s="16"/>
      <c r="I956" s="16"/>
      <c r="J956" s="16"/>
    </row>
    <row r="957" spans="2:10" s="4" customFormat="1" x14ac:dyDescent="0.2">
      <c r="B957" s="16"/>
      <c r="C957" s="16"/>
      <c r="D957" s="16"/>
      <c r="E957" s="16"/>
      <c r="F957" s="16"/>
      <c r="G957" s="16"/>
      <c r="H957" s="16"/>
      <c r="I957" s="16"/>
      <c r="J957" s="16"/>
    </row>
    <row r="958" spans="2:10" s="4" customFormat="1" x14ac:dyDescent="0.2">
      <c r="B958" s="16"/>
      <c r="C958" s="16"/>
      <c r="D958" s="16"/>
      <c r="E958" s="16"/>
      <c r="F958" s="16"/>
      <c r="G958" s="16"/>
      <c r="H958" s="16"/>
      <c r="I958" s="16"/>
      <c r="J958" s="16"/>
    </row>
    <row r="959" spans="2:10" s="4" customFormat="1" x14ac:dyDescent="0.2">
      <c r="B959" s="16"/>
      <c r="C959" s="16"/>
      <c r="D959" s="16"/>
      <c r="E959" s="16"/>
      <c r="F959" s="16"/>
      <c r="G959" s="16"/>
      <c r="H959" s="16"/>
      <c r="I959" s="16"/>
      <c r="J959" s="16"/>
    </row>
    <row r="960" spans="2:10" s="4" customFormat="1" x14ac:dyDescent="0.2">
      <c r="B960" s="16"/>
      <c r="C960" s="16"/>
      <c r="D960" s="16"/>
      <c r="E960" s="16"/>
      <c r="F960" s="16"/>
      <c r="G960" s="16"/>
      <c r="H960" s="16"/>
      <c r="I960" s="16"/>
      <c r="J960" s="16"/>
    </row>
    <row r="961" spans="2:10" s="4" customFormat="1" x14ac:dyDescent="0.2">
      <c r="B961" s="16"/>
      <c r="C961" s="16"/>
      <c r="D961" s="16"/>
      <c r="E961" s="16"/>
      <c r="F961" s="16"/>
      <c r="G961" s="16"/>
      <c r="H961" s="16"/>
      <c r="I961" s="16"/>
      <c r="J961" s="16"/>
    </row>
    <row r="962" spans="2:10" s="4" customFormat="1" x14ac:dyDescent="0.2">
      <c r="B962" s="16"/>
      <c r="C962" s="16"/>
      <c r="D962" s="16"/>
      <c r="E962" s="16"/>
      <c r="F962" s="16"/>
      <c r="G962" s="16"/>
      <c r="H962" s="16"/>
      <c r="I962" s="16"/>
      <c r="J962" s="16"/>
    </row>
    <row r="963" spans="2:10" s="4" customFormat="1" x14ac:dyDescent="0.2">
      <c r="B963" s="16"/>
      <c r="C963" s="16"/>
      <c r="D963" s="16"/>
      <c r="E963" s="16"/>
      <c r="F963" s="16"/>
      <c r="G963" s="16"/>
      <c r="H963" s="16"/>
      <c r="I963" s="16"/>
      <c r="J963" s="16"/>
    </row>
    <row r="964" spans="2:10" s="4" customFormat="1" x14ac:dyDescent="0.2">
      <c r="B964" s="16"/>
      <c r="C964" s="16"/>
      <c r="D964" s="16"/>
      <c r="E964" s="16"/>
      <c r="F964" s="16"/>
      <c r="G964" s="16"/>
      <c r="H964" s="16"/>
      <c r="I964" s="16"/>
      <c r="J964" s="16"/>
    </row>
    <row r="965" spans="2:10" s="4" customFormat="1" x14ac:dyDescent="0.2">
      <c r="B965" s="16"/>
      <c r="C965" s="16"/>
      <c r="D965" s="16"/>
      <c r="E965" s="16"/>
      <c r="F965" s="16"/>
      <c r="G965" s="16"/>
      <c r="H965" s="16"/>
      <c r="I965" s="16"/>
      <c r="J965" s="16"/>
    </row>
    <row r="966" spans="2:10" s="4" customFormat="1" x14ac:dyDescent="0.2">
      <c r="B966" s="16"/>
      <c r="C966" s="16"/>
      <c r="D966" s="16"/>
      <c r="E966" s="16"/>
      <c r="F966" s="16"/>
      <c r="G966" s="16"/>
      <c r="H966" s="16"/>
      <c r="I966" s="16"/>
      <c r="J966" s="16"/>
    </row>
    <row r="967" spans="2:10" s="4" customFormat="1" x14ac:dyDescent="0.2">
      <c r="B967" s="16"/>
      <c r="C967" s="16"/>
      <c r="D967" s="16"/>
      <c r="E967" s="16"/>
      <c r="F967" s="16"/>
      <c r="G967" s="16"/>
      <c r="H967" s="16"/>
      <c r="I967" s="16"/>
      <c r="J967" s="16"/>
    </row>
    <row r="968" spans="2:10" s="4" customFormat="1" x14ac:dyDescent="0.2">
      <c r="B968" s="16"/>
      <c r="C968" s="16"/>
      <c r="D968" s="16"/>
      <c r="E968" s="16"/>
      <c r="F968" s="16"/>
      <c r="G968" s="16"/>
      <c r="H968" s="16"/>
      <c r="I968" s="16"/>
      <c r="J968" s="16"/>
    </row>
    <row r="969" spans="2:10" s="4" customFormat="1" x14ac:dyDescent="0.2">
      <c r="B969" s="16"/>
      <c r="C969" s="16"/>
      <c r="D969" s="16"/>
      <c r="E969" s="16"/>
      <c r="F969" s="16"/>
      <c r="G969" s="16"/>
      <c r="H969" s="16"/>
      <c r="I969" s="16"/>
      <c r="J969" s="16"/>
    </row>
    <row r="970" spans="2:10" s="4" customFormat="1" x14ac:dyDescent="0.2">
      <c r="B970" s="16"/>
      <c r="C970" s="16"/>
      <c r="D970" s="16"/>
      <c r="E970" s="16"/>
      <c r="F970" s="16"/>
      <c r="G970" s="16"/>
      <c r="H970" s="16"/>
      <c r="I970" s="16"/>
      <c r="J970" s="16"/>
    </row>
    <row r="971" spans="2:10" s="4" customFormat="1" x14ac:dyDescent="0.2">
      <c r="B971" s="16"/>
      <c r="C971" s="16"/>
      <c r="D971" s="16"/>
      <c r="E971" s="16"/>
      <c r="F971" s="16"/>
      <c r="G971" s="16"/>
      <c r="H971" s="16"/>
      <c r="I971" s="16"/>
      <c r="J971" s="16"/>
    </row>
    <row r="972" spans="2:10" s="4" customFormat="1" x14ac:dyDescent="0.2">
      <c r="B972" s="16"/>
      <c r="C972" s="16"/>
      <c r="D972" s="16"/>
      <c r="E972" s="16"/>
      <c r="F972" s="16"/>
      <c r="G972" s="16"/>
      <c r="H972" s="16"/>
      <c r="I972" s="16"/>
      <c r="J972" s="16"/>
    </row>
    <row r="973" spans="2:10" s="4" customFormat="1" x14ac:dyDescent="0.2">
      <c r="B973" s="16"/>
      <c r="C973" s="16"/>
      <c r="D973" s="16"/>
      <c r="E973" s="16"/>
      <c r="F973" s="16"/>
      <c r="G973" s="16"/>
      <c r="H973" s="16"/>
      <c r="I973" s="16"/>
      <c r="J973" s="16"/>
    </row>
    <row r="974" spans="2:10" s="4" customFormat="1" x14ac:dyDescent="0.2">
      <c r="B974" s="16"/>
      <c r="C974" s="16"/>
      <c r="D974" s="16"/>
      <c r="E974" s="16"/>
      <c r="F974" s="16"/>
      <c r="G974" s="16"/>
      <c r="H974" s="16"/>
      <c r="I974" s="16"/>
      <c r="J974" s="16"/>
    </row>
    <row r="975" spans="2:10" s="4" customFormat="1" x14ac:dyDescent="0.2">
      <c r="B975" s="16"/>
      <c r="C975" s="16"/>
      <c r="D975" s="16"/>
      <c r="E975" s="16"/>
      <c r="F975" s="16"/>
      <c r="G975" s="16"/>
      <c r="H975" s="16"/>
      <c r="I975" s="16"/>
      <c r="J975" s="16"/>
    </row>
    <row r="976" spans="2:10" s="4" customFormat="1" x14ac:dyDescent="0.2">
      <c r="B976" s="16"/>
      <c r="C976" s="16"/>
      <c r="D976" s="16"/>
      <c r="E976" s="16"/>
      <c r="F976" s="16"/>
      <c r="G976" s="16"/>
      <c r="H976" s="16"/>
      <c r="I976" s="16"/>
      <c r="J976" s="16"/>
    </row>
    <row r="977" spans="2:10" s="4" customFormat="1" x14ac:dyDescent="0.2">
      <c r="B977" s="16"/>
      <c r="C977" s="16"/>
      <c r="D977" s="16"/>
      <c r="E977" s="16"/>
      <c r="F977" s="16"/>
      <c r="G977" s="16"/>
      <c r="H977" s="16"/>
      <c r="I977" s="16"/>
      <c r="J977" s="16"/>
    </row>
    <row r="978" spans="2:10" s="4" customFormat="1" x14ac:dyDescent="0.2">
      <c r="B978" s="16"/>
      <c r="C978" s="16"/>
      <c r="D978" s="16"/>
      <c r="E978" s="16"/>
      <c r="F978" s="16"/>
      <c r="G978" s="16"/>
      <c r="H978" s="16"/>
      <c r="I978" s="16"/>
      <c r="J978" s="16"/>
    </row>
    <row r="979" spans="2:10" s="4" customFormat="1" x14ac:dyDescent="0.2">
      <c r="B979" s="16"/>
      <c r="C979" s="16"/>
      <c r="D979" s="16"/>
      <c r="E979" s="16"/>
      <c r="F979" s="16"/>
      <c r="G979" s="16"/>
      <c r="H979" s="16"/>
      <c r="I979" s="16"/>
      <c r="J979" s="16"/>
    </row>
    <row r="980" spans="2:10" s="4" customFormat="1" x14ac:dyDescent="0.2">
      <c r="B980" s="16"/>
      <c r="C980" s="16"/>
      <c r="D980" s="16"/>
      <c r="E980" s="16"/>
      <c r="F980" s="16"/>
      <c r="G980" s="16"/>
      <c r="H980" s="16"/>
      <c r="I980" s="16"/>
      <c r="J980" s="16"/>
    </row>
    <row r="981" spans="2:10" s="4" customFormat="1" x14ac:dyDescent="0.2">
      <c r="B981" s="16"/>
      <c r="C981" s="16"/>
      <c r="D981" s="16"/>
      <c r="E981" s="16"/>
      <c r="F981" s="16"/>
      <c r="G981" s="16"/>
      <c r="H981" s="16"/>
      <c r="I981" s="16"/>
      <c r="J981" s="16"/>
    </row>
    <row r="982" spans="2:10" s="4" customFormat="1" x14ac:dyDescent="0.2">
      <c r="B982" s="16"/>
      <c r="C982" s="16"/>
      <c r="D982" s="16"/>
      <c r="E982" s="16"/>
      <c r="F982" s="16"/>
      <c r="G982" s="16"/>
      <c r="H982" s="16"/>
      <c r="I982" s="16"/>
      <c r="J982" s="16"/>
    </row>
    <row r="983" spans="2:10" s="4" customFormat="1" x14ac:dyDescent="0.2">
      <c r="B983" s="16"/>
      <c r="C983" s="16"/>
      <c r="D983" s="16"/>
      <c r="E983" s="16"/>
      <c r="F983" s="16"/>
      <c r="G983" s="16"/>
      <c r="H983" s="16"/>
      <c r="I983" s="16"/>
      <c r="J983" s="16"/>
    </row>
    <row r="984" spans="2:10" s="4" customFormat="1" x14ac:dyDescent="0.2">
      <c r="B984" s="16"/>
      <c r="C984" s="16"/>
      <c r="D984" s="16"/>
      <c r="E984" s="16"/>
      <c r="F984" s="16"/>
      <c r="G984" s="16"/>
      <c r="H984" s="16"/>
      <c r="I984" s="16"/>
      <c r="J984" s="16"/>
    </row>
    <row r="985" spans="2:10" s="4" customFormat="1" x14ac:dyDescent="0.2">
      <c r="B985" s="16"/>
      <c r="C985" s="16"/>
      <c r="D985" s="16"/>
      <c r="E985" s="16"/>
      <c r="F985" s="16"/>
      <c r="G985" s="16"/>
      <c r="H985" s="16"/>
      <c r="I985" s="16"/>
      <c r="J985" s="16"/>
    </row>
    <row r="986" spans="2:10" s="4" customFormat="1" x14ac:dyDescent="0.2">
      <c r="B986" s="16"/>
      <c r="C986" s="16"/>
      <c r="D986" s="16"/>
      <c r="E986" s="16"/>
      <c r="F986" s="16"/>
      <c r="G986" s="16"/>
      <c r="H986" s="16"/>
      <c r="I986" s="16"/>
      <c r="J986" s="16"/>
    </row>
    <row r="987" spans="2:10" s="4" customFormat="1" x14ac:dyDescent="0.2">
      <c r="B987" s="16"/>
      <c r="C987" s="16"/>
      <c r="D987" s="16"/>
      <c r="E987" s="16"/>
      <c r="F987" s="16"/>
      <c r="G987" s="16"/>
      <c r="H987" s="16"/>
      <c r="I987" s="16"/>
      <c r="J987" s="16"/>
    </row>
    <row r="988" spans="2:10" s="4" customFormat="1" x14ac:dyDescent="0.2">
      <c r="B988" s="16"/>
      <c r="C988" s="16"/>
      <c r="D988" s="16"/>
      <c r="E988" s="16"/>
      <c r="F988" s="16"/>
      <c r="G988" s="16"/>
      <c r="H988" s="16"/>
      <c r="I988" s="16"/>
      <c r="J988" s="16"/>
    </row>
    <row r="989" spans="2:10" s="4" customFormat="1" x14ac:dyDescent="0.2">
      <c r="B989" s="16"/>
      <c r="C989" s="16"/>
      <c r="D989" s="16"/>
      <c r="E989" s="16"/>
      <c r="F989" s="16"/>
      <c r="G989" s="16"/>
      <c r="H989" s="16"/>
      <c r="I989" s="16"/>
      <c r="J989" s="16"/>
    </row>
    <row r="990" spans="2:10" s="4" customFormat="1" x14ac:dyDescent="0.2">
      <c r="B990" s="16"/>
      <c r="C990" s="16"/>
      <c r="D990" s="16"/>
      <c r="E990" s="16"/>
      <c r="F990" s="16"/>
      <c r="G990" s="16"/>
      <c r="H990" s="16"/>
      <c r="I990" s="16"/>
      <c r="J990" s="16"/>
    </row>
    <row r="991" spans="2:10" s="4" customFormat="1" x14ac:dyDescent="0.2">
      <c r="B991" s="16"/>
      <c r="C991" s="16"/>
      <c r="D991" s="16"/>
      <c r="E991" s="16"/>
      <c r="F991" s="16"/>
      <c r="G991" s="16"/>
      <c r="H991" s="16"/>
      <c r="I991" s="16"/>
      <c r="J991" s="16"/>
    </row>
    <row r="992" spans="2:10" s="4" customFormat="1" x14ac:dyDescent="0.2">
      <c r="B992" s="16"/>
      <c r="C992" s="16"/>
      <c r="D992" s="16"/>
      <c r="E992" s="16"/>
      <c r="F992" s="16"/>
      <c r="G992" s="16"/>
      <c r="H992" s="16"/>
      <c r="I992" s="16"/>
      <c r="J992" s="16"/>
    </row>
    <row r="993" spans="2:10" s="4" customFormat="1" x14ac:dyDescent="0.2">
      <c r="B993" s="16"/>
      <c r="C993" s="16"/>
      <c r="D993" s="16"/>
      <c r="E993" s="16"/>
      <c r="F993" s="16"/>
      <c r="G993" s="16"/>
      <c r="H993" s="16"/>
      <c r="I993" s="16"/>
      <c r="J993" s="16"/>
    </row>
    <row r="994" spans="2:10" s="4" customFormat="1" x14ac:dyDescent="0.2">
      <c r="B994" s="16"/>
      <c r="C994" s="16"/>
      <c r="D994" s="16"/>
      <c r="E994" s="16"/>
      <c r="F994" s="16"/>
      <c r="G994" s="16"/>
      <c r="H994" s="16"/>
      <c r="I994" s="16"/>
      <c r="J994" s="16"/>
    </row>
    <row r="995" spans="2:10" s="4" customFormat="1" x14ac:dyDescent="0.2">
      <c r="B995" s="16"/>
      <c r="C995" s="16"/>
      <c r="D995" s="16"/>
      <c r="E995" s="16"/>
      <c r="F995" s="16"/>
      <c r="G995" s="16"/>
      <c r="H995" s="16"/>
      <c r="I995" s="16"/>
      <c r="J995" s="16"/>
    </row>
    <row r="996" spans="2:10" s="4" customFormat="1" x14ac:dyDescent="0.2">
      <c r="B996" s="16"/>
      <c r="C996" s="16"/>
      <c r="D996" s="16"/>
      <c r="E996" s="16"/>
      <c r="F996" s="16"/>
      <c r="G996" s="16"/>
      <c r="H996" s="16"/>
      <c r="I996" s="16"/>
      <c r="J996" s="16"/>
    </row>
    <row r="997" spans="2:10" s="4" customFormat="1" x14ac:dyDescent="0.2">
      <c r="B997" s="16"/>
      <c r="C997" s="16"/>
      <c r="D997" s="16"/>
      <c r="E997" s="16"/>
      <c r="F997" s="16"/>
      <c r="G997" s="16"/>
      <c r="H997" s="16"/>
      <c r="I997" s="16"/>
      <c r="J997" s="16"/>
    </row>
    <row r="998" spans="2:10" s="4" customFormat="1" x14ac:dyDescent="0.2">
      <c r="B998" s="16"/>
      <c r="C998" s="16"/>
      <c r="D998" s="16"/>
      <c r="E998" s="16"/>
      <c r="F998" s="16"/>
      <c r="G998" s="16"/>
      <c r="H998" s="16"/>
      <c r="I998" s="16"/>
      <c r="J998" s="16"/>
    </row>
    <row r="999" spans="2:10" s="4" customFormat="1" x14ac:dyDescent="0.2">
      <c r="B999" s="16"/>
      <c r="C999" s="16"/>
      <c r="D999" s="16"/>
      <c r="E999" s="16"/>
      <c r="F999" s="16"/>
      <c r="G999" s="16"/>
      <c r="H999" s="16"/>
      <c r="I999" s="16"/>
      <c r="J999" s="16"/>
    </row>
    <row r="1000" spans="2:10" s="4" customFormat="1" x14ac:dyDescent="0.2">
      <c r="B1000" s="16"/>
      <c r="C1000" s="16"/>
      <c r="D1000" s="16"/>
      <c r="E1000" s="16"/>
      <c r="F1000" s="16"/>
      <c r="G1000" s="16"/>
      <c r="H1000" s="16"/>
      <c r="I1000" s="16"/>
      <c r="J1000" s="16"/>
    </row>
    <row r="1001" spans="2:10" s="4" customFormat="1" x14ac:dyDescent="0.2">
      <c r="B1001" s="16"/>
      <c r="C1001" s="16"/>
      <c r="D1001" s="16"/>
      <c r="E1001" s="16"/>
      <c r="F1001" s="16"/>
      <c r="G1001" s="16"/>
      <c r="H1001" s="16"/>
      <c r="I1001" s="16"/>
      <c r="J1001" s="16"/>
    </row>
    <row r="1002" spans="2:10" s="4" customFormat="1" x14ac:dyDescent="0.2">
      <c r="B1002" s="16"/>
      <c r="C1002" s="16"/>
      <c r="D1002" s="16"/>
      <c r="E1002" s="16"/>
      <c r="F1002" s="16"/>
      <c r="G1002" s="16"/>
      <c r="H1002" s="16"/>
      <c r="I1002" s="16"/>
      <c r="J1002" s="16"/>
    </row>
    <row r="1003" spans="2:10" s="4" customFormat="1" x14ac:dyDescent="0.2">
      <c r="B1003" s="16"/>
      <c r="C1003" s="16"/>
      <c r="D1003" s="16"/>
      <c r="E1003" s="16"/>
      <c r="F1003" s="16"/>
      <c r="G1003" s="16"/>
      <c r="H1003" s="16"/>
      <c r="I1003" s="16"/>
      <c r="J1003" s="16"/>
    </row>
    <row r="1004" spans="2:10" s="4" customFormat="1" x14ac:dyDescent="0.2">
      <c r="B1004" s="16"/>
      <c r="C1004" s="16"/>
      <c r="D1004" s="16"/>
      <c r="E1004" s="16"/>
      <c r="F1004" s="16"/>
      <c r="G1004" s="16"/>
      <c r="H1004" s="16"/>
      <c r="I1004" s="16"/>
      <c r="J1004" s="16"/>
    </row>
    <row r="1005" spans="2:10" s="4" customFormat="1" x14ac:dyDescent="0.2">
      <c r="B1005" s="16"/>
      <c r="C1005" s="16"/>
      <c r="D1005" s="16"/>
      <c r="E1005" s="16"/>
      <c r="F1005" s="16"/>
      <c r="G1005" s="16"/>
      <c r="H1005" s="16"/>
      <c r="I1005" s="16"/>
      <c r="J1005" s="16"/>
    </row>
    <row r="1006" spans="2:10" s="4" customFormat="1" x14ac:dyDescent="0.2">
      <c r="B1006" s="16"/>
      <c r="C1006" s="16"/>
      <c r="D1006" s="16"/>
      <c r="E1006" s="16"/>
      <c r="F1006" s="16"/>
      <c r="G1006" s="16"/>
      <c r="H1006" s="16"/>
      <c r="I1006" s="16"/>
      <c r="J1006" s="16"/>
    </row>
    <row r="1007" spans="2:10" s="4" customFormat="1" x14ac:dyDescent="0.2">
      <c r="B1007" s="16"/>
      <c r="C1007" s="16"/>
      <c r="D1007" s="16"/>
      <c r="E1007" s="16"/>
      <c r="F1007" s="16"/>
      <c r="G1007" s="16"/>
      <c r="H1007" s="16"/>
      <c r="I1007" s="16"/>
      <c r="J1007" s="16"/>
    </row>
    <row r="1008" spans="2:10" s="4" customFormat="1" x14ac:dyDescent="0.2">
      <c r="B1008" s="16"/>
      <c r="C1008" s="16"/>
      <c r="D1008" s="16"/>
      <c r="E1008" s="16"/>
      <c r="F1008" s="16"/>
      <c r="G1008" s="16"/>
      <c r="H1008" s="16"/>
      <c r="I1008" s="16"/>
      <c r="J1008" s="16"/>
    </row>
    <row r="1009" spans="2:10" s="4" customFormat="1" x14ac:dyDescent="0.2">
      <c r="B1009" s="16"/>
      <c r="C1009" s="16"/>
      <c r="D1009" s="16"/>
      <c r="E1009" s="16"/>
      <c r="F1009" s="16"/>
      <c r="G1009" s="16"/>
      <c r="H1009" s="16"/>
      <c r="I1009" s="16"/>
      <c r="J1009" s="16"/>
    </row>
    <row r="1010" spans="2:10" s="4" customFormat="1" x14ac:dyDescent="0.2">
      <c r="B1010" s="16"/>
      <c r="C1010" s="16"/>
      <c r="D1010" s="16"/>
      <c r="E1010" s="16"/>
      <c r="F1010" s="16"/>
      <c r="G1010" s="16"/>
      <c r="H1010" s="16"/>
      <c r="I1010" s="16"/>
      <c r="J1010" s="16"/>
    </row>
    <row r="1011" spans="2:10" s="4" customFormat="1" x14ac:dyDescent="0.2">
      <c r="B1011" s="16"/>
      <c r="C1011" s="16"/>
      <c r="D1011" s="16"/>
      <c r="E1011" s="16"/>
      <c r="F1011" s="16"/>
      <c r="G1011" s="16"/>
      <c r="H1011" s="16"/>
      <c r="I1011" s="16"/>
      <c r="J1011" s="16"/>
    </row>
    <row r="1012" spans="2:10" s="4" customFormat="1" x14ac:dyDescent="0.2">
      <c r="B1012" s="16"/>
      <c r="C1012" s="16"/>
      <c r="D1012" s="16"/>
      <c r="E1012" s="16"/>
      <c r="F1012" s="16"/>
      <c r="G1012" s="16"/>
      <c r="H1012" s="16"/>
      <c r="I1012" s="16"/>
      <c r="J1012" s="16"/>
    </row>
    <row r="1013" spans="2:10" s="4" customFormat="1" x14ac:dyDescent="0.2">
      <c r="B1013" s="16"/>
      <c r="C1013" s="16"/>
      <c r="D1013" s="16"/>
      <c r="E1013" s="16"/>
      <c r="F1013" s="16"/>
      <c r="G1013" s="16"/>
      <c r="H1013" s="16"/>
      <c r="I1013" s="16"/>
      <c r="J1013" s="16"/>
    </row>
    <row r="1014" spans="2:10" s="4" customFormat="1" x14ac:dyDescent="0.2">
      <c r="B1014" s="16"/>
      <c r="C1014" s="16"/>
      <c r="D1014" s="16"/>
      <c r="E1014" s="16"/>
      <c r="F1014" s="16"/>
      <c r="G1014" s="16"/>
      <c r="H1014" s="16"/>
      <c r="I1014" s="16"/>
      <c r="J1014" s="16"/>
    </row>
    <row r="1015" spans="2:10" s="4" customFormat="1" x14ac:dyDescent="0.2">
      <c r="B1015" s="16"/>
      <c r="C1015" s="16"/>
      <c r="D1015" s="16"/>
      <c r="E1015" s="16"/>
      <c r="F1015" s="16"/>
      <c r="G1015" s="16"/>
      <c r="H1015" s="16"/>
      <c r="I1015" s="16"/>
      <c r="J1015" s="16"/>
    </row>
    <row r="1016" spans="2:10" s="4" customFormat="1" x14ac:dyDescent="0.2">
      <c r="B1016" s="16"/>
      <c r="C1016" s="16"/>
      <c r="D1016" s="16"/>
      <c r="E1016" s="16"/>
      <c r="F1016" s="16"/>
      <c r="G1016" s="16"/>
      <c r="H1016" s="16"/>
      <c r="I1016" s="16"/>
      <c r="J1016" s="16"/>
    </row>
    <row r="1017" spans="2:10" s="4" customFormat="1" x14ac:dyDescent="0.2">
      <c r="B1017" s="16"/>
      <c r="C1017" s="16"/>
      <c r="D1017" s="16"/>
      <c r="E1017" s="16"/>
      <c r="F1017" s="16"/>
      <c r="G1017" s="16"/>
      <c r="H1017" s="16"/>
      <c r="I1017" s="16"/>
      <c r="J1017" s="16"/>
    </row>
    <row r="1018" spans="2:10" s="4" customFormat="1" x14ac:dyDescent="0.2">
      <c r="B1018" s="16"/>
      <c r="C1018" s="16"/>
      <c r="D1018" s="16"/>
      <c r="E1018" s="16"/>
      <c r="F1018" s="16"/>
      <c r="G1018" s="16"/>
      <c r="H1018" s="16"/>
      <c r="I1018" s="16"/>
      <c r="J1018" s="16"/>
    </row>
    <row r="1019" spans="2:10" s="4" customFormat="1" x14ac:dyDescent="0.2">
      <c r="B1019" s="16"/>
      <c r="C1019" s="16"/>
      <c r="D1019" s="16"/>
      <c r="E1019" s="16"/>
      <c r="F1019" s="16"/>
      <c r="G1019" s="16"/>
      <c r="H1019" s="16"/>
      <c r="I1019" s="16"/>
      <c r="J1019" s="16"/>
    </row>
    <row r="1020" spans="2:10" s="4" customFormat="1" x14ac:dyDescent="0.2">
      <c r="B1020" s="16"/>
      <c r="C1020" s="16"/>
      <c r="D1020" s="16"/>
      <c r="E1020" s="16"/>
      <c r="F1020" s="16"/>
      <c r="G1020" s="16"/>
      <c r="H1020" s="16"/>
      <c r="I1020" s="16"/>
      <c r="J1020" s="16"/>
    </row>
    <row r="1021" spans="2:10" s="4" customFormat="1" x14ac:dyDescent="0.2">
      <c r="B1021" s="16"/>
      <c r="C1021" s="16"/>
      <c r="D1021" s="16"/>
      <c r="E1021" s="16"/>
      <c r="F1021" s="16"/>
      <c r="G1021" s="16"/>
      <c r="H1021" s="16"/>
      <c r="I1021" s="16"/>
      <c r="J1021" s="16"/>
    </row>
    <row r="1022" spans="2:10" s="4" customFormat="1" x14ac:dyDescent="0.2">
      <c r="B1022" s="16"/>
      <c r="C1022" s="16"/>
      <c r="D1022" s="16"/>
      <c r="E1022" s="16"/>
      <c r="F1022" s="16"/>
      <c r="G1022" s="16"/>
      <c r="H1022" s="16"/>
      <c r="I1022" s="16"/>
      <c r="J1022" s="16"/>
    </row>
    <row r="1023" spans="2:10" s="4" customFormat="1" x14ac:dyDescent="0.2">
      <c r="B1023" s="16"/>
      <c r="C1023" s="16"/>
      <c r="D1023" s="16"/>
      <c r="E1023" s="16"/>
      <c r="F1023" s="16"/>
      <c r="G1023" s="16"/>
      <c r="H1023" s="16"/>
      <c r="I1023" s="16"/>
      <c r="J1023" s="16"/>
    </row>
    <row r="1024" spans="2:10" s="4" customFormat="1" x14ac:dyDescent="0.2">
      <c r="B1024" s="16"/>
      <c r="C1024" s="16"/>
      <c r="D1024" s="16"/>
      <c r="E1024" s="16"/>
      <c r="F1024" s="16"/>
      <c r="G1024" s="16"/>
      <c r="H1024" s="16"/>
      <c r="I1024" s="16"/>
      <c r="J1024" s="16"/>
    </row>
    <row r="1025" spans="2:10" s="4" customFormat="1" x14ac:dyDescent="0.2">
      <c r="B1025" s="16"/>
      <c r="C1025" s="16"/>
      <c r="D1025" s="16"/>
      <c r="E1025" s="16"/>
      <c r="F1025" s="16"/>
      <c r="G1025" s="16"/>
      <c r="H1025" s="16"/>
      <c r="I1025" s="16"/>
      <c r="J1025" s="16"/>
    </row>
    <row r="1026" spans="2:10" s="4" customFormat="1" x14ac:dyDescent="0.2">
      <c r="B1026" s="16"/>
      <c r="C1026" s="16"/>
      <c r="D1026" s="16"/>
      <c r="E1026" s="16"/>
      <c r="F1026" s="16"/>
      <c r="G1026" s="16"/>
      <c r="H1026" s="16"/>
      <c r="I1026" s="16"/>
      <c r="J1026" s="16"/>
    </row>
    <row r="1027" spans="2:10" s="4" customFormat="1" x14ac:dyDescent="0.2">
      <c r="B1027" s="16"/>
      <c r="C1027" s="16"/>
      <c r="D1027" s="16"/>
      <c r="E1027" s="16"/>
      <c r="F1027" s="16"/>
      <c r="G1027" s="16"/>
      <c r="H1027" s="16"/>
      <c r="I1027" s="16"/>
      <c r="J1027" s="16"/>
    </row>
    <row r="1028" spans="2:10" s="4" customFormat="1" x14ac:dyDescent="0.2">
      <c r="B1028" s="16"/>
      <c r="C1028" s="16"/>
      <c r="D1028" s="16"/>
      <c r="E1028" s="16"/>
      <c r="F1028" s="16"/>
      <c r="G1028" s="16"/>
      <c r="H1028" s="16"/>
      <c r="I1028" s="16"/>
      <c r="J1028" s="16"/>
    </row>
    <row r="1029" spans="2:10" s="4" customFormat="1" x14ac:dyDescent="0.2">
      <c r="B1029" s="16"/>
      <c r="C1029" s="16"/>
      <c r="D1029" s="16"/>
      <c r="E1029" s="16"/>
      <c r="F1029" s="16"/>
      <c r="G1029" s="16"/>
      <c r="H1029" s="16"/>
      <c r="I1029" s="16"/>
      <c r="J1029" s="16"/>
    </row>
    <row r="1030" spans="2:10" s="4" customFormat="1" x14ac:dyDescent="0.2">
      <c r="B1030" s="16"/>
      <c r="C1030" s="16"/>
      <c r="D1030" s="16"/>
      <c r="E1030" s="16"/>
      <c r="F1030" s="16"/>
      <c r="G1030" s="16"/>
      <c r="H1030" s="16"/>
      <c r="I1030" s="16"/>
      <c r="J1030" s="16"/>
    </row>
    <row r="1031" spans="2:10" s="4" customFormat="1" x14ac:dyDescent="0.2">
      <c r="B1031" s="16"/>
      <c r="C1031" s="16"/>
      <c r="D1031" s="16"/>
      <c r="E1031" s="16"/>
      <c r="F1031" s="16"/>
      <c r="G1031" s="16"/>
      <c r="H1031" s="16"/>
      <c r="I1031" s="16"/>
      <c r="J1031" s="16"/>
    </row>
    <row r="1032" spans="2:10" s="4" customFormat="1" x14ac:dyDescent="0.2">
      <c r="B1032" s="16"/>
      <c r="C1032" s="16"/>
      <c r="D1032" s="16"/>
      <c r="E1032" s="16"/>
      <c r="F1032" s="16"/>
      <c r="G1032" s="16"/>
      <c r="H1032" s="16"/>
      <c r="I1032" s="16"/>
      <c r="J1032" s="16"/>
    </row>
    <row r="1033" spans="2:10" s="4" customFormat="1" x14ac:dyDescent="0.2">
      <c r="B1033" s="16"/>
      <c r="C1033" s="16"/>
      <c r="D1033" s="16"/>
      <c r="E1033" s="16"/>
      <c r="F1033" s="16"/>
      <c r="G1033" s="16"/>
      <c r="H1033" s="16"/>
      <c r="I1033" s="16"/>
      <c r="J1033" s="16"/>
    </row>
    <row r="1034" spans="2:10" s="4" customFormat="1" x14ac:dyDescent="0.2">
      <c r="B1034" s="16"/>
      <c r="C1034" s="16"/>
      <c r="D1034" s="16"/>
      <c r="E1034" s="16"/>
      <c r="F1034" s="16"/>
      <c r="G1034" s="16"/>
      <c r="H1034" s="16"/>
      <c r="I1034" s="16"/>
      <c r="J1034" s="16"/>
    </row>
    <row r="1035" spans="2:10" s="4" customFormat="1" x14ac:dyDescent="0.2">
      <c r="B1035" s="16"/>
      <c r="C1035" s="16"/>
      <c r="D1035" s="16"/>
      <c r="E1035" s="16"/>
      <c r="F1035" s="16"/>
      <c r="G1035" s="16"/>
      <c r="H1035" s="16"/>
      <c r="I1035" s="16"/>
      <c r="J1035" s="16"/>
    </row>
    <row r="1036" spans="2:10" s="4" customFormat="1" x14ac:dyDescent="0.2">
      <c r="B1036" s="16"/>
      <c r="C1036" s="16"/>
      <c r="D1036" s="16"/>
      <c r="E1036" s="16"/>
      <c r="F1036" s="16"/>
      <c r="G1036" s="16"/>
      <c r="H1036" s="16"/>
      <c r="I1036" s="16"/>
      <c r="J1036" s="16"/>
    </row>
    <row r="1037" spans="2:10" s="4" customFormat="1" x14ac:dyDescent="0.2">
      <c r="B1037" s="16"/>
      <c r="C1037" s="16"/>
      <c r="D1037" s="16"/>
      <c r="E1037" s="16"/>
      <c r="F1037" s="16"/>
      <c r="G1037" s="16"/>
      <c r="H1037" s="16"/>
      <c r="I1037" s="16"/>
      <c r="J1037" s="16"/>
    </row>
    <row r="1038" spans="2:10" s="4" customFormat="1" x14ac:dyDescent="0.2">
      <c r="B1038" s="16"/>
      <c r="C1038" s="16"/>
      <c r="D1038" s="16"/>
      <c r="E1038" s="16"/>
      <c r="F1038" s="16"/>
      <c r="G1038" s="16"/>
      <c r="H1038" s="16"/>
      <c r="I1038" s="16"/>
      <c r="J1038" s="16"/>
    </row>
    <row r="1039" spans="2:10" s="4" customFormat="1" x14ac:dyDescent="0.2">
      <c r="B1039" s="16"/>
      <c r="C1039" s="16"/>
      <c r="D1039" s="16"/>
      <c r="E1039" s="16"/>
      <c r="F1039" s="16"/>
      <c r="G1039" s="16"/>
      <c r="H1039" s="16"/>
      <c r="I1039" s="16"/>
      <c r="J1039" s="16"/>
    </row>
    <row r="1040" spans="2:10" s="4" customFormat="1" x14ac:dyDescent="0.2">
      <c r="B1040" s="16"/>
      <c r="C1040" s="16"/>
      <c r="D1040" s="16"/>
      <c r="E1040" s="16"/>
      <c r="F1040" s="16"/>
      <c r="G1040" s="16"/>
      <c r="H1040" s="16"/>
      <c r="I1040" s="16"/>
      <c r="J1040" s="16"/>
    </row>
    <row r="1041" spans="2:10" s="4" customFormat="1" x14ac:dyDescent="0.2">
      <c r="B1041" s="16"/>
      <c r="C1041" s="16"/>
      <c r="D1041" s="16"/>
      <c r="E1041" s="16"/>
      <c r="F1041" s="16"/>
      <c r="G1041" s="16"/>
      <c r="H1041" s="16"/>
      <c r="I1041" s="16"/>
      <c r="J1041" s="16"/>
    </row>
    <row r="1042" spans="2:10" s="4" customFormat="1" x14ac:dyDescent="0.2">
      <c r="B1042" s="16"/>
      <c r="C1042" s="16"/>
      <c r="D1042" s="16"/>
      <c r="E1042" s="16"/>
      <c r="F1042" s="16"/>
      <c r="G1042" s="16"/>
      <c r="H1042" s="16"/>
      <c r="I1042" s="16"/>
      <c r="J1042" s="16"/>
    </row>
    <row r="1043" spans="2:10" s="4" customFormat="1" x14ac:dyDescent="0.2">
      <c r="B1043" s="16"/>
      <c r="C1043" s="16"/>
      <c r="D1043" s="16"/>
      <c r="E1043" s="16"/>
      <c r="F1043" s="16"/>
      <c r="G1043" s="16"/>
      <c r="H1043" s="16"/>
      <c r="I1043" s="16"/>
      <c r="J1043" s="16"/>
    </row>
    <row r="1044" spans="2:10" s="4" customFormat="1" x14ac:dyDescent="0.2">
      <c r="B1044" s="16"/>
      <c r="C1044" s="16"/>
      <c r="D1044" s="16"/>
      <c r="E1044" s="16"/>
      <c r="F1044" s="16"/>
      <c r="G1044" s="16"/>
      <c r="H1044" s="16"/>
      <c r="I1044" s="16"/>
      <c r="J1044" s="16"/>
    </row>
    <row r="1045" spans="2:10" s="4" customFormat="1" x14ac:dyDescent="0.2">
      <c r="B1045" s="16"/>
      <c r="C1045" s="16"/>
      <c r="D1045" s="16"/>
      <c r="E1045" s="16"/>
      <c r="F1045" s="16"/>
      <c r="G1045" s="16"/>
      <c r="H1045" s="16"/>
      <c r="I1045" s="16"/>
      <c r="J1045" s="16"/>
    </row>
    <row r="1046" spans="2:10" s="4" customFormat="1" x14ac:dyDescent="0.2">
      <c r="B1046" s="16"/>
      <c r="C1046" s="16"/>
      <c r="D1046" s="16"/>
      <c r="E1046" s="16"/>
      <c r="F1046" s="16"/>
      <c r="G1046" s="16"/>
      <c r="H1046" s="16"/>
      <c r="I1046" s="16"/>
      <c r="J1046" s="16"/>
    </row>
    <row r="1047" spans="2:10" s="4" customFormat="1" x14ac:dyDescent="0.2">
      <c r="B1047" s="16"/>
      <c r="C1047" s="16"/>
      <c r="D1047" s="16"/>
      <c r="E1047" s="16"/>
      <c r="F1047" s="16"/>
      <c r="G1047" s="16"/>
      <c r="H1047" s="16"/>
      <c r="I1047" s="16"/>
      <c r="J1047" s="16"/>
    </row>
    <row r="1048" spans="2:10" s="4" customFormat="1" x14ac:dyDescent="0.2">
      <c r="B1048" s="16"/>
      <c r="C1048" s="16"/>
      <c r="D1048" s="16"/>
      <c r="E1048" s="16"/>
      <c r="F1048" s="16"/>
      <c r="G1048" s="16"/>
      <c r="H1048" s="16"/>
      <c r="I1048" s="16"/>
      <c r="J1048" s="16"/>
    </row>
    <row r="1049" spans="2:10" s="4" customFormat="1" x14ac:dyDescent="0.2">
      <c r="B1049" s="16"/>
      <c r="C1049" s="16"/>
      <c r="D1049" s="16"/>
      <c r="E1049" s="16"/>
      <c r="F1049" s="16"/>
      <c r="G1049" s="16"/>
      <c r="H1049" s="16"/>
      <c r="I1049" s="16"/>
      <c r="J1049" s="16"/>
    </row>
    <row r="1050" spans="2:10" s="4" customFormat="1" x14ac:dyDescent="0.2">
      <c r="B1050" s="16"/>
      <c r="C1050" s="16"/>
      <c r="D1050" s="16"/>
      <c r="E1050" s="16"/>
      <c r="F1050" s="16"/>
      <c r="G1050" s="16"/>
      <c r="H1050" s="16"/>
      <c r="I1050" s="16"/>
      <c r="J1050" s="16"/>
    </row>
    <row r="1051" spans="2:10" s="4" customFormat="1" x14ac:dyDescent="0.2">
      <c r="B1051" s="16"/>
      <c r="C1051" s="16"/>
      <c r="D1051" s="16"/>
      <c r="E1051" s="16"/>
      <c r="F1051" s="16"/>
      <c r="G1051" s="16"/>
      <c r="H1051" s="16"/>
      <c r="I1051" s="16"/>
      <c r="J1051" s="16"/>
    </row>
    <row r="1052" spans="2:10" s="4" customFormat="1" x14ac:dyDescent="0.2">
      <c r="B1052" s="16"/>
      <c r="C1052" s="16"/>
      <c r="D1052" s="16"/>
      <c r="E1052" s="16"/>
      <c r="F1052" s="16"/>
      <c r="G1052" s="16"/>
      <c r="H1052" s="16"/>
      <c r="I1052" s="16"/>
      <c r="J1052" s="16"/>
    </row>
    <row r="1053" spans="2:10" s="4" customFormat="1" x14ac:dyDescent="0.2">
      <c r="B1053" s="16"/>
      <c r="C1053" s="16"/>
      <c r="D1053" s="16"/>
      <c r="E1053" s="16"/>
      <c r="F1053" s="16"/>
      <c r="G1053" s="16"/>
      <c r="H1053" s="16"/>
      <c r="I1053" s="16"/>
      <c r="J1053" s="16"/>
    </row>
    <row r="1054" spans="2:10" s="4" customFormat="1" x14ac:dyDescent="0.2">
      <c r="B1054" s="16"/>
      <c r="C1054" s="16"/>
      <c r="D1054" s="16"/>
      <c r="E1054" s="16"/>
      <c r="F1054" s="16"/>
      <c r="G1054" s="16"/>
      <c r="H1054" s="16"/>
      <c r="I1054" s="16"/>
      <c r="J1054" s="16"/>
    </row>
    <row r="1055" spans="2:10" s="4" customFormat="1" x14ac:dyDescent="0.2">
      <c r="B1055" s="16"/>
      <c r="C1055" s="16"/>
      <c r="D1055" s="16"/>
      <c r="E1055" s="16"/>
      <c r="F1055" s="16"/>
      <c r="G1055" s="16"/>
      <c r="H1055" s="16"/>
      <c r="I1055" s="16"/>
      <c r="J1055" s="16"/>
    </row>
    <row r="1056" spans="2:10" s="4" customFormat="1" x14ac:dyDescent="0.2">
      <c r="B1056" s="16"/>
      <c r="C1056" s="16"/>
      <c r="D1056" s="16"/>
      <c r="E1056" s="16"/>
      <c r="F1056" s="16"/>
      <c r="G1056" s="16"/>
      <c r="H1056" s="16"/>
      <c r="I1056" s="16"/>
      <c r="J1056" s="16"/>
    </row>
    <row r="1057" spans="2:10" s="4" customFormat="1" x14ac:dyDescent="0.2">
      <c r="B1057" s="16"/>
      <c r="C1057" s="16"/>
      <c r="D1057" s="16"/>
      <c r="E1057" s="16"/>
      <c r="F1057" s="16"/>
      <c r="G1057" s="16"/>
      <c r="H1057" s="16"/>
      <c r="I1057" s="16"/>
      <c r="J1057" s="16"/>
    </row>
    <row r="1058" spans="2:10" s="4" customFormat="1" x14ac:dyDescent="0.2">
      <c r="B1058" s="16"/>
      <c r="C1058" s="16"/>
      <c r="D1058" s="16"/>
      <c r="E1058" s="16"/>
      <c r="F1058" s="16"/>
      <c r="G1058" s="16"/>
      <c r="H1058" s="16"/>
      <c r="I1058" s="16"/>
      <c r="J1058" s="16"/>
    </row>
    <row r="1059" spans="2:10" s="4" customFormat="1" x14ac:dyDescent="0.2">
      <c r="B1059" s="16"/>
      <c r="C1059" s="16"/>
      <c r="D1059" s="16"/>
      <c r="E1059" s="16"/>
      <c r="F1059" s="16"/>
      <c r="G1059" s="16"/>
      <c r="H1059" s="16"/>
      <c r="I1059" s="16"/>
      <c r="J1059" s="16"/>
    </row>
    <row r="1060" spans="2:10" s="4" customFormat="1" x14ac:dyDescent="0.2">
      <c r="B1060" s="16"/>
      <c r="C1060" s="16"/>
      <c r="D1060" s="16"/>
      <c r="E1060" s="16"/>
      <c r="F1060" s="16"/>
      <c r="G1060" s="16"/>
      <c r="H1060" s="16"/>
      <c r="I1060" s="16"/>
      <c r="J1060" s="16"/>
    </row>
    <row r="1061" spans="2:10" s="4" customFormat="1" x14ac:dyDescent="0.2">
      <c r="B1061" s="16"/>
      <c r="C1061" s="16"/>
      <c r="D1061" s="16"/>
      <c r="E1061" s="16"/>
      <c r="F1061" s="16"/>
      <c r="G1061" s="16"/>
      <c r="H1061" s="16"/>
      <c r="I1061" s="16"/>
      <c r="J1061" s="16"/>
    </row>
    <row r="1062" spans="2:10" s="4" customFormat="1" x14ac:dyDescent="0.2">
      <c r="B1062" s="16"/>
      <c r="C1062" s="16"/>
      <c r="D1062" s="16"/>
      <c r="E1062" s="16"/>
      <c r="F1062" s="16"/>
      <c r="G1062" s="16"/>
      <c r="H1062" s="16"/>
      <c r="I1062" s="16"/>
      <c r="J1062" s="16"/>
    </row>
    <row r="1063" spans="2:10" s="4" customFormat="1" x14ac:dyDescent="0.2">
      <c r="B1063" s="16"/>
      <c r="C1063" s="16"/>
      <c r="D1063" s="16"/>
      <c r="E1063" s="16"/>
      <c r="F1063" s="16"/>
      <c r="G1063" s="16"/>
      <c r="H1063" s="16"/>
      <c r="I1063" s="16"/>
      <c r="J1063" s="16"/>
    </row>
    <row r="1064" spans="2:10" s="4" customFormat="1" x14ac:dyDescent="0.2">
      <c r="B1064" s="16"/>
      <c r="C1064" s="16"/>
      <c r="D1064" s="16"/>
      <c r="E1064" s="16"/>
      <c r="F1064" s="16"/>
      <c r="G1064" s="16"/>
      <c r="H1064" s="16"/>
      <c r="I1064" s="16"/>
      <c r="J1064" s="16"/>
    </row>
    <row r="1065" spans="2:10" s="4" customFormat="1" x14ac:dyDescent="0.2">
      <c r="B1065" s="16"/>
      <c r="C1065" s="16"/>
      <c r="D1065" s="16"/>
      <c r="E1065" s="16"/>
      <c r="F1065" s="16"/>
      <c r="G1065" s="16"/>
      <c r="H1065" s="16"/>
      <c r="I1065" s="16"/>
      <c r="J1065" s="16"/>
    </row>
    <row r="1066" spans="2:10" s="4" customFormat="1" x14ac:dyDescent="0.2">
      <c r="B1066" s="16"/>
      <c r="C1066" s="16"/>
      <c r="D1066" s="16"/>
      <c r="E1066" s="16"/>
      <c r="F1066" s="16"/>
      <c r="G1066" s="16"/>
      <c r="H1066" s="16"/>
      <c r="I1066" s="16"/>
      <c r="J1066" s="16"/>
    </row>
    <row r="1067" spans="2:10" s="4" customFormat="1" x14ac:dyDescent="0.2">
      <c r="B1067" s="16"/>
      <c r="C1067" s="16"/>
      <c r="D1067" s="16"/>
      <c r="E1067" s="16"/>
      <c r="F1067" s="16"/>
      <c r="G1067" s="16"/>
      <c r="H1067" s="16"/>
      <c r="I1067" s="16"/>
      <c r="J1067" s="16"/>
    </row>
    <row r="1068" spans="2:10" s="4" customFormat="1" x14ac:dyDescent="0.2">
      <c r="B1068" s="16"/>
      <c r="C1068" s="16"/>
      <c r="D1068" s="16"/>
      <c r="E1068" s="16"/>
      <c r="F1068" s="16"/>
      <c r="G1068" s="16"/>
      <c r="H1068" s="16"/>
      <c r="I1068" s="16"/>
      <c r="J1068" s="16"/>
    </row>
    <row r="1069" spans="2:10" s="4" customFormat="1" x14ac:dyDescent="0.2">
      <c r="B1069" s="16"/>
      <c r="C1069" s="16"/>
      <c r="D1069" s="16"/>
      <c r="E1069" s="16"/>
      <c r="F1069" s="16"/>
      <c r="G1069" s="16"/>
      <c r="H1069" s="16"/>
      <c r="I1069" s="16"/>
      <c r="J1069" s="16"/>
    </row>
    <row r="1070" spans="2:10" s="4" customFormat="1" x14ac:dyDescent="0.2">
      <c r="B1070" s="16"/>
      <c r="C1070" s="16"/>
      <c r="D1070" s="16"/>
      <c r="E1070" s="16"/>
      <c r="F1070" s="16"/>
      <c r="G1070" s="16"/>
      <c r="H1070" s="16"/>
      <c r="I1070" s="16"/>
      <c r="J1070" s="16"/>
    </row>
    <row r="1071" spans="2:10" s="4" customFormat="1" x14ac:dyDescent="0.2">
      <c r="B1071" s="16"/>
      <c r="C1071" s="16"/>
      <c r="D1071" s="16"/>
      <c r="E1071" s="16"/>
      <c r="F1071" s="16"/>
      <c r="G1071" s="16"/>
      <c r="H1071" s="16"/>
      <c r="I1071" s="16"/>
      <c r="J1071" s="16"/>
    </row>
    <row r="1072" spans="2:10" s="4" customFormat="1" x14ac:dyDescent="0.2">
      <c r="B1072" s="16"/>
      <c r="C1072" s="16"/>
      <c r="D1072" s="16"/>
      <c r="E1072" s="16"/>
      <c r="F1072" s="16"/>
      <c r="G1072" s="16"/>
      <c r="H1072" s="16"/>
      <c r="I1072" s="16"/>
      <c r="J1072" s="16"/>
    </row>
    <row r="1073" spans="2:10" s="4" customFormat="1" x14ac:dyDescent="0.2">
      <c r="B1073" s="16"/>
      <c r="C1073" s="16"/>
      <c r="D1073" s="16"/>
      <c r="E1073" s="16"/>
      <c r="F1073" s="16"/>
      <c r="G1073" s="16"/>
      <c r="H1073" s="16"/>
      <c r="I1073" s="16"/>
      <c r="J1073" s="16"/>
    </row>
    <row r="1074" spans="2:10" s="4" customFormat="1" x14ac:dyDescent="0.2">
      <c r="B1074" s="16"/>
      <c r="C1074" s="16"/>
      <c r="D1074" s="16"/>
      <c r="E1074" s="16"/>
      <c r="F1074" s="16"/>
      <c r="G1074" s="16"/>
      <c r="H1074" s="16"/>
      <c r="I1074" s="16"/>
      <c r="J1074" s="16"/>
    </row>
    <row r="1075" spans="2:10" s="4" customFormat="1" x14ac:dyDescent="0.2">
      <c r="B1075" s="16"/>
      <c r="C1075" s="16"/>
      <c r="D1075" s="16"/>
      <c r="E1075" s="16"/>
      <c r="F1075" s="16"/>
      <c r="G1075" s="16"/>
      <c r="H1075" s="16"/>
      <c r="I1075" s="16"/>
      <c r="J1075" s="16"/>
    </row>
    <row r="1076" spans="2:10" s="4" customFormat="1" x14ac:dyDescent="0.2">
      <c r="B1076" s="16"/>
      <c r="C1076" s="16"/>
      <c r="D1076" s="16"/>
      <c r="E1076" s="16"/>
      <c r="F1076" s="16"/>
      <c r="G1076" s="16"/>
      <c r="H1076" s="16"/>
      <c r="I1076" s="16"/>
      <c r="J1076" s="16"/>
    </row>
    <row r="1077" spans="2:10" s="4" customFormat="1" x14ac:dyDescent="0.2">
      <c r="B1077" s="16"/>
      <c r="C1077" s="16"/>
      <c r="D1077" s="16"/>
      <c r="E1077" s="16"/>
      <c r="F1077" s="16"/>
      <c r="G1077" s="16"/>
      <c r="H1077" s="16"/>
      <c r="I1077" s="16"/>
      <c r="J1077" s="16"/>
    </row>
    <row r="1078" spans="2:10" s="4" customFormat="1" x14ac:dyDescent="0.2">
      <c r="B1078" s="16"/>
      <c r="C1078" s="16"/>
      <c r="D1078" s="16"/>
      <c r="E1078" s="16"/>
      <c r="F1078" s="16"/>
      <c r="G1078" s="16"/>
      <c r="H1078" s="16"/>
      <c r="I1078" s="16"/>
      <c r="J1078" s="16"/>
    </row>
    <row r="1079" spans="2:10" s="4" customFormat="1" x14ac:dyDescent="0.2">
      <c r="B1079" s="16"/>
      <c r="C1079" s="16"/>
      <c r="D1079" s="16"/>
      <c r="E1079" s="16"/>
      <c r="F1079" s="16"/>
      <c r="G1079" s="16"/>
      <c r="H1079" s="16"/>
      <c r="I1079" s="16"/>
      <c r="J1079" s="16"/>
    </row>
    <row r="1080" spans="2:10" s="4" customFormat="1" x14ac:dyDescent="0.2">
      <c r="B1080" s="16"/>
      <c r="C1080" s="16"/>
      <c r="D1080" s="16"/>
      <c r="E1080" s="16"/>
      <c r="F1080" s="16"/>
      <c r="G1080" s="16"/>
      <c r="H1080" s="16"/>
      <c r="I1080" s="16"/>
      <c r="J1080" s="16"/>
    </row>
    <row r="1081" spans="2:10" s="4" customFormat="1" x14ac:dyDescent="0.2">
      <c r="B1081" s="16"/>
      <c r="C1081" s="16"/>
      <c r="D1081" s="16"/>
      <c r="E1081" s="16"/>
      <c r="F1081" s="16"/>
      <c r="G1081" s="16"/>
      <c r="H1081" s="16"/>
      <c r="I1081" s="16"/>
      <c r="J1081" s="16"/>
    </row>
    <row r="1082" spans="2:10" s="4" customFormat="1" x14ac:dyDescent="0.2">
      <c r="B1082" s="16"/>
      <c r="C1082" s="16"/>
      <c r="D1082" s="16"/>
      <c r="E1082" s="16"/>
      <c r="F1082" s="16"/>
      <c r="G1082" s="16"/>
      <c r="H1082" s="16"/>
      <c r="I1082" s="16"/>
      <c r="J1082" s="16"/>
    </row>
    <row r="1083" spans="2:10" s="4" customFormat="1" x14ac:dyDescent="0.2">
      <c r="B1083" s="16"/>
      <c r="C1083" s="16"/>
      <c r="D1083" s="16"/>
      <c r="E1083" s="16"/>
      <c r="F1083" s="16"/>
      <c r="G1083" s="16"/>
      <c r="H1083" s="16"/>
      <c r="I1083" s="16"/>
      <c r="J1083" s="16"/>
    </row>
    <row r="1084" spans="2:10" s="4" customFormat="1" x14ac:dyDescent="0.2">
      <c r="B1084" s="16"/>
      <c r="C1084" s="16"/>
      <c r="D1084" s="16"/>
      <c r="E1084" s="16"/>
      <c r="F1084" s="16"/>
      <c r="G1084" s="16"/>
      <c r="H1084" s="16"/>
      <c r="I1084" s="16"/>
      <c r="J1084" s="16"/>
    </row>
    <row r="1085" spans="2:10" s="4" customFormat="1" x14ac:dyDescent="0.2">
      <c r="B1085" s="16"/>
      <c r="C1085" s="16"/>
      <c r="D1085" s="16"/>
      <c r="E1085" s="16"/>
      <c r="F1085" s="16"/>
      <c r="G1085" s="16"/>
      <c r="H1085" s="16"/>
      <c r="I1085" s="16"/>
      <c r="J1085" s="16"/>
    </row>
    <row r="1086" spans="2:10" s="4" customFormat="1" x14ac:dyDescent="0.2">
      <c r="B1086" s="16"/>
      <c r="C1086" s="16"/>
      <c r="D1086" s="16"/>
      <c r="E1086" s="16"/>
      <c r="F1086" s="16"/>
      <c r="G1086" s="16"/>
      <c r="H1086" s="16"/>
      <c r="I1086" s="16"/>
      <c r="J1086" s="16"/>
    </row>
    <row r="1087" spans="2:10" s="4" customFormat="1" x14ac:dyDescent="0.2">
      <c r="B1087" s="16"/>
      <c r="C1087" s="16"/>
      <c r="D1087" s="16"/>
      <c r="E1087" s="16"/>
      <c r="F1087" s="16"/>
      <c r="G1087" s="16"/>
      <c r="H1087" s="16"/>
      <c r="I1087" s="16"/>
      <c r="J1087" s="16"/>
    </row>
    <row r="1088" spans="2:10" s="4" customFormat="1" x14ac:dyDescent="0.2">
      <c r="B1088" s="16"/>
      <c r="C1088" s="16"/>
      <c r="D1088" s="16"/>
      <c r="E1088" s="16"/>
      <c r="F1088" s="16"/>
      <c r="G1088" s="16"/>
      <c r="H1088" s="16"/>
      <c r="I1088" s="16"/>
      <c r="J1088" s="16"/>
    </row>
    <row r="1089" spans="2:10" s="4" customFormat="1" x14ac:dyDescent="0.2">
      <c r="B1089" s="16"/>
      <c r="C1089" s="16"/>
      <c r="D1089" s="16"/>
      <c r="E1089" s="16"/>
      <c r="F1089" s="16"/>
      <c r="G1089" s="16"/>
      <c r="H1089" s="16"/>
      <c r="I1089" s="16"/>
      <c r="J1089" s="16"/>
    </row>
    <row r="1090" spans="2:10" s="4" customFormat="1" x14ac:dyDescent="0.2">
      <c r="B1090" s="16"/>
      <c r="C1090" s="16"/>
      <c r="D1090" s="16"/>
      <c r="E1090" s="16"/>
      <c r="F1090" s="16"/>
      <c r="G1090" s="16"/>
      <c r="H1090" s="16"/>
      <c r="I1090" s="16"/>
      <c r="J1090" s="16"/>
    </row>
    <row r="1091" spans="2:10" s="4" customFormat="1" x14ac:dyDescent="0.2">
      <c r="B1091" s="16"/>
      <c r="C1091" s="16"/>
      <c r="D1091" s="16"/>
      <c r="E1091" s="16"/>
      <c r="F1091" s="16"/>
      <c r="G1091" s="16"/>
      <c r="H1091" s="16"/>
      <c r="I1091" s="16"/>
      <c r="J1091" s="16"/>
    </row>
    <row r="1092" spans="2:10" s="4" customFormat="1" x14ac:dyDescent="0.2">
      <c r="B1092" s="16"/>
      <c r="C1092" s="16"/>
      <c r="D1092" s="16"/>
      <c r="E1092" s="16"/>
      <c r="F1092" s="16"/>
      <c r="G1092" s="16"/>
      <c r="H1092" s="16"/>
      <c r="I1092" s="16"/>
      <c r="J1092" s="16"/>
    </row>
    <row r="1093" spans="2:10" s="4" customFormat="1" x14ac:dyDescent="0.2">
      <c r="B1093" s="16"/>
      <c r="C1093" s="16"/>
      <c r="D1093" s="16"/>
      <c r="E1093" s="16"/>
      <c r="F1093" s="16"/>
      <c r="G1093" s="16"/>
      <c r="H1093" s="16"/>
      <c r="I1093" s="16"/>
      <c r="J1093" s="16"/>
    </row>
    <row r="1094" spans="2:10" s="4" customFormat="1" x14ac:dyDescent="0.2">
      <c r="B1094" s="16"/>
      <c r="C1094" s="16"/>
      <c r="D1094" s="16"/>
      <c r="E1094" s="16"/>
      <c r="F1094" s="16"/>
      <c r="G1094" s="16"/>
      <c r="H1094" s="16"/>
      <c r="I1094" s="16"/>
      <c r="J1094" s="16"/>
    </row>
    <row r="1095" spans="2:10" s="4" customFormat="1" x14ac:dyDescent="0.2">
      <c r="B1095" s="16"/>
      <c r="C1095" s="16"/>
      <c r="D1095" s="16"/>
      <c r="E1095" s="16"/>
      <c r="F1095" s="16"/>
      <c r="G1095" s="16"/>
      <c r="H1095" s="16"/>
      <c r="I1095" s="16"/>
      <c r="J1095" s="16"/>
    </row>
    <row r="1096" spans="2:10" s="4" customFormat="1" x14ac:dyDescent="0.2">
      <c r="B1096" s="16"/>
      <c r="C1096" s="16"/>
      <c r="D1096" s="16"/>
      <c r="E1096" s="16"/>
      <c r="F1096" s="16"/>
      <c r="G1096" s="16"/>
      <c r="H1096" s="16"/>
      <c r="I1096" s="16"/>
      <c r="J1096" s="16"/>
    </row>
    <row r="1097" spans="2:10" s="4" customFormat="1" x14ac:dyDescent="0.2">
      <c r="B1097" s="16"/>
      <c r="C1097" s="16"/>
      <c r="D1097" s="16"/>
      <c r="E1097" s="16"/>
      <c r="F1097" s="16"/>
      <c r="G1097" s="16"/>
      <c r="H1097" s="16"/>
      <c r="I1097" s="16"/>
      <c r="J1097" s="16"/>
    </row>
    <row r="1098" spans="2:10" s="4" customFormat="1" x14ac:dyDescent="0.2">
      <c r="B1098" s="16"/>
      <c r="C1098" s="16"/>
      <c r="D1098" s="16"/>
      <c r="E1098" s="16"/>
      <c r="F1098" s="16"/>
      <c r="G1098" s="16"/>
      <c r="H1098" s="16"/>
      <c r="I1098" s="16"/>
      <c r="J1098" s="16"/>
    </row>
    <row r="1099" spans="2:10" s="4" customFormat="1" x14ac:dyDescent="0.2">
      <c r="B1099" s="16"/>
      <c r="C1099" s="16"/>
      <c r="D1099" s="16"/>
      <c r="E1099" s="16"/>
      <c r="F1099" s="16"/>
      <c r="G1099" s="16"/>
      <c r="H1099" s="16"/>
      <c r="I1099" s="16"/>
      <c r="J1099" s="16"/>
    </row>
    <row r="1100" spans="2:10" s="4" customFormat="1" x14ac:dyDescent="0.2">
      <c r="B1100" s="16"/>
      <c r="C1100" s="16"/>
      <c r="D1100" s="16"/>
      <c r="E1100" s="16"/>
      <c r="F1100" s="16"/>
      <c r="G1100" s="16"/>
      <c r="H1100" s="16"/>
      <c r="I1100" s="16"/>
      <c r="J1100" s="16"/>
    </row>
    <row r="1101" spans="2:10" s="4" customFormat="1" x14ac:dyDescent="0.2">
      <c r="B1101" s="16"/>
      <c r="C1101" s="16"/>
      <c r="D1101" s="16"/>
      <c r="E1101" s="16"/>
      <c r="F1101" s="16"/>
      <c r="G1101" s="16"/>
      <c r="H1101" s="16"/>
      <c r="I1101" s="16"/>
      <c r="J1101" s="16"/>
    </row>
    <row r="1102" spans="2:10" s="4" customFormat="1" x14ac:dyDescent="0.2">
      <c r="B1102" s="16"/>
      <c r="C1102" s="16"/>
      <c r="D1102" s="16"/>
      <c r="E1102" s="16"/>
      <c r="F1102" s="16"/>
      <c r="G1102" s="16"/>
      <c r="H1102" s="16"/>
      <c r="I1102" s="16"/>
      <c r="J1102" s="16"/>
    </row>
    <row r="1103" spans="2:10" s="4" customFormat="1" x14ac:dyDescent="0.2">
      <c r="B1103" s="16"/>
      <c r="C1103" s="16"/>
      <c r="D1103" s="16"/>
      <c r="E1103" s="16"/>
      <c r="F1103" s="16"/>
      <c r="G1103" s="16"/>
      <c r="H1103" s="16"/>
      <c r="I1103" s="16"/>
      <c r="J1103" s="16"/>
    </row>
    <row r="1104" spans="2:10" s="4" customFormat="1" x14ac:dyDescent="0.2">
      <c r="B1104" s="16"/>
      <c r="C1104" s="16"/>
      <c r="D1104" s="16"/>
      <c r="E1104" s="16"/>
      <c r="F1104" s="16"/>
      <c r="G1104" s="16"/>
      <c r="H1104" s="16"/>
      <c r="I1104" s="16"/>
      <c r="J1104" s="16"/>
    </row>
    <row r="1105" spans="2:10" s="4" customFormat="1" x14ac:dyDescent="0.2">
      <c r="B1105" s="16"/>
      <c r="C1105" s="16"/>
      <c r="D1105" s="16"/>
      <c r="E1105" s="16"/>
      <c r="F1105" s="16"/>
      <c r="G1105" s="16"/>
      <c r="H1105" s="16"/>
      <c r="I1105" s="16"/>
      <c r="J1105" s="16"/>
    </row>
    <row r="1106" spans="2:10" s="4" customFormat="1" x14ac:dyDescent="0.2">
      <c r="B1106" s="16"/>
      <c r="C1106" s="16"/>
      <c r="D1106" s="16"/>
      <c r="E1106" s="16"/>
      <c r="F1106" s="16"/>
      <c r="G1106" s="16"/>
      <c r="H1106" s="16"/>
      <c r="I1106" s="16"/>
      <c r="J1106" s="16"/>
    </row>
    <row r="1107" spans="2:10" s="4" customFormat="1" x14ac:dyDescent="0.2">
      <c r="B1107" s="16"/>
      <c r="C1107" s="16"/>
      <c r="D1107" s="16"/>
      <c r="E1107" s="16"/>
      <c r="F1107" s="16"/>
      <c r="G1107" s="16"/>
      <c r="H1107" s="16"/>
      <c r="I1107" s="16"/>
      <c r="J1107" s="16"/>
    </row>
    <row r="1108" spans="2:10" s="4" customFormat="1" x14ac:dyDescent="0.2">
      <c r="B1108" s="16"/>
      <c r="C1108" s="16"/>
      <c r="D1108" s="16"/>
      <c r="E1108" s="16"/>
      <c r="F1108" s="16"/>
      <c r="G1108" s="16"/>
      <c r="H1108" s="16"/>
      <c r="I1108" s="16"/>
      <c r="J1108" s="16"/>
    </row>
    <row r="1109" spans="2:10" s="4" customFormat="1" x14ac:dyDescent="0.2">
      <c r="B1109" s="16"/>
      <c r="C1109" s="16"/>
      <c r="D1109" s="16"/>
      <c r="E1109" s="16"/>
      <c r="F1109" s="16"/>
      <c r="G1109" s="16"/>
      <c r="H1109" s="16"/>
      <c r="I1109" s="16"/>
      <c r="J1109" s="16"/>
    </row>
    <row r="1110" spans="2:10" s="4" customFormat="1" x14ac:dyDescent="0.2">
      <c r="B1110" s="16"/>
      <c r="C1110" s="16"/>
      <c r="D1110" s="16"/>
      <c r="E1110" s="16"/>
      <c r="F1110" s="16"/>
      <c r="G1110" s="16"/>
      <c r="H1110" s="16"/>
      <c r="I1110" s="16"/>
      <c r="J1110" s="16"/>
    </row>
    <row r="1111" spans="2:10" s="4" customFormat="1" x14ac:dyDescent="0.2">
      <c r="B1111" s="16"/>
      <c r="C1111" s="16"/>
      <c r="D1111" s="16"/>
      <c r="E1111" s="16"/>
      <c r="F1111" s="16"/>
      <c r="G1111" s="16"/>
      <c r="H1111" s="16"/>
      <c r="I1111" s="16"/>
      <c r="J1111" s="16"/>
    </row>
    <row r="1112" spans="2:10" s="4" customFormat="1" x14ac:dyDescent="0.2">
      <c r="B1112" s="16"/>
      <c r="C1112" s="16"/>
      <c r="D1112" s="16"/>
      <c r="E1112" s="16"/>
      <c r="F1112" s="16"/>
      <c r="G1112" s="16"/>
      <c r="H1112" s="16"/>
      <c r="I1112" s="16"/>
      <c r="J1112" s="16"/>
    </row>
    <row r="1113" spans="2:10" s="4" customFormat="1" x14ac:dyDescent="0.2">
      <c r="B1113" s="16"/>
      <c r="C1113" s="16"/>
      <c r="D1113" s="16"/>
      <c r="E1113" s="16"/>
      <c r="F1113" s="16"/>
      <c r="G1113" s="16"/>
      <c r="H1113" s="16"/>
      <c r="I1113" s="16"/>
      <c r="J1113" s="16"/>
    </row>
    <row r="1114" spans="2:10" s="4" customFormat="1" x14ac:dyDescent="0.2">
      <c r="B1114" s="16"/>
      <c r="C1114" s="16"/>
      <c r="D1114" s="16"/>
      <c r="E1114" s="16"/>
      <c r="F1114" s="16"/>
      <c r="G1114" s="16"/>
      <c r="H1114" s="16"/>
      <c r="I1114" s="16"/>
      <c r="J1114" s="16"/>
    </row>
    <row r="1115" spans="2:10" s="4" customFormat="1" x14ac:dyDescent="0.2">
      <c r="B1115" s="16"/>
      <c r="C1115" s="16"/>
      <c r="D1115" s="16"/>
      <c r="E1115" s="16"/>
      <c r="F1115" s="16"/>
      <c r="G1115" s="16"/>
      <c r="H1115" s="16"/>
      <c r="I1115" s="16"/>
      <c r="J1115" s="16"/>
    </row>
    <row r="1116" spans="2:10" s="4" customFormat="1" x14ac:dyDescent="0.2">
      <c r="B1116" s="16"/>
      <c r="C1116" s="16"/>
      <c r="D1116" s="16"/>
      <c r="E1116" s="16"/>
      <c r="F1116" s="16"/>
      <c r="G1116" s="16"/>
      <c r="H1116" s="16"/>
      <c r="I1116" s="16"/>
      <c r="J1116" s="16"/>
    </row>
    <row r="1117" spans="2:10" s="4" customFormat="1" x14ac:dyDescent="0.2">
      <c r="B1117" s="16"/>
      <c r="C1117" s="16"/>
      <c r="D1117" s="16"/>
      <c r="E1117" s="16"/>
      <c r="F1117" s="16"/>
      <c r="G1117" s="16"/>
      <c r="H1117" s="16"/>
      <c r="I1117" s="16"/>
      <c r="J1117" s="16"/>
    </row>
    <row r="1118" spans="2:10" s="4" customFormat="1" x14ac:dyDescent="0.2">
      <c r="B1118" s="16"/>
      <c r="C1118" s="16"/>
      <c r="D1118" s="16"/>
      <c r="E1118" s="16"/>
      <c r="F1118" s="16"/>
      <c r="G1118" s="16"/>
      <c r="H1118" s="16"/>
      <c r="I1118" s="16"/>
      <c r="J1118" s="16"/>
    </row>
    <row r="1119" spans="2:10" s="4" customFormat="1" x14ac:dyDescent="0.2">
      <c r="B1119" s="16"/>
      <c r="C1119" s="16"/>
      <c r="D1119" s="16"/>
      <c r="E1119" s="16"/>
      <c r="F1119" s="16"/>
      <c r="G1119" s="16"/>
      <c r="H1119" s="16"/>
      <c r="I1119" s="16"/>
      <c r="J1119" s="16"/>
    </row>
    <row r="1120" spans="2:10" s="4" customFormat="1" x14ac:dyDescent="0.2">
      <c r="B1120" s="16"/>
      <c r="C1120" s="16"/>
      <c r="D1120" s="16"/>
      <c r="E1120" s="16"/>
      <c r="F1120" s="16"/>
      <c r="G1120" s="16"/>
      <c r="H1120" s="16"/>
      <c r="I1120" s="16"/>
      <c r="J1120" s="16"/>
    </row>
    <row r="1121" spans="2:10" s="4" customFormat="1" x14ac:dyDescent="0.2">
      <c r="B1121" s="16"/>
      <c r="C1121" s="16"/>
      <c r="D1121" s="16"/>
      <c r="E1121" s="16"/>
      <c r="F1121" s="16"/>
      <c r="G1121" s="16"/>
      <c r="H1121" s="16"/>
      <c r="I1121" s="16"/>
      <c r="J1121" s="16"/>
    </row>
    <row r="1122" spans="2:10" s="4" customFormat="1" x14ac:dyDescent="0.2">
      <c r="B1122" s="16"/>
      <c r="C1122" s="16"/>
      <c r="D1122" s="16"/>
      <c r="E1122" s="16"/>
      <c r="F1122" s="16"/>
      <c r="G1122" s="16"/>
      <c r="H1122" s="16"/>
      <c r="I1122" s="16"/>
      <c r="J1122" s="16"/>
    </row>
    <row r="1123" spans="2:10" s="4" customFormat="1" x14ac:dyDescent="0.2">
      <c r="B1123" s="16"/>
      <c r="C1123" s="16"/>
      <c r="D1123" s="16"/>
      <c r="E1123" s="16"/>
      <c r="F1123" s="16"/>
      <c r="G1123" s="16"/>
      <c r="H1123" s="16"/>
      <c r="I1123" s="16"/>
      <c r="J1123" s="16"/>
    </row>
    <row r="1124" spans="2:10" s="4" customFormat="1" x14ac:dyDescent="0.2">
      <c r="B1124" s="16"/>
      <c r="C1124" s="16"/>
      <c r="D1124" s="16"/>
      <c r="E1124" s="16"/>
      <c r="F1124" s="16"/>
      <c r="G1124" s="16"/>
      <c r="H1124" s="16"/>
      <c r="I1124" s="16"/>
      <c r="J1124" s="16"/>
    </row>
    <row r="1125" spans="2:10" s="4" customFormat="1" x14ac:dyDescent="0.2">
      <c r="B1125" s="16"/>
      <c r="C1125" s="16"/>
      <c r="D1125" s="16"/>
      <c r="E1125" s="16"/>
      <c r="F1125" s="16"/>
      <c r="G1125" s="16"/>
      <c r="H1125" s="16"/>
      <c r="I1125" s="16"/>
      <c r="J1125" s="16"/>
    </row>
    <row r="1126" spans="2:10" s="4" customFormat="1" x14ac:dyDescent="0.2">
      <c r="B1126" s="16"/>
      <c r="C1126" s="16"/>
      <c r="D1126" s="16"/>
      <c r="E1126" s="16"/>
      <c r="F1126" s="16"/>
      <c r="G1126" s="16"/>
      <c r="H1126" s="16"/>
      <c r="I1126" s="16"/>
      <c r="J1126" s="16"/>
    </row>
    <row r="1127" spans="2:10" s="4" customFormat="1" x14ac:dyDescent="0.2">
      <c r="B1127" s="16"/>
      <c r="C1127" s="16"/>
      <c r="D1127" s="16"/>
      <c r="E1127" s="16"/>
      <c r="F1127" s="16"/>
      <c r="G1127" s="16"/>
      <c r="H1127" s="16"/>
      <c r="I1127" s="16"/>
      <c r="J1127" s="16"/>
    </row>
    <row r="1128" spans="2:10" s="4" customFormat="1" x14ac:dyDescent="0.2">
      <c r="B1128" s="16"/>
      <c r="C1128" s="16"/>
      <c r="D1128" s="16"/>
      <c r="E1128" s="16"/>
      <c r="F1128" s="16"/>
      <c r="G1128" s="16"/>
      <c r="H1128" s="16"/>
      <c r="I1128" s="16"/>
      <c r="J1128" s="16"/>
    </row>
    <row r="1129" spans="2:10" s="4" customFormat="1" x14ac:dyDescent="0.2">
      <c r="B1129" s="16"/>
      <c r="C1129" s="16"/>
      <c r="D1129" s="16"/>
      <c r="E1129" s="16"/>
      <c r="F1129" s="16"/>
      <c r="G1129" s="16"/>
      <c r="H1129" s="16"/>
      <c r="I1129" s="16"/>
      <c r="J1129" s="16"/>
    </row>
    <row r="1130" spans="2:10" s="4" customFormat="1" x14ac:dyDescent="0.2">
      <c r="B1130" s="16"/>
      <c r="C1130" s="16"/>
      <c r="D1130" s="16"/>
      <c r="E1130" s="16"/>
      <c r="F1130" s="16"/>
      <c r="G1130" s="16"/>
      <c r="H1130" s="16"/>
      <c r="I1130" s="16"/>
      <c r="J1130" s="16"/>
    </row>
    <row r="1131" spans="2:10" s="4" customFormat="1" x14ac:dyDescent="0.2">
      <c r="B1131" s="16"/>
      <c r="C1131" s="16"/>
      <c r="D1131" s="16"/>
      <c r="E1131" s="16"/>
      <c r="F1131" s="16"/>
      <c r="G1131" s="16"/>
      <c r="H1131" s="16"/>
      <c r="I1131" s="16"/>
      <c r="J1131" s="16"/>
    </row>
    <row r="1132" spans="2:10" s="4" customFormat="1" x14ac:dyDescent="0.2">
      <c r="B1132" s="16"/>
      <c r="C1132" s="16"/>
      <c r="D1132" s="16"/>
      <c r="E1132" s="16"/>
      <c r="F1132" s="16"/>
      <c r="G1132" s="16"/>
      <c r="H1132" s="16"/>
      <c r="I1132" s="16"/>
      <c r="J1132" s="16"/>
    </row>
    <row r="1133" spans="2:10" s="4" customFormat="1" x14ac:dyDescent="0.2">
      <c r="B1133" s="16"/>
      <c r="C1133" s="16"/>
      <c r="D1133" s="16"/>
      <c r="E1133" s="16"/>
      <c r="F1133" s="16"/>
      <c r="G1133" s="16"/>
      <c r="H1133" s="16"/>
      <c r="I1133" s="16"/>
      <c r="J1133" s="16"/>
    </row>
    <row r="1134" spans="2:10" s="4" customFormat="1" x14ac:dyDescent="0.2">
      <c r="B1134" s="16"/>
      <c r="C1134" s="16"/>
      <c r="D1134" s="16"/>
      <c r="E1134" s="16"/>
      <c r="F1134" s="16"/>
      <c r="G1134" s="16"/>
      <c r="H1134" s="16"/>
      <c r="I1134" s="16"/>
      <c r="J1134" s="16"/>
    </row>
    <row r="1135" spans="2:10" s="4" customFormat="1" x14ac:dyDescent="0.2">
      <c r="B1135" s="16"/>
      <c r="C1135" s="16"/>
      <c r="D1135" s="16"/>
      <c r="E1135" s="16"/>
      <c r="F1135" s="16"/>
      <c r="G1135" s="16"/>
      <c r="H1135" s="16"/>
      <c r="I1135" s="16"/>
      <c r="J1135" s="16"/>
    </row>
    <row r="1136" spans="2:10" s="4" customFormat="1" x14ac:dyDescent="0.2">
      <c r="B1136" s="16"/>
      <c r="C1136" s="16"/>
      <c r="D1136" s="16"/>
      <c r="E1136" s="16"/>
      <c r="F1136" s="16"/>
      <c r="G1136" s="16"/>
      <c r="H1136" s="16"/>
      <c r="I1136" s="16"/>
      <c r="J1136" s="16"/>
    </row>
    <row r="1137" spans="2:10" s="4" customFormat="1" x14ac:dyDescent="0.2">
      <c r="B1137" s="16"/>
      <c r="C1137" s="16"/>
      <c r="D1137" s="16"/>
      <c r="E1137" s="16"/>
      <c r="F1137" s="16"/>
      <c r="G1137" s="16"/>
      <c r="H1137" s="16"/>
      <c r="I1137" s="16"/>
      <c r="J1137" s="16"/>
    </row>
    <row r="1138" spans="2:10" s="4" customFormat="1" x14ac:dyDescent="0.2">
      <c r="B1138" s="16"/>
      <c r="C1138" s="16"/>
      <c r="D1138" s="16"/>
      <c r="E1138" s="16"/>
      <c r="F1138" s="16"/>
      <c r="G1138" s="16"/>
      <c r="H1138" s="16"/>
      <c r="I1138" s="16"/>
      <c r="J1138" s="16"/>
    </row>
    <row r="1139" spans="2:10" s="4" customFormat="1" x14ac:dyDescent="0.2">
      <c r="B1139" s="16"/>
      <c r="C1139" s="16"/>
      <c r="D1139" s="16"/>
      <c r="E1139" s="16"/>
      <c r="F1139" s="16"/>
      <c r="G1139" s="16"/>
      <c r="H1139" s="16"/>
      <c r="I1139" s="16"/>
      <c r="J1139" s="16"/>
    </row>
    <row r="1140" spans="2:10" s="4" customFormat="1" x14ac:dyDescent="0.2">
      <c r="B1140" s="16"/>
      <c r="C1140" s="16"/>
      <c r="D1140" s="16"/>
      <c r="E1140" s="16"/>
      <c r="F1140" s="16"/>
      <c r="G1140" s="16"/>
      <c r="H1140" s="16"/>
      <c r="I1140" s="16"/>
      <c r="J1140" s="16"/>
    </row>
    <row r="1141" spans="2:10" s="4" customFormat="1" x14ac:dyDescent="0.2">
      <c r="B1141" s="16"/>
      <c r="C1141" s="16"/>
      <c r="D1141" s="16"/>
      <c r="E1141" s="16"/>
      <c r="F1141" s="16"/>
      <c r="G1141" s="16"/>
      <c r="H1141" s="16"/>
      <c r="I1141" s="16"/>
      <c r="J1141" s="16"/>
    </row>
    <row r="1142" spans="2:10" s="4" customFormat="1" x14ac:dyDescent="0.2">
      <c r="B1142" s="16"/>
      <c r="C1142" s="16"/>
      <c r="D1142" s="16"/>
      <c r="E1142" s="16"/>
      <c r="F1142" s="16"/>
      <c r="G1142" s="16"/>
      <c r="H1142" s="16"/>
      <c r="I1142" s="16"/>
      <c r="J1142" s="16"/>
    </row>
    <row r="1143" spans="2:10" s="4" customFormat="1" x14ac:dyDescent="0.2">
      <c r="B1143" s="16"/>
      <c r="C1143" s="16"/>
      <c r="D1143" s="16"/>
      <c r="E1143" s="16"/>
      <c r="F1143" s="16"/>
      <c r="G1143" s="16"/>
      <c r="H1143" s="16"/>
      <c r="I1143" s="16"/>
      <c r="J1143" s="16"/>
    </row>
    <row r="1144" spans="2:10" s="4" customFormat="1" x14ac:dyDescent="0.2">
      <c r="B1144" s="16"/>
      <c r="C1144" s="16"/>
      <c r="D1144" s="16"/>
      <c r="E1144" s="16"/>
      <c r="F1144" s="16"/>
      <c r="G1144" s="16"/>
      <c r="H1144" s="16"/>
      <c r="I1144" s="16"/>
      <c r="J1144" s="16"/>
    </row>
    <row r="1145" spans="2:10" s="4" customFormat="1" x14ac:dyDescent="0.2">
      <c r="B1145" s="16"/>
      <c r="C1145" s="16"/>
      <c r="D1145" s="16"/>
      <c r="E1145" s="16"/>
      <c r="F1145" s="16"/>
      <c r="G1145" s="16"/>
      <c r="H1145" s="16"/>
      <c r="I1145" s="16"/>
      <c r="J1145" s="16"/>
    </row>
    <row r="1146" spans="2:10" s="4" customFormat="1" x14ac:dyDescent="0.2">
      <c r="B1146" s="16"/>
      <c r="C1146" s="16"/>
      <c r="D1146" s="16"/>
      <c r="E1146" s="16"/>
      <c r="F1146" s="16"/>
      <c r="G1146" s="16"/>
      <c r="H1146" s="16"/>
      <c r="I1146" s="16"/>
      <c r="J1146" s="16"/>
    </row>
    <row r="1147" spans="2:10" s="4" customFormat="1" x14ac:dyDescent="0.2">
      <c r="B1147" s="16"/>
      <c r="C1147" s="16"/>
      <c r="D1147" s="16"/>
      <c r="E1147" s="16"/>
      <c r="F1147" s="16"/>
      <c r="G1147" s="16"/>
      <c r="H1147" s="16"/>
      <c r="I1147" s="16"/>
      <c r="J1147" s="16"/>
    </row>
    <row r="1148" spans="2:10" s="4" customFormat="1" x14ac:dyDescent="0.2">
      <c r="B1148" s="16"/>
      <c r="C1148" s="16"/>
      <c r="D1148" s="16"/>
      <c r="E1148" s="16"/>
      <c r="F1148" s="16"/>
      <c r="G1148" s="16"/>
      <c r="H1148" s="16"/>
      <c r="I1148" s="16"/>
      <c r="J1148" s="16"/>
    </row>
    <row r="1149" spans="2:10" s="4" customFormat="1" x14ac:dyDescent="0.2">
      <c r="B1149" s="16"/>
      <c r="C1149" s="16"/>
      <c r="D1149" s="16"/>
      <c r="E1149" s="16"/>
      <c r="F1149" s="16"/>
      <c r="G1149" s="16"/>
      <c r="H1149" s="16"/>
      <c r="I1149" s="16"/>
      <c r="J1149" s="16"/>
    </row>
    <row r="1150" spans="2:10" s="4" customFormat="1" x14ac:dyDescent="0.2">
      <c r="B1150" s="16"/>
      <c r="C1150" s="16"/>
      <c r="D1150" s="16"/>
      <c r="E1150" s="16"/>
      <c r="F1150" s="16"/>
      <c r="G1150" s="16"/>
      <c r="H1150" s="16"/>
      <c r="I1150" s="16"/>
      <c r="J1150" s="16"/>
    </row>
    <row r="1151" spans="2:10" s="4" customFormat="1" x14ac:dyDescent="0.2">
      <c r="B1151" s="16"/>
      <c r="C1151" s="16"/>
      <c r="D1151" s="16"/>
      <c r="E1151" s="16"/>
      <c r="F1151" s="16"/>
      <c r="G1151" s="16"/>
      <c r="H1151" s="16"/>
      <c r="I1151" s="16"/>
      <c r="J1151" s="16"/>
    </row>
    <row r="1152" spans="2:10" s="4" customFormat="1" x14ac:dyDescent="0.2">
      <c r="B1152" s="16"/>
      <c r="C1152" s="16"/>
      <c r="D1152" s="16"/>
      <c r="E1152" s="16"/>
      <c r="F1152" s="16"/>
      <c r="G1152" s="16"/>
      <c r="H1152" s="16"/>
      <c r="I1152" s="16"/>
      <c r="J1152" s="16"/>
    </row>
    <row r="1153" spans="2:10" s="4" customFormat="1" x14ac:dyDescent="0.2">
      <c r="B1153" s="16"/>
      <c r="C1153" s="16"/>
      <c r="D1153" s="16"/>
      <c r="E1153" s="16"/>
      <c r="F1153" s="16"/>
      <c r="G1153" s="16"/>
      <c r="H1153" s="16"/>
      <c r="I1153" s="16"/>
      <c r="J1153" s="16"/>
    </row>
    <row r="1154" spans="2:10" s="4" customFormat="1" x14ac:dyDescent="0.2">
      <c r="B1154" s="16"/>
      <c r="C1154" s="16"/>
      <c r="D1154" s="16"/>
      <c r="E1154" s="16"/>
      <c r="F1154" s="16"/>
      <c r="G1154" s="16"/>
      <c r="H1154" s="16"/>
      <c r="I1154" s="16"/>
      <c r="J1154" s="16"/>
    </row>
    <row r="1155" spans="2:10" s="4" customFormat="1" x14ac:dyDescent="0.2">
      <c r="B1155" s="16"/>
      <c r="C1155" s="16"/>
      <c r="D1155" s="16"/>
      <c r="E1155" s="16"/>
      <c r="F1155" s="16"/>
      <c r="G1155" s="16"/>
      <c r="H1155" s="16"/>
      <c r="I1155" s="16"/>
      <c r="J1155" s="16"/>
    </row>
    <row r="1156" spans="2:10" s="4" customFormat="1" x14ac:dyDescent="0.2">
      <c r="B1156" s="16"/>
      <c r="C1156" s="16"/>
      <c r="D1156" s="16"/>
      <c r="E1156" s="16"/>
      <c r="F1156" s="16"/>
      <c r="G1156" s="16"/>
      <c r="H1156" s="16"/>
      <c r="I1156" s="16"/>
      <c r="J1156" s="16"/>
    </row>
    <row r="1157" spans="2:10" s="4" customFormat="1" x14ac:dyDescent="0.2">
      <c r="B1157" s="16"/>
      <c r="C1157" s="16"/>
      <c r="D1157" s="16"/>
      <c r="E1157" s="16"/>
      <c r="F1157" s="16"/>
      <c r="G1157" s="16"/>
      <c r="H1157" s="16"/>
      <c r="I1157" s="16"/>
      <c r="J1157" s="16"/>
    </row>
    <row r="1158" spans="2:10" s="4" customFormat="1" x14ac:dyDescent="0.2">
      <c r="B1158" s="16"/>
      <c r="C1158" s="16"/>
      <c r="D1158" s="16"/>
      <c r="E1158" s="16"/>
      <c r="F1158" s="16"/>
      <c r="G1158" s="16"/>
      <c r="H1158" s="16"/>
      <c r="I1158" s="16"/>
      <c r="J1158" s="16"/>
    </row>
    <row r="1159" spans="2:10" s="4" customFormat="1" x14ac:dyDescent="0.2">
      <c r="B1159" s="16"/>
      <c r="C1159" s="16"/>
      <c r="D1159" s="16"/>
      <c r="E1159" s="16"/>
      <c r="F1159" s="16"/>
      <c r="G1159" s="16"/>
      <c r="H1159" s="16"/>
      <c r="I1159" s="16"/>
      <c r="J1159" s="16"/>
    </row>
    <row r="1160" spans="2:10" s="4" customFormat="1" x14ac:dyDescent="0.2">
      <c r="B1160" s="16"/>
      <c r="C1160" s="16"/>
      <c r="D1160" s="16"/>
      <c r="E1160" s="16"/>
      <c r="F1160" s="16"/>
      <c r="G1160" s="16"/>
      <c r="H1160" s="16"/>
      <c r="I1160" s="16"/>
      <c r="J1160" s="16"/>
    </row>
    <row r="1161" spans="2:10" s="4" customFormat="1" x14ac:dyDescent="0.2">
      <c r="B1161" s="16"/>
      <c r="C1161" s="16"/>
      <c r="D1161" s="16"/>
      <c r="E1161" s="16"/>
      <c r="F1161" s="16"/>
      <c r="G1161" s="16"/>
      <c r="H1161" s="16"/>
      <c r="I1161" s="16"/>
      <c r="J1161" s="16"/>
    </row>
    <row r="1162" spans="2:10" s="4" customFormat="1" x14ac:dyDescent="0.2">
      <c r="B1162" s="16"/>
      <c r="C1162" s="16"/>
      <c r="D1162" s="16"/>
      <c r="E1162" s="16"/>
      <c r="F1162" s="16"/>
      <c r="G1162" s="16"/>
      <c r="H1162" s="16"/>
      <c r="I1162" s="16"/>
      <c r="J1162" s="16"/>
    </row>
    <row r="1163" spans="2:10" s="4" customFormat="1" x14ac:dyDescent="0.2">
      <c r="B1163" s="16"/>
      <c r="C1163" s="16"/>
      <c r="D1163" s="16"/>
      <c r="E1163" s="16"/>
      <c r="F1163" s="16"/>
      <c r="G1163" s="16"/>
      <c r="H1163" s="16"/>
      <c r="I1163" s="16"/>
      <c r="J1163" s="16"/>
    </row>
    <row r="1164" spans="2:10" s="4" customFormat="1" x14ac:dyDescent="0.2">
      <c r="B1164" s="16"/>
      <c r="C1164" s="16"/>
      <c r="D1164" s="16"/>
      <c r="E1164" s="16"/>
      <c r="F1164" s="16"/>
      <c r="G1164" s="16"/>
      <c r="H1164" s="16"/>
      <c r="I1164" s="16"/>
      <c r="J1164" s="16"/>
    </row>
    <row r="1165" spans="2:10" s="4" customFormat="1" x14ac:dyDescent="0.2">
      <c r="B1165" s="16"/>
      <c r="C1165" s="16"/>
      <c r="D1165" s="16"/>
      <c r="E1165" s="16"/>
      <c r="F1165" s="16"/>
      <c r="G1165" s="16"/>
      <c r="H1165" s="16"/>
      <c r="I1165" s="16"/>
      <c r="J1165" s="16"/>
    </row>
    <row r="1166" spans="2:10" s="4" customFormat="1" x14ac:dyDescent="0.2">
      <c r="B1166" s="16"/>
      <c r="C1166" s="16"/>
      <c r="D1166" s="16"/>
      <c r="E1166" s="16"/>
      <c r="F1166" s="16"/>
      <c r="G1166" s="16"/>
      <c r="H1166" s="16"/>
      <c r="I1166" s="16"/>
      <c r="J1166" s="16"/>
    </row>
    <row r="1167" spans="2:10" s="4" customFormat="1" x14ac:dyDescent="0.2">
      <c r="B1167" s="16"/>
      <c r="C1167" s="16"/>
      <c r="D1167" s="16"/>
      <c r="E1167" s="16"/>
      <c r="F1167" s="16"/>
      <c r="G1167" s="16"/>
      <c r="H1167" s="16"/>
      <c r="I1167" s="16"/>
      <c r="J1167" s="16"/>
    </row>
    <row r="1168" spans="2:10" s="4" customFormat="1" x14ac:dyDescent="0.2">
      <c r="B1168" s="16"/>
      <c r="C1168" s="16"/>
      <c r="D1168" s="16"/>
      <c r="E1168" s="16"/>
      <c r="F1168" s="16"/>
      <c r="G1168" s="16"/>
      <c r="H1168" s="16"/>
      <c r="I1168" s="16"/>
      <c r="J1168" s="16"/>
    </row>
    <row r="1169" spans="2:10" s="4" customFormat="1" x14ac:dyDescent="0.2">
      <c r="B1169" s="16"/>
      <c r="C1169" s="16"/>
      <c r="D1169" s="16"/>
      <c r="E1169" s="16"/>
      <c r="F1169" s="16"/>
      <c r="G1169" s="16"/>
      <c r="H1169" s="16"/>
      <c r="I1169" s="16"/>
      <c r="J1169" s="16"/>
    </row>
    <row r="1170" spans="2:10" s="4" customFormat="1" x14ac:dyDescent="0.2">
      <c r="B1170" s="16"/>
      <c r="C1170" s="16"/>
      <c r="D1170" s="16"/>
      <c r="E1170" s="16"/>
      <c r="F1170" s="16"/>
      <c r="G1170" s="16"/>
      <c r="H1170" s="16"/>
      <c r="I1170" s="16"/>
      <c r="J1170" s="16"/>
    </row>
    <row r="1171" spans="2:10" s="4" customFormat="1" x14ac:dyDescent="0.2">
      <c r="B1171" s="16"/>
      <c r="C1171" s="16"/>
      <c r="D1171" s="16"/>
      <c r="E1171" s="16"/>
      <c r="F1171" s="16"/>
      <c r="G1171" s="16"/>
      <c r="H1171" s="16"/>
      <c r="I1171" s="16"/>
      <c r="J1171" s="16"/>
    </row>
    <row r="1172" spans="2:10" s="4" customFormat="1" x14ac:dyDescent="0.2">
      <c r="B1172" s="16"/>
      <c r="C1172" s="16"/>
      <c r="D1172" s="16"/>
      <c r="E1172" s="16"/>
      <c r="F1172" s="16"/>
      <c r="G1172" s="16"/>
      <c r="H1172" s="16"/>
      <c r="I1172" s="16"/>
      <c r="J1172" s="16"/>
    </row>
    <row r="1173" spans="2:10" s="4" customFormat="1" x14ac:dyDescent="0.2">
      <c r="B1173" s="16"/>
      <c r="C1173" s="16"/>
      <c r="D1173" s="16"/>
      <c r="E1173" s="16"/>
      <c r="F1173" s="16"/>
      <c r="G1173" s="16"/>
      <c r="H1173" s="16"/>
      <c r="I1173" s="16"/>
      <c r="J1173" s="16"/>
    </row>
    <row r="1174" spans="2:10" s="4" customFormat="1" x14ac:dyDescent="0.2">
      <c r="B1174" s="16"/>
      <c r="C1174" s="16"/>
      <c r="D1174" s="16"/>
      <c r="E1174" s="16"/>
      <c r="F1174" s="16"/>
      <c r="G1174" s="16"/>
      <c r="H1174" s="16"/>
      <c r="I1174" s="16"/>
      <c r="J1174" s="16"/>
    </row>
    <row r="1175" spans="2:10" s="4" customFormat="1" x14ac:dyDescent="0.2">
      <c r="B1175" s="16"/>
      <c r="C1175" s="16"/>
      <c r="D1175" s="16"/>
      <c r="E1175" s="16"/>
      <c r="F1175" s="16"/>
      <c r="G1175" s="16"/>
      <c r="H1175" s="16"/>
      <c r="I1175" s="16"/>
      <c r="J1175" s="16"/>
    </row>
    <row r="1176" spans="2:10" s="4" customFormat="1" x14ac:dyDescent="0.2">
      <c r="B1176" s="16"/>
      <c r="C1176" s="16"/>
      <c r="D1176" s="16"/>
      <c r="E1176" s="16"/>
      <c r="F1176" s="16"/>
      <c r="G1176" s="16"/>
      <c r="H1176" s="16"/>
      <c r="I1176" s="16"/>
      <c r="J1176" s="16"/>
    </row>
    <row r="1177" spans="2:10" s="4" customFormat="1" x14ac:dyDescent="0.2">
      <c r="B1177" s="16"/>
      <c r="C1177" s="16"/>
      <c r="D1177" s="16"/>
      <c r="E1177" s="16"/>
      <c r="F1177" s="16"/>
      <c r="G1177" s="16"/>
      <c r="H1177" s="16"/>
      <c r="I1177" s="16"/>
      <c r="J1177" s="16"/>
    </row>
    <row r="1178" spans="2:10" s="4" customFormat="1" x14ac:dyDescent="0.2">
      <c r="B1178" s="16"/>
      <c r="C1178" s="16"/>
      <c r="D1178" s="16"/>
      <c r="E1178" s="16"/>
      <c r="F1178" s="16"/>
      <c r="G1178" s="16"/>
      <c r="H1178" s="16"/>
      <c r="I1178" s="16"/>
      <c r="J1178" s="16"/>
    </row>
    <row r="1179" spans="2:10" s="4" customFormat="1" x14ac:dyDescent="0.2">
      <c r="B1179" s="16"/>
      <c r="C1179" s="16"/>
      <c r="D1179" s="16"/>
      <c r="E1179" s="16"/>
      <c r="F1179" s="16"/>
      <c r="G1179" s="16"/>
      <c r="H1179" s="16"/>
      <c r="I1179" s="16"/>
      <c r="J1179" s="16"/>
    </row>
    <row r="1180" spans="2:10" s="4" customFormat="1" x14ac:dyDescent="0.2">
      <c r="B1180" s="16"/>
      <c r="C1180" s="16"/>
      <c r="D1180" s="16"/>
      <c r="E1180" s="16"/>
      <c r="F1180" s="16"/>
      <c r="G1180" s="16"/>
      <c r="H1180" s="16"/>
      <c r="I1180" s="16"/>
      <c r="J1180" s="16"/>
    </row>
    <row r="1181" spans="2:10" s="4" customFormat="1" x14ac:dyDescent="0.2">
      <c r="B1181" s="16"/>
      <c r="C1181" s="16"/>
      <c r="D1181" s="16"/>
      <c r="E1181" s="16"/>
      <c r="F1181" s="16"/>
      <c r="G1181" s="16"/>
      <c r="H1181" s="16"/>
      <c r="I1181" s="16"/>
      <c r="J1181" s="16"/>
    </row>
    <row r="1182" spans="2:10" s="4" customFormat="1" x14ac:dyDescent="0.2">
      <c r="B1182" s="16"/>
      <c r="C1182" s="16"/>
      <c r="D1182" s="16"/>
      <c r="E1182" s="16"/>
      <c r="F1182" s="16"/>
      <c r="G1182" s="16"/>
      <c r="H1182" s="16"/>
      <c r="I1182" s="16"/>
      <c r="J1182" s="16"/>
    </row>
    <row r="1183" spans="2:10" s="4" customFormat="1" x14ac:dyDescent="0.2">
      <c r="B1183" s="16"/>
      <c r="C1183" s="16"/>
      <c r="D1183" s="16"/>
      <c r="E1183" s="16"/>
      <c r="F1183" s="16"/>
      <c r="G1183" s="16"/>
      <c r="H1183" s="16"/>
      <c r="I1183" s="16"/>
      <c r="J1183" s="16"/>
    </row>
    <row r="1184" spans="2:10" s="4" customFormat="1" x14ac:dyDescent="0.2">
      <c r="B1184" s="16"/>
      <c r="C1184" s="16"/>
      <c r="D1184" s="16"/>
      <c r="E1184" s="16"/>
      <c r="F1184" s="16"/>
      <c r="G1184" s="16"/>
      <c r="H1184" s="16"/>
      <c r="I1184" s="16"/>
      <c r="J1184" s="16"/>
    </row>
    <row r="1185" spans="2:10" s="4" customFormat="1" x14ac:dyDescent="0.2">
      <c r="B1185" s="16"/>
      <c r="C1185" s="16"/>
      <c r="D1185" s="16"/>
      <c r="E1185" s="16"/>
      <c r="F1185" s="16"/>
      <c r="G1185" s="16"/>
      <c r="H1185" s="16"/>
      <c r="I1185" s="16"/>
      <c r="J1185" s="16"/>
    </row>
    <row r="1186" spans="2:10" s="4" customFormat="1" x14ac:dyDescent="0.2">
      <c r="B1186" s="16"/>
      <c r="C1186" s="16"/>
      <c r="D1186" s="16"/>
      <c r="E1186" s="16"/>
      <c r="F1186" s="16"/>
      <c r="G1186" s="16"/>
      <c r="H1186" s="16"/>
      <c r="I1186" s="16"/>
      <c r="J1186" s="16"/>
    </row>
    <row r="1187" spans="2:10" s="4" customFormat="1" x14ac:dyDescent="0.2">
      <c r="B1187" s="16"/>
      <c r="C1187" s="16"/>
      <c r="D1187" s="16"/>
      <c r="E1187" s="16"/>
      <c r="F1187" s="16"/>
      <c r="G1187" s="16"/>
      <c r="H1187" s="16"/>
      <c r="I1187" s="16"/>
      <c r="J1187" s="16"/>
    </row>
    <row r="1188" spans="2:10" s="4" customFormat="1" x14ac:dyDescent="0.2">
      <c r="B1188" s="16"/>
      <c r="C1188" s="16"/>
      <c r="D1188" s="16"/>
      <c r="E1188" s="16"/>
      <c r="F1188" s="16"/>
      <c r="G1188" s="16"/>
      <c r="H1188" s="16"/>
      <c r="I1188" s="16"/>
      <c r="J1188" s="16"/>
    </row>
    <row r="1189" spans="2:10" s="4" customFormat="1" x14ac:dyDescent="0.2">
      <c r="B1189" s="16"/>
      <c r="C1189" s="16"/>
      <c r="D1189" s="16"/>
      <c r="E1189" s="16"/>
      <c r="F1189" s="16"/>
      <c r="G1189" s="16"/>
      <c r="H1189" s="16"/>
      <c r="I1189" s="16"/>
      <c r="J1189" s="16"/>
    </row>
    <row r="1190" spans="2:10" s="4" customFormat="1" x14ac:dyDescent="0.2">
      <c r="B1190" s="16"/>
      <c r="C1190" s="16"/>
      <c r="D1190" s="16"/>
      <c r="E1190" s="16"/>
      <c r="F1190" s="16"/>
      <c r="G1190" s="16"/>
      <c r="H1190" s="16"/>
      <c r="I1190" s="16"/>
      <c r="J1190" s="16"/>
    </row>
    <row r="1191" spans="2:10" s="4" customFormat="1" x14ac:dyDescent="0.2">
      <c r="B1191" s="16"/>
      <c r="C1191" s="16"/>
      <c r="D1191" s="16"/>
      <c r="E1191" s="16"/>
      <c r="F1191" s="16"/>
      <c r="G1191" s="16"/>
      <c r="H1191" s="16"/>
      <c r="I1191" s="16"/>
      <c r="J1191" s="16"/>
    </row>
    <row r="1192" spans="2:10" s="4" customFormat="1" x14ac:dyDescent="0.2">
      <c r="B1192" s="16"/>
      <c r="C1192" s="16"/>
      <c r="D1192" s="16"/>
      <c r="E1192" s="16"/>
      <c r="F1192" s="16"/>
      <c r="G1192" s="16"/>
      <c r="H1192" s="16"/>
      <c r="I1192" s="16"/>
      <c r="J1192" s="16"/>
    </row>
    <row r="1193" spans="2:10" s="4" customFormat="1" x14ac:dyDescent="0.2">
      <c r="B1193" s="16"/>
      <c r="C1193" s="16"/>
      <c r="D1193" s="16"/>
      <c r="E1193" s="16"/>
      <c r="F1193" s="16"/>
      <c r="G1193" s="16"/>
      <c r="H1193" s="16"/>
      <c r="I1193" s="16"/>
      <c r="J1193" s="16"/>
    </row>
    <row r="1194" spans="2:10" s="4" customFormat="1" x14ac:dyDescent="0.2">
      <c r="B1194" s="16"/>
      <c r="C1194" s="16"/>
      <c r="D1194" s="16"/>
      <c r="E1194" s="16"/>
      <c r="F1194" s="16"/>
      <c r="G1194" s="16"/>
      <c r="H1194" s="16"/>
      <c r="I1194" s="16"/>
      <c r="J1194" s="16"/>
    </row>
    <row r="1195" spans="2:10" s="4" customFormat="1" x14ac:dyDescent="0.2">
      <c r="B1195" s="16"/>
      <c r="C1195" s="16"/>
      <c r="D1195" s="16"/>
      <c r="E1195" s="16"/>
      <c r="F1195" s="16"/>
      <c r="G1195" s="16"/>
      <c r="H1195" s="16"/>
      <c r="I1195" s="16"/>
      <c r="J1195" s="16"/>
    </row>
    <row r="1196" spans="2:10" s="4" customFormat="1" x14ac:dyDescent="0.2">
      <c r="B1196" s="16"/>
      <c r="C1196" s="16"/>
      <c r="D1196" s="16"/>
      <c r="E1196" s="16"/>
      <c r="F1196" s="16"/>
      <c r="G1196" s="16"/>
      <c r="H1196" s="16"/>
      <c r="I1196" s="16"/>
      <c r="J1196" s="16"/>
    </row>
    <row r="1197" spans="2:10" s="4" customFormat="1" x14ac:dyDescent="0.2">
      <c r="B1197" s="16"/>
      <c r="C1197" s="16"/>
      <c r="D1197" s="16"/>
      <c r="E1197" s="16"/>
      <c r="F1197" s="16"/>
      <c r="G1197" s="16"/>
      <c r="H1197" s="16"/>
      <c r="I1197" s="16"/>
      <c r="J1197" s="16"/>
    </row>
    <row r="1198" spans="2:10" s="4" customFormat="1" x14ac:dyDescent="0.2">
      <c r="B1198" s="16"/>
      <c r="C1198" s="16"/>
      <c r="D1198" s="16"/>
      <c r="E1198" s="16"/>
      <c r="F1198" s="16"/>
      <c r="G1198" s="16"/>
      <c r="H1198" s="16"/>
      <c r="I1198" s="16"/>
      <c r="J1198" s="16"/>
    </row>
    <row r="1199" spans="2:10" s="4" customFormat="1" x14ac:dyDescent="0.2">
      <c r="B1199" s="16"/>
      <c r="C1199" s="16"/>
      <c r="D1199" s="16"/>
      <c r="E1199" s="16"/>
      <c r="F1199" s="16"/>
      <c r="G1199" s="16"/>
      <c r="H1199" s="16"/>
      <c r="I1199" s="16"/>
      <c r="J1199" s="16"/>
    </row>
    <row r="1200" spans="2:10" s="4" customFormat="1" x14ac:dyDescent="0.2">
      <c r="B1200" s="16"/>
      <c r="C1200" s="16"/>
      <c r="D1200" s="16"/>
      <c r="E1200" s="16"/>
      <c r="F1200" s="16"/>
      <c r="G1200" s="16"/>
      <c r="H1200" s="16"/>
      <c r="I1200" s="16"/>
      <c r="J1200" s="16"/>
    </row>
    <row r="1201" spans="2:10" s="4" customFormat="1" x14ac:dyDescent="0.2">
      <c r="B1201" s="16"/>
      <c r="C1201" s="16"/>
      <c r="D1201" s="16"/>
      <c r="E1201" s="16"/>
      <c r="F1201" s="16"/>
      <c r="G1201" s="16"/>
      <c r="H1201" s="16"/>
      <c r="I1201" s="16"/>
      <c r="J1201" s="16"/>
    </row>
    <row r="1202" spans="2:10" s="4" customFormat="1" x14ac:dyDescent="0.2">
      <c r="B1202" s="16"/>
      <c r="C1202" s="16"/>
      <c r="D1202" s="16"/>
      <c r="E1202" s="16"/>
      <c r="F1202" s="16"/>
      <c r="G1202" s="16"/>
      <c r="H1202" s="16"/>
      <c r="I1202" s="16"/>
      <c r="J1202" s="16"/>
    </row>
    <row r="1203" spans="2:10" s="4" customFormat="1" x14ac:dyDescent="0.2">
      <c r="B1203" s="16"/>
      <c r="C1203" s="16"/>
      <c r="D1203" s="16"/>
      <c r="E1203" s="16"/>
      <c r="F1203" s="16"/>
      <c r="G1203" s="16"/>
      <c r="H1203" s="16"/>
      <c r="I1203" s="16"/>
      <c r="J1203" s="16"/>
    </row>
    <row r="1204" spans="2:10" s="4" customFormat="1" x14ac:dyDescent="0.2">
      <c r="B1204" s="16"/>
      <c r="C1204" s="16"/>
      <c r="D1204" s="16"/>
      <c r="E1204" s="16"/>
      <c r="F1204" s="16"/>
      <c r="G1204" s="16"/>
      <c r="H1204" s="16"/>
      <c r="I1204" s="16"/>
      <c r="J1204" s="16"/>
    </row>
    <row r="1205" spans="2:10" s="4" customFormat="1" x14ac:dyDescent="0.2">
      <c r="B1205" s="16"/>
      <c r="C1205" s="16"/>
      <c r="D1205" s="16"/>
      <c r="E1205" s="16"/>
      <c r="F1205" s="16"/>
      <c r="G1205" s="16"/>
      <c r="H1205" s="16"/>
      <c r="I1205" s="16"/>
      <c r="J1205" s="16"/>
    </row>
    <row r="1206" spans="2:10" s="4" customFormat="1" x14ac:dyDescent="0.2">
      <c r="B1206" s="16"/>
      <c r="C1206" s="16"/>
      <c r="D1206" s="16"/>
      <c r="E1206" s="16"/>
      <c r="F1206" s="16"/>
      <c r="G1206" s="16"/>
      <c r="H1206" s="16"/>
      <c r="I1206" s="16"/>
      <c r="J1206" s="16"/>
    </row>
    <row r="1207" spans="2:10" s="4" customFormat="1" x14ac:dyDescent="0.2">
      <c r="B1207" s="16"/>
      <c r="C1207" s="16"/>
      <c r="D1207" s="16"/>
      <c r="E1207" s="16"/>
      <c r="F1207" s="16"/>
      <c r="G1207" s="16"/>
      <c r="H1207" s="16"/>
      <c r="I1207" s="16"/>
      <c r="J1207" s="16"/>
    </row>
    <row r="1208" spans="2:10" s="4" customFormat="1" x14ac:dyDescent="0.2">
      <c r="B1208" s="16"/>
      <c r="C1208" s="16"/>
      <c r="D1208" s="16"/>
      <c r="E1208" s="16"/>
      <c r="F1208" s="16"/>
      <c r="G1208" s="16"/>
      <c r="H1208" s="16"/>
      <c r="I1208" s="16"/>
      <c r="J1208" s="16"/>
    </row>
    <row r="1209" spans="2:10" s="4" customFormat="1" x14ac:dyDescent="0.2">
      <c r="B1209" s="16"/>
      <c r="C1209" s="16"/>
      <c r="D1209" s="16"/>
      <c r="E1209" s="16"/>
      <c r="F1209" s="16"/>
      <c r="G1209" s="16"/>
      <c r="H1209" s="16"/>
      <c r="I1209" s="16"/>
      <c r="J1209" s="16"/>
    </row>
    <row r="1210" spans="2:10" s="4" customFormat="1" x14ac:dyDescent="0.2">
      <c r="B1210" s="16"/>
      <c r="C1210" s="16"/>
      <c r="D1210" s="16"/>
      <c r="E1210" s="16"/>
      <c r="F1210" s="16"/>
      <c r="G1210" s="16"/>
      <c r="H1210" s="16"/>
      <c r="I1210" s="16"/>
      <c r="J1210" s="16"/>
    </row>
    <row r="1211" spans="2:10" s="4" customFormat="1" x14ac:dyDescent="0.2">
      <c r="B1211" s="16"/>
      <c r="C1211" s="16"/>
      <c r="D1211" s="16"/>
      <c r="E1211" s="16"/>
      <c r="F1211" s="16"/>
      <c r="G1211" s="16"/>
      <c r="H1211" s="16"/>
      <c r="I1211" s="16"/>
      <c r="J1211" s="16"/>
    </row>
    <row r="1212" spans="2:10" s="4" customFormat="1" x14ac:dyDescent="0.2">
      <c r="B1212" s="16"/>
      <c r="C1212" s="16"/>
      <c r="D1212" s="16"/>
      <c r="E1212" s="16"/>
      <c r="F1212" s="16"/>
      <c r="G1212" s="16"/>
      <c r="H1212" s="16"/>
      <c r="I1212" s="16"/>
      <c r="J1212" s="16"/>
    </row>
    <row r="1213" spans="2:10" s="4" customFormat="1" x14ac:dyDescent="0.2">
      <c r="B1213" s="16"/>
      <c r="C1213" s="16"/>
      <c r="D1213" s="16"/>
      <c r="E1213" s="16"/>
      <c r="F1213" s="16"/>
      <c r="G1213" s="16"/>
      <c r="H1213" s="16"/>
      <c r="I1213" s="16"/>
      <c r="J1213" s="16"/>
    </row>
    <row r="1214" spans="2:10" s="4" customFormat="1" x14ac:dyDescent="0.2">
      <c r="B1214" s="16"/>
      <c r="C1214" s="16"/>
      <c r="D1214" s="16"/>
      <c r="E1214" s="16"/>
      <c r="F1214" s="16"/>
      <c r="G1214" s="16"/>
      <c r="H1214" s="16"/>
      <c r="I1214" s="16"/>
      <c r="J1214" s="16"/>
    </row>
    <row r="1215" spans="2:10" s="4" customFormat="1" x14ac:dyDescent="0.2">
      <c r="B1215" s="16"/>
      <c r="C1215" s="16"/>
      <c r="D1215" s="16"/>
      <c r="E1215" s="16"/>
      <c r="F1215" s="16"/>
      <c r="G1215" s="16"/>
      <c r="H1215" s="16"/>
      <c r="I1215" s="16"/>
      <c r="J1215" s="16"/>
    </row>
    <row r="1216" spans="2:10" s="4" customFormat="1" x14ac:dyDescent="0.2">
      <c r="B1216" s="16"/>
      <c r="C1216" s="16"/>
      <c r="D1216" s="16"/>
      <c r="E1216" s="16"/>
      <c r="F1216" s="16"/>
      <c r="G1216" s="16"/>
      <c r="H1216" s="16"/>
      <c r="I1216" s="16"/>
      <c r="J1216" s="16"/>
    </row>
    <row r="1217" spans="2:10" s="4" customFormat="1" x14ac:dyDescent="0.2">
      <c r="B1217" s="16"/>
      <c r="C1217" s="16"/>
      <c r="D1217" s="16"/>
      <c r="E1217" s="16"/>
      <c r="F1217" s="16"/>
      <c r="G1217" s="16"/>
      <c r="H1217" s="16"/>
      <c r="I1217" s="16"/>
      <c r="J1217" s="16"/>
    </row>
    <row r="1218" spans="2:10" s="4" customFormat="1" x14ac:dyDescent="0.2">
      <c r="B1218" s="16"/>
      <c r="C1218" s="16"/>
      <c r="D1218" s="16"/>
      <c r="E1218" s="16"/>
      <c r="F1218" s="16"/>
      <c r="G1218" s="16"/>
      <c r="H1218" s="16"/>
      <c r="I1218" s="16"/>
      <c r="J1218" s="16"/>
    </row>
    <row r="1219" spans="2:10" s="4" customFormat="1" x14ac:dyDescent="0.2">
      <c r="B1219" s="16"/>
      <c r="C1219" s="16"/>
      <c r="D1219" s="16"/>
      <c r="E1219" s="16"/>
      <c r="F1219" s="16"/>
      <c r="G1219" s="16"/>
      <c r="H1219" s="16"/>
      <c r="I1219" s="16"/>
      <c r="J1219" s="16"/>
    </row>
    <row r="1220" spans="2:10" s="4" customFormat="1" x14ac:dyDescent="0.2">
      <c r="B1220" s="16"/>
      <c r="C1220" s="16"/>
      <c r="D1220" s="16"/>
      <c r="E1220" s="16"/>
      <c r="F1220" s="16"/>
      <c r="G1220" s="16"/>
      <c r="H1220" s="16"/>
      <c r="I1220" s="16"/>
      <c r="J1220" s="16"/>
    </row>
    <row r="1221" spans="2:10" s="4" customFormat="1" x14ac:dyDescent="0.2">
      <c r="B1221" s="16"/>
      <c r="C1221" s="16"/>
      <c r="D1221" s="16"/>
      <c r="E1221" s="16"/>
      <c r="F1221" s="16"/>
      <c r="G1221" s="16"/>
      <c r="H1221" s="16"/>
      <c r="I1221" s="16"/>
      <c r="J1221" s="16"/>
    </row>
    <row r="1222" spans="2:10" s="4" customFormat="1" x14ac:dyDescent="0.2">
      <c r="B1222" s="16"/>
      <c r="C1222" s="16"/>
      <c r="D1222" s="16"/>
      <c r="E1222" s="16"/>
      <c r="F1222" s="16"/>
      <c r="G1222" s="16"/>
      <c r="H1222" s="16"/>
      <c r="I1222" s="16"/>
      <c r="J1222" s="16"/>
    </row>
    <row r="1223" spans="2:10" s="4" customFormat="1" x14ac:dyDescent="0.2">
      <c r="B1223" s="16"/>
      <c r="C1223" s="16"/>
      <c r="D1223" s="16"/>
      <c r="E1223" s="16"/>
      <c r="F1223" s="16"/>
      <c r="G1223" s="16"/>
      <c r="H1223" s="16"/>
      <c r="I1223" s="16"/>
      <c r="J1223" s="16"/>
    </row>
    <row r="1224" spans="2:10" s="4" customFormat="1" x14ac:dyDescent="0.2">
      <c r="B1224" s="16"/>
      <c r="C1224" s="16"/>
      <c r="D1224" s="16"/>
      <c r="E1224" s="16"/>
      <c r="F1224" s="16"/>
      <c r="G1224" s="16"/>
      <c r="H1224" s="16"/>
      <c r="I1224" s="16"/>
      <c r="J1224" s="16"/>
    </row>
    <row r="1225" spans="2:10" s="4" customFormat="1" x14ac:dyDescent="0.2">
      <c r="B1225" s="16"/>
      <c r="C1225" s="16"/>
      <c r="D1225" s="16"/>
      <c r="E1225" s="16"/>
      <c r="F1225" s="16"/>
      <c r="G1225" s="16"/>
      <c r="H1225" s="16"/>
      <c r="I1225" s="16"/>
      <c r="J1225" s="16"/>
    </row>
    <row r="1226" spans="2:10" s="4" customFormat="1" x14ac:dyDescent="0.2">
      <c r="B1226" s="16"/>
      <c r="C1226" s="16"/>
      <c r="D1226" s="16"/>
      <c r="E1226" s="16"/>
      <c r="F1226" s="16"/>
      <c r="G1226" s="16"/>
      <c r="H1226" s="16"/>
      <c r="I1226" s="16"/>
      <c r="J1226" s="16"/>
    </row>
    <row r="1227" spans="2:10" s="4" customFormat="1" x14ac:dyDescent="0.2">
      <c r="B1227" s="16"/>
      <c r="C1227" s="16"/>
      <c r="D1227" s="16"/>
      <c r="E1227" s="16"/>
      <c r="F1227" s="16"/>
      <c r="G1227" s="16"/>
      <c r="H1227" s="16"/>
      <c r="I1227" s="16"/>
      <c r="J1227" s="16"/>
    </row>
    <row r="1228" spans="2:10" s="4" customFormat="1" x14ac:dyDescent="0.2">
      <c r="B1228" s="16"/>
      <c r="C1228" s="16"/>
      <c r="D1228" s="16"/>
      <c r="E1228" s="16"/>
      <c r="F1228" s="16"/>
      <c r="G1228" s="16"/>
      <c r="H1228" s="16"/>
      <c r="I1228" s="16"/>
      <c r="J1228" s="16"/>
    </row>
    <row r="1229" spans="2:10" s="4" customFormat="1" x14ac:dyDescent="0.2">
      <c r="B1229" s="16"/>
      <c r="C1229" s="16"/>
      <c r="D1229" s="16"/>
      <c r="E1229" s="16"/>
      <c r="F1229" s="16"/>
      <c r="G1229" s="16"/>
      <c r="H1229" s="16"/>
      <c r="I1229" s="16"/>
      <c r="J1229" s="16"/>
    </row>
    <row r="1230" spans="2:10" s="4" customFormat="1" x14ac:dyDescent="0.2">
      <c r="B1230" s="16"/>
      <c r="C1230" s="16"/>
      <c r="D1230" s="16"/>
      <c r="E1230" s="16"/>
      <c r="F1230" s="16"/>
      <c r="G1230" s="16"/>
      <c r="H1230" s="16"/>
      <c r="I1230" s="16"/>
      <c r="J1230" s="16"/>
    </row>
    <row r="1231" spans="2:10" s="4" customFormat="1" x14ac:dyDescent="0.2">
      <c r="B1231" s="16"/>
      <c r="C1231" s="16"/>
      <c r="D1231" s="16"/>
      <c r="E1231" s="16"/>
      <c r="F1231" s="16"/>
      <c r="G1231" s="16"/>
      <c r="H1231" s="16"/>
      <c r="I1231" s="16"/>
      <c r="J1231" s="16"/>
    </row>
    <row r="1232" spans="2:10" s="4" customFormat="1" x14ac:dyDescent="0.2">
      <c r="B1232" s="16"/>
      <c r="C1232" s="16"/>
      <c r="D1232" s="16"/>
      <c r="E1232" s="16"/>
      <c r="F1232" s="16"/>
      <c r="G1232" s="16"/>
      <c r="H1232" s="16"/>
      <c r="I1232" s="16"/>
      <c r="J1232" s="16"/>
    </row>
    <row r="1233" spans="2:10" s="4" customFormat="1" x14ac:dyDescent="0.2">
      <c r="B1233" s="16"/>
      <c r="C1233" s="16"/>
      <c r="D1233" s="16"/>
      <c r="E1233" s="16"/>
      <c r="F1233" s="16"/>
      <c r="G1233" s="16"/>
      <c r="H1233" s="16"/>
      <c r="I1233" s="16"/>
      <c r="J1233" s="16"/>
    </row>
    <row r="1234" spans="2:10" s="4" customFormat="1" x14ac:dyDescent="0.2">
      <c r="B1234" s="16"/>
      <c r="C1234" s="16"/>
      <c r="D1234" s="16"/>
      <c r="E1234" s="16"/>
      <c r="F1234" s="16"/>
      <c r="G1234" s="16"/>
      <c r="H1234" s="16"/>
      <c r="I1234" s="16"/>
      <c r="J1234" s="16"/>
    </row>
    <row r="1235" spans="2:10" s="4" customFormat="1" x14ac:dyDescent="0.2">
      <c r="B1235" s="16"/>
      <c r="C1235" s="16"/>
      <c r="D1235" s="16"/>
      <c r="E1235" s="16"/>
      <c r="F1235" s="16"/>
      <c r="G1235" s="16"/>
      <c r="H1235" s="16"/>
      <c r="I1235" s="16"/>
      <c r="J1235" s="16"/>
    </row>
    <row r="1236" spans="2:10" s="4" customFormat="1" x14ac:dyDescent="0.2">
      <c r="B1236" s="16"/>
      <c r="C1236" s="16"/>
      <c r="D1236" s="16"/>
      <c r="E1236" s="16"/>
      <c r="F1236" s="16"/>
      <c r="G1236" s="16"/>
      <c r="H1236" s="16"/>
      <c r="I1236" s="16"/>
      <c r="J1236" s="16"/>
    </row>
    <row r="1237" spans="2:10" s="4" customFormat="1" x14ac:dyDescent="0.2">
      <c r="B1237" s="16"/>
      <c r="C1237" s="16"/>
      <c r="D1237" s="16"/>
      <c r="E1237" s="16"/>
      <c r="F1237" s="16"/>
      <c r="G1237" s="16"/>
      <c r="H1237" s="16"/>
      <c r="I1237" s="16"/>
      <c r="J1237" s="16"/>
    </row>
    <row r="1238" spans="2:10" s="4" customFormat="1" x14ac:dyDescent="0.2">
      <c r="B1238" s="16"/>
      <c r="C1238" s="16"/>
      <c r="D1238" s="16"/>
      <c r="E1238" s="16"/>
      <c r="F1238" s="16"/>
      <c r="G1238" s="16"/>
      <c r="H1238" s="16"/>
      <c r="I1238" s="16"/>
      <c r="J1238" s="16"/>
    </row>
    <row r="1239" spans="2:10" s="4" customFormat="1" x14ac:dyDescent="0.2">
      <c r="B1239" s="16"/>
      <c r="C1239" s="16"/>
      <c r="D1239" s="16"/>
      <c r="E1239" s="16"/>
      <c r="F1239" s="16"/>
      <c r="G1239" s="16"/>
      <c r="H1239" s="16"/>
      <c r="I1239" s="16"/>
      <c r="J1239" s="16"/>
    </row>
    <row r="1240" spans="2:10" s="4" customFormat="1" x14ac:dyDescent="0.2">
      <c r="B1240" s="16"/>
      <c r="C1240" s="16"/>
      <c r="D1240" s="16"/>
      <c r="E1240" s="16"/>
      <c r="F1240" s="16"/>
      <c r="G1240" s="16"/>
      <c r="H1240" s="16"/>
      <c r="I1240" s="16"/>
      <c r="J1240" s="16"/>
    </row>
    <row r="1241" spans="2:10" s="4" customFormat="1" x14ac:dyDescent="0.2">
      <c r="B1241" s="16"/>
      <c r="C1241" s="16"/>
      <c r="D1241" s="16"/>
      <c r="E1241" s="16"/>
      <c r="F1241" s="16"/>
      <c r="G1241" s="16"/>
      <c r="H1241" s="16"/>
      <c r="I1241" s="16"/>
      <c r="J1241" s="16"/>
    </row>
    <row r="1242" spans="2:10" s="4" customFormat="1" x14ac:dyDescent="0.2">
      <c r="B1242" s="16"/>
      <c r="C1242" s="16"/>
      <c r="D1242" s="16"/>
      <c r="E1242" s="16"/>
      <c r="F1242" s="16"/>
      <c r="G1242" s="16"/>
      <c r="H1242" s="16"/>
      <c r="I1242" s="16"/>
      <c r="J1242" s="16"/>
    </row>
    <row r="1243" spans="2:10" s="4" customFormat="1" x14ac:dyDescent="0.2">
      <c r="B1243" s="16"/>
      <c r="C1243" s="16"/>
      <c r="D1243" s="16"/>
      <c r="E1243" s="16"/>
      <c r="F1243" s="16"/>
      <c r="G1243" s="16"/>
      <c r="H1243" s="16"/>
      <c r="I1243" s="16"/>
      <c r="J1243" s="16"/>
    </row>
    <row r="1244" spans="2:10" s="4" customFormat="1" x14ac:dyDescent="0.2">
      <c r="B1244" s="16"/>
      <c r="C1244" s="16"/>
      <c r="D1244" s="16"/>
      <c r="E1244" s="16"/>
      <c r="F1244" s="16"/>
      <c r="G1244" s="16"/>
      <c r="H1244" s="16"/>
      <c r="I1244" s="16"/>
      <c r="J1244" s="16"/>
    </row>
    <row r="1245" spans="2:10" s="4" customFormat="1" x14ac:dyDescent="0.2">
      <c r="B1245" s="16"/>
      <c r="C1245" s="16"/>
      <c r="D1245" s="16"/>
      <c r="E1245" s="16"/>
      <c r="F1245" s="16"/>
      <c r="G1245" s="16"/>
      <c r="H1245" s="16"/>
      <c r="I1245" s="16"/>
      <c r="J1245" s="16"/>
    </row>
    <row r="1246" spans="2:10" s="4" customFormat="1" x14ac:dyDescent="0.2">
      <c r="B1246" s="16"/>
      <c r="C1246" s="16"/>
      <c r="D1246" s="16"/>
      <c r="E1246" s="16"/>
      <c r="F1246" s="16"/>
      <c r="G1246" s="16"/>
      <c r="H1246" s="16"/>
      <c r="I1246" s="16"/>
      <c r="J1246" s="16"/>
    </row>
    <row r="1247" spans="2:10" s="4" customFormat="1" x14ac:dyDescent="0.2">
      <c r="B1247" s="16"/>
      <c r="C1247" s="16"/>
      <c r="D1247" s="16"/>
      <c r="E1247" s="16"/>
      <c r="F1247" s="16"/>
      <c r="G1247" s="16"/>
      <c r="H1247" s="16"/>
      <c r="I1247" s="16"/>
      <c r="J1247" s="16"/>
    </row>
    <row r="1248" spans="2:10" s="4" customFormat="1" x14ac:dyDescent="0.2">
      <c r="B1248" s="16"/>
      <c r="C1248" s="16"/>
      <c r="D1248" s="16"/>
      <c r="E1248" s="16"/>
      <c r="F1248" s="16"/>
      <c r="G1248" s="16"/>
      <c r="H1248" s="16"/>
      <c r="I1248" s="16"/>
      <c r="J1248" s="16"/>
    </row>
    <row r="1249" spans="2:10" s="4" customFormat="1" x14ac:dyDescent="0.2">
      <c r="B1249" s="16"/>
      <c r="C1249" s="16"/>
      <c r="D1249" s="16"/>
      <c r="E1249" s="16"/>
      <c r="F1249" s="16"/>
      <c r="G1249" s="16"/>
      <c r="H1249" s="16"/>
      <c r="I1249" s="16"/>
      <c r="J1249" s="16"/>
    </row>
    <row r="1250" spans="2:10" s="4" customFormat="1" x14ac:dyDescent="0.2">
      <c r="B1250" s="16"/>
      <c r="C1250" s="16"/>
      <c r="D1250" s="16"/>
      <c r="E1250" s="16"/>
      <c r="F1250" s="16"/>
      <c r="G1250" s="16"/>
      <c r="H1250" s="16"/>
      <c r="I1250" s="16"/>
      <c r="J1250" s="16"/>
    </row>
    <row r="1251" spans="2:10" s="4" customFormat="1" x14ac:dyDescent="0.2">
      <c r="B1251" s="16"/>
      <c r="C1251" s="16"/>
      <c r="D1251" s="16"/>
      <c r="E1251" s="16"/>
      <c r="F1251" s="16"/>
      <c r="G1251" s="16"/>
      <c r="H1251" s="16"/>
      <c r="I1251" s="16"/>
      <c r="J1251" s="16"/>
    </row>
    <row r="1252" spans="2:10" s="4" customFormat="1" x14ac:dyDescent="0.2">
      <c r="B1252" s="16"/>
      <c r="C1252" s="16"/>
      <c r="D1252" s="16"/>
      <c r="E1252" s="16"/>
      <c r="F1252" s="16"/>
      <c r="G1252" s="16"/>
      <c r="H1252" s="16"/>
      <c r="I1252" s="16"/>
      <c r="J1252" s="16"/>
    </row>
    <row r="1253" spans="2:10" s="4" customFormat="1" x14ac:dyDescent="0.2">
      <c r="B1253" s="16"/>
      <c r="C1253" s="16"/>
      <c r="D1253" s="16"/>
      <c r="E1253" s="16"/>
      <c r="F1253" s="16"/>
      <c r="G1253" s="16"/>
      <c r="H1253" s="16"/>
      <c r="I1253" s="16"/>
      <c r="J1253" s="16"/>
    </row>
    <row r="1254" spans="2:10" s="4" customFormat="1" x14ac:dyDescent="0.2">
      <c r="B1254" s="16"/>
      <c r="C1254" s="16"/>
      <c r="D1254" s="16"/>
      <c r="E1254" s="16"/>
      <c r="F1254" s="16"/>
      <c r="G1254" s="16"/>
      <c r="H1254" s="16"/>
      <c r="I1254" s="16"/>
      <c r="J1254" s="16"/>
    </row>
    <row r="1255" spans="2:10" s="4" customFormat="1" x14ac:dyDescent="0.2">
      <c r="B1255" s="16"/>
      <c r="C1255" s="16"/>
      <c r="D1255" s="16"/>
      <c r="E1255" s="16"/>
      <c r="F1255" s="16"/>
      <c r="G1255" s="16"/>
      <c r="H1255" s="16"/>
      <c r="I1255" s="16"/>
      <c r="J1255" s="16"/>
    </row>
    <row r="1256" spans="2:10" s="4" customFormat="1" x14ac:dyDescent="0.2">
      <c r="B1256" s="16"/>
      <c r="C1256" s="16"/>
      <c r="D1256" s="16"/>
      <c r="E1256" s="16"/>
      <c r="F1256" s="16"/>
      <c r="G1256" s="16"/>
      <c r="H1256" s="16"/>
      <c r="I1256" s="16"/>
      <c r="J1256" s="16"/>
    </row>
    <row r="1257" spans="2:10" s="4" customFormat="1" x14ac:dyDescent="0.2">
      <c r="B1257" s="16"/>
      <c r="C1257" s="16"/>
      <c r="D1257" s="16"/>
      <c r="E1257" s="16"/>
      <c r="F1257" s="16"/>
      <c r="G1257" s="16"/>
      <c r="H1257" s="16"/>
      <c r="I1257" s="16"/>
      <c r="J1257" s="16"/>
    </row>
    <row r="1258" spans="2:10" s="4" customFormat="1" x14ac:dyDescent="0.2">
      <c r="B1258" s="16"/>
      <c r="C1258" s="16"/>
      <c r="D1258" s="16"/>
      <c r="E1258" s="16"/>
      <c r="F1258" s="16"/>
      <c r="G1258" s="16"/>
      <c r="H1258" s="16"/>
      <c r="I1258" s="16"/>
      <c r="J1258" s="16"/>
    </row>
    <row r="1259" spans="2:10" s="4" customFormat="1" x14ac:dyDescent="0.2">
      <c r="B1259" s="16"/>
      <c r="C1259" s="16"/>
      <c r="D1259" s="16"/>
      <c r="E1259" s="16"/>
      <c r="F1259" s="16"/>
      <c r="G1259" s="16"/>
      <c r="H1259" s="16"/>
      <c r="I1259" s="16"/>
      <c r="J1259" s="16"/>
    </row>
    <row r="1260" spans="2:10" s="4" customFormat="1" x14ac:dyDescent="0.2">
      <c r="B1260" s="16"/>
      <c r="C1260" s="16"/>
      <c r="D1260" s="16"/>
      <c r="E1260" s="16"/>
      <c r="F1260" s="16"/>
      <c r="G1260" s="16"/>
      <c r="H1260" s="16"/>
      <c r="I1260" s="16"/>
      <c r="J1260" s="16"/>
    </row>
    <row r="1261" spans="2:10" s="4" customFormat="1" x14ac:dyDescent="0.2">
      <c r="B1261" s="16"/>
      <c r="C1261" s="16"/>
      <c r="D1261" s="16"/>
      <c r="E1261" s="16"/>
      <c r="F1261" s="16"/>
      <c r="G1261" s="16"/>
      <c r="H1261" s="16"/>
      <c r="I1261" s="16"/>
      <c r="J1261" s="16"/>
    </row>
    <row r="1262" spans="2:10" s="4" customFormat="1" x14ac:dyDescent="0.2">
      <c r="B1262" s="16"/>
      <c r="C1262" s="16"/>
      <c r="D1262" s="16"/>
      <c r="E1262" s="16"/>
      <c r="F1262" s="16"/>
      <c r="G1262" s="16"/>
      <c r="H1262" s="16"/>
      <c r="I1262" s="16"/>
      <c r="J1262" s="16"/>
    </row>
    <row r="1263" spans="2:10" s="4" customFormat="1" x14ac:dyDescent="0.2">
      <c r="B1263" s="16"/>
      <c r="C1263" s="16"/>
      <c r="D1263" s="16"/>
      <c r="E1263" s="16"/>
      <c r="F1263" s="16"/>
      <c r="G1263" s="16"/>
      <c r="H1263" s="16"/>
      <c r="I1263" s="16"/>
      <c r="J1263" s="16"/>
    </row>
    <row r="1264" spans="2:10" s="4" customFormat="1" x14ac:dyDescent="0.2">
      <c r="B1264" s="16"/>
      <c r="C1264" s="16"/>
      <c r="D1264" s="16"/>
      <c r="E1264" s="16"/>
      <c r="F1264" s="16"/>
      <c r="G1264" s="16"/>
      <c r="H1264" s="16"/>
      <c r="I1264" s="16"/>
      <c r="J1264" s="16"/>
    </row>
    <row r="1265" spans="2:10" s="4" customFormat="1" x14ac:dyDescent="0.2">
      <c r="B1265" s="16"/>
      <c r="C1265" s="16"/>
      <c r="D1265" s="16"/>
      <c r="E1265" s="16"/>
      <c r="F1265" s="16"/>
      <c r="G1265" s="16"/>
      <c r="H1265" s="16"/>
      <c r="I1265" s="16"/>
      <c r="J1265" s="16"/>
    </row>
    <row r="1266" spans="2:10" s="4" customFormat="1" x14ac:dyDescent="0.2">
      <c r="B1266" s="16"/>
      <c r="C1266" s="16"/>
      <c r="D1266" s="16"/>
      <c r="E1266" s="16"/>
      <c r="F1266" s="16"/>
      <c r="G1266" s="16"/>
      <c r="H1266" s="16"/>
      <c r="I1266" s="16"/>
      <c r="J1266" s="16"/>
    </row>
    <row r="1267" spans="2:10" s="4" customFormat="1" x14ac:dyDescent="0.2">
      <c r="B1267" s="16"/>
      <c r="C1267" s="16"/>
      <c r="D1267" s="16"/>
      <c r="E1267" s="16"/>
      <c r="F1267" s="16"/>
      <c r="G1267" s="16"/>
      <c r="H1267" s="16"/>
      <c r="I1267" s="16"/>
      <c r="J1267" s="16"/>
    </row>
    <row r="1268" spans="2:10" s="4" customFormat="1" x14ac:dyDescent="0.2">
      <c r="B1268" s="16"/>
      <c r="C1268" s="16"/>
      <c r="D1268" s="16"/>
      <c r="E1268" s="16"/>
      <c r="F1268" s="16"/>
      <c r="G1268" s="16"/>
      <c r="H1268" s="16"/>
      <c r="I1268" s="16"/>
      <c r="J1268" s="16"/>
    </row>
    <row r="1269" spans="2:10" s="4" customFormat="1" x14ac:dyDescent="0.2">
      <c r="B1269" s="16"/>
      <c r="C1269" s="16"/>
      <c r="D1269" s="16"/>
      <c r="E1269" s="16"/>
      <c r="F1269" s="16"/>
      <c r="G1269" s="16"/>
      <c r="H1269" s="16"/>
      <c r="I1269" s="16"/>
      <c r="J1269" s="16"/>
    </row>
    <row r="1270" spans="2:10" s="4" customFormat="1" x14ac:dyDescent="0.2">
      <c r="B1270" s="16"/>
      <c r="C1270" s="16"/>
      <c r="D1270" s="16"/>
      <c r="E1270" s="16"/>
      <c r="F1270" s="16"/>
      <c r="G1270" s="16"/>
      <c r="H1270" s="16"/>
      <c r="I1270" s="16"/>
      <c r="J1270" s="16"/>
    </row>
    <row r="1271" spans="2:10" s="4" customFormat="1" x14ac:dyDescent="0.2">
      <c r="B1271" s="16"/>
      <c r="C1271" s="16"/>
      <c r="D1271" s="16"/>
      <c r="E1271" s="16"/>
      <c r="F1271" s="16"/>
      <c r="G1271" s="16"/>
      <c r="H1271" s="16"/>
      <c r="I1271" s="16"/>
      <c r="J1271" s="16"/>
    </row>
    <row r="1272" spans="2:10" s="4" customFormat="1" x14ac:dyDescent="0.2">
      <c r="B1272" s="16"/>
      <c r="C1272" s="16"/>
      <c r="D1272" s="16"/>
      <c r="E1272" s="16"/>
      <c r="F1272" s="16"/>
      <c r="G1272" s="16"/>
      <c r="H1272" s="16"/>
      <c r="I1272" s="16"/>
      <c r="J1272" s="16"/>
    </row>
    <row r="1273" spans="2:10" s="4" customFormat="1" x14ac:dyDescent="0.2">
      <c r="B1273" s="16"/>
      <c r="C1273" s="16"/>
      <c r="D1273" s="16"/>
      <c r="E1273" s="16"/>
      <c r="F1273" s="16"/>
      <c r="G1273" s="16"/>
      <c r="H1273" s="16"/>
      <c r="I1273" s="16"/>
      <c r="J1273" s="16"/>
    </row>
    <row r="1274" spans="2:10" s="4" customFormat="1" x14ac:dyDescent="0.2">
      <c r="B1274" s="16"/>
      <c r="C1274" s="16"/>
      <c r="D1274" s="16"/>
      <c r="E1274" s="16"/>
      <c r="F1274" s="16"/>
      <c r="G1274" s="16"/>
      <c r="H1274" s="16"/>
      <c r="I1274" s="16"/>
      <c r="J1274" s="16"/>
    </row>
    <row r="1275" spans="2:10" s="4" customFormat="1" x14ac:dyDescent="0.2">
      <c r="B1275" s="16"/>
      <c r="C1275" s="16"/>
      <c r="D1275" s="16"/>
      <c r="E1275" s="16"/>
      <c r="F1275" s="16"/>
      <c r="G1275" s="16"/>
      <c r="H1275" s="16"/>
      <c r="I1275" s="16"/>
      <c r="J1275" s="16"/>
    </row>
    <row r="1276" spans="2:10" s="4" customFormat="1" x14ac:dyDescent="0.2">
      <c r="B1276" s="16"/>
      <c r="C1276" s="16"/>
      <c r="D1276" s="16"/>
      <c r="E1276" s="16"/>
      <c r="F1276" s="16"/>
      <c r="G1276" s="16"/>
      <c r="H1276" s="16"/>
      <c r="I1276" s="16"/>
      <c r="J1276" s="16"/>
    </row>
    <row r="1277" spans="2:10" s="4" customFormat="1" x14ac:dyDescent="0.2">
      <c r="B1277" s="16"/>
      <c r="C1277" s="16"/>
      <c r="D1277" s="16"/>
      <c r="E1277" s="16"/>
      <c r="F1277" s="16"/>
      <c r="G1277" s="16"/>
      <c r="H1277" s="16"/>
      <c r="I1277" s="16"/>
      <c r="J1277" s="16"/>
    </row>
    <row r="1278" spans="2:10" s="4" customFormat="1" x14ac:dyDescent="0.2">
      <c r="B1278" s="16"/>
      <c r="C1278" s="16"/>
      <c r="D1278" s="16"/>
      <c r="E1278" s="16"/>
      <c r="F1278" s="16"/>
      <c r="G1278" s="16"/>
      <c r="H1278" s="16"/>
      <c r="I1278" s="16"/>
      <c r="J1278" s="16"/>
    </row>
    <row r="1279" spans="2:10" s="4" customFormat="1" x14ac:dyDescent="0.2">
      <c r="B1279" s="16"/>
      <c r="C1279" s="16"/>
      <c r="D1279" s="16"/>
      <c r="E1279" s="16"/>
      <c r="F1279" s="16"/>
      <c r="G1279" s="16"/>
      <c r="H1279" s="16"/>
      <c r="I1279" s="16"/>
      <c r="J1279" s="16"/>
    </row>
    <row r="1280" spans="2:10" s="4" customFormat="1" x14ac:dyDescent="0.2">
      <c r="B1280" s="16"/>
      <c r="C1280" s="16"/>
      <c r="D1280" s="16"/>
      <c r="E1280" s="16"/>
      <c r="F1280" s="16"/>
      <c r="G1280" s="16"/>
      <c r="H1280" s="16"/>
      <c r="I1280" s="16"/>
      <c r="J1280" s="16"/>
    </row>
    <row r="1281" spans="2:10" s="4" customFormat="1" x14ac:dyDescent="0.2">
      <c r="B1281" s="16"/>
      <c r="C1281" s="16"/>
      <c r="D1281" s="16"/>
      <c r="E1281" s="16"/>
      <c r="F1281" s="16"/>
      <c r="G1281" s="16"/>
      <c r="H1281" s="16"/>
      <c r="I1281" s="16"/>
      <c r="J1281" s="16"/>
    </row>
    <row r="1282" spans="2:10" s="4" customFormat="1" x14ac:dyDescent="0.2">
      <c r="B1282" s="16"/>
      <c r="C1282" s="16"/>
      <c r="D1282" s="16"/>
      <c r="E1282" s="16"/>
      <c r="F1282" s="16"/>
      <c r="G1282" s="16"/>
      <c r="H1282" s="16"/>
      <c r="I1282" s="16"/>
      <c r="J1282" s="16"/>
    </row>
    <row r="1283" spans="2:10" s="4" customFormat="1" x14ac:dyDescent="0.2">
      <c r="B1283" s="16"/>
      <c r="C1283" s="16"/>
      <c r="D1283" s="16"/>
      <c r="E1283" s="16"/>
      <c r="F1283" s="16"/>
      <c r="G1283" s="16"/>
      <c r="H1283" s="16"/>
      <c r="I1283" s="16"/>
      <c r="J1283" s="16"/>
    </row>
    <row r="1284" spans="2:10" s="4" customFormat="1" x14ac:dyDescent="0.2">
      <c r="B1284" s="16"/>
      <c r="C1284" s="16"/>
      <c r="D1284" s="16"/>
      <c r="E1284" s="16"/>
      <c r="F1284" s="16"/>
      <c r="G1284" s="16"/>
      <c r="H1284" s="16"/>
      <c r="I1284" s="16"/>
      <c r="J1284" s="16"/>
    </row>
    <row r="1285" spans="2:10" s="4" customFormat="1" x14ac:dyDescent="0.2">
      <c r="B1285" s="16"/>
      <c r="C1285" s="16"/>
      <c r="D1285" s="16"/>
      <c r="E1285" s="16"/>
      <c r="F1285" s="16"/>
      <c r="G1285" s="16"/>
      <c r="H1285" s="16"/>
      <c r="I1285" s="16"/>
      <c r="J1285" s="16"/>
    </row>
    <row r="1286" spans="2:10" s="4" customFormat="1" x14ac:dyDescent="0.2">
      <c r="B1286" s="16"/>
      <c r="C1286" s="16"/>
      <c r="D1286" s="16"/>
      <c r="E1286" s="16"/>
      <c r="F1286" s="16"/>
      <c r="G1286" s="16"/>
      <c r="H1286" s="16"/>
      <c r="I1286" s="16"/>
      <c r="J1286" s="16"/>
    </row>
    <row r="1287" spans="2:10" s="4" customFormat="1" x14ac:dyDescent="0.2">
      <c r="B1287" s="16"/>
      <c r="C1287" s="16"/>
      <c r="D1287" s="16"/>
      <c r="E1287" s="16"/>
      <c r="F1287" s="16"/>
      <c r="G1287" s="16"/>
      <c r="H1287" s="16"/>
      <c r="I1287" s="16"/>
      <c r="J1287" s="16"/>
    </row>
    <row r="1288" spans="2:10" s="4" customFormat="1" x14ac:dyDescent="0.2">
      <c r="B1288" s="16"/>
      <c r="C1288" s="16"/>
      <c r="D1288" s="16"/>
      <c r="E1288" s="16"/>
      <c r="F1288" s="16"/>
      <c r="G1288" s="16"/>
      <c r="H1288" s="16"/>
      <c r="I1288" s="16"/>
      <c r="J1288" s="16"/>
    </row>
    <row r="1289" spans="2:10" s="4" customFormat="1" x14ac:dyDescent="0.2">
      <c r="B1289" s="16"/>
      <c r="C1289" s="16"/>
      <c r="D1289" s="16"/>
      <c r="E1289" s="16"/>
      <c r="F1289" s="16"/>
      <c r="G1289" s="16"/>
      <c r="H1289" s="16"/>
      <c r="I1289" s="16"/>
      <c r="J1289" s="16"/>
    </row>
    <row r="1290" spans="2:10" s="4" customFormat="1" x14ac:dyDescent="0.2">
      <c r="B1290" s="16"/>
      <c r="C1290" s="16"/>
      <c r="D1290" s="16"/>
      <c r="E1290" s="16"/>
      <c r="F1290" s="16"/>
      <c r="G1290" s="16"/>
      <c r="H1290" s="16"/>
      <c r="I1290" s="16"/>
      <c r="J1290" s="16"/>
    </row>
    <row r="1291" spans="2:10" s="4" customFormat="1" x14ac:dyDescent="0.2">
      <c r="B1291" s="16"/>
      <c r="C1291" s="16"/>
      <c r="D1291" s="16"/>
      <c r="E1291" s="16"/>
      <c r="F1291" s="16"/>
      <c r="G1291" s="16"/>
      <c r="H1291" s="16"/>
      <c r="I1291" s="16"/>
      <c r="J1291" s="16"/>
    </row>
    <row r="1292" spans="2:10" s="4" customFormat="1" x14ac:dyDescent="0.2">
      <c r="B1292" s="16"/>
      <c r="C1292" s="16"/>
      <c r="D1292" s="16"/>
      <c r="E1292" s="16"/>
      <c r="F1292" s="16"/>
      <c r="G1292" s="16"/>
      <c r="H1292" s="16"/>
      <c r="I1292" s="16"/>
      <c r="J1292" s="16"/>
    </row>
    <row r="1293" spans="2:10" s="4" customFormat="1" x14ac:dyDescent="0.2">
      <c r="B1293" s="16"/>
      <c r="C1293" s="16"/>
      <c r="D1293" s="16"/>
      <c r="E1293" s="16"/>
      <c r="F1293" s="16"/>
      <c r="G1293" s="16"/>
      <c r="H1293" s="16"/>
      <c r="I1293" s="16"/>
      <c r="J1293" s="16"/>
    </row>
    <row r="1294" spans="2:10" x14ac:dyDescent="0.2">
      <c r="B1294" s="9"/>
    </row>
    <row r="1295" spans="2:10" x14ac:dyDescent="0.2">
      <c r="B1295" s="9"/>
    </row>
    <row r="1296" spans="2:10" x14ac:dyDescent="0.2">
      <c r="B1296" s="9"/>
    </row>
    <row r="1297" spans="2:2" x14ac:dyDescent="0.2">
      <c r="B1297" s="9"/>
    </row>
    <row r="1298" spans="2:2" x14ac:dyDescent="0.2">
      <c r="B1298" s="9"/>
    </row>
    <row r="1299" spans="2:2" x14ac:dyDescent="0.2">
      <c r="B1299" s="9"/>
    </row>
    <row r="1300" spans="2:2" x14ac:dyDescent="0.2">
      <c r="B1300" s="9"/>
    </row>
    <row r="1301" spans="2:2" x14ac:dyDescent="0.2">
      <c r="B1301" s="9"/>
    </row>
    <row r="1302" spans="2:2" x14ac:dyDescent="0.2">
      <c r="B1302" s="9"/>
    </row>
    <row r="1303" spans="2:2" x14ac:dyDescent="0.2">
      <c r="B1303" s="9"/>
    </row>
    <row r="1304" spans="2:2" x14ac:dyDescent="0.2">
      <c r="B1304" s="9"/>
    </row>
    <row r="1305" spans="2:2" x14ac:dyDescent="0.2">
      <c r="B1305" s="9"/>
    </row>
    <row r="1306" spans="2:2" x14ac:dyDescent="0.2">
      <c r="B1306" s="9"/>
    </row>
    <row r="1307" spans="2:2" x14ac:dyDescent="0.2">
      <c r="B1307" s="9"/>
    </row>
    <row r="1308" spans="2:2" x14ac:dyDescent="0.2">
      <c r="B1308" s="9"/>
    </row>
    <row r="1309" spans="2:2" x14ac:dyDescent="0.2">
      <c r="B1309" s="9"/>
    </row>
    <row r="1310" spans="2:2" x14ac:dyDescent="0.2">
      <c r="B1310" s="9"/>
    </row>
    <row r="1311" spans="2:2" x14ac:dyDescent="0.2">
      <c r="B1311" s="9"/>
    </row>
    <row r="1312" spans="2:2" x14ac:dyDescent="0.2">
      <c r="B1312" s="9"/>
    </row>
    <row r="1313" spans="2:2" x14ac:dyDescent="0.2">
      <c r="B1313" s="9"/>
    </row>
    <row r="1314" spans="2:2" x14ac:dyDescent="0.2">
      <c r="B1314" s="9"/>
    </row>
    <row r="1315" spans="2:2" x14ac:dyDescent="0.2">
      <c r="B1315" s="9"/>
    </row>
    <row r="1316" spans="2:2" x14ac:dyDescent="0.2">
      <c r="B1316" s="9"/>
    </row>
    <row r="1317" spans="2:2" x14ac:dyDescent="0.2">
      <c r="B1317" s="9"/>
    </row>
    <row r="1318" spans="2:2" x14ac:dyDescent="0.2">
      <c r="B1318" s="9"/>
    </row>
    <row r="1319" spans="2:2" x14ac:dyDescent="0.2">
      <c r="B1319" s="9"/>
    </row>
    <row r="1320" spans="2:2" x14ac:dyDescent="0.2">
      <c r="B1320" s="9"/>
    </row>
    <row r="1321" spans="2:2" x14ac:dyDescent="0.2">
      <c r="B1321" s="9"/>
    </row>
    <row r="1322" spans="2:2" x14ac:dyDescent="0.2">
      <c r="B1322" s="9"/>
    </row>
    <row r="1323" spans="2:2" x14ac:dyDescent="0.2">
      <c r="B1323" s="9"/>
    </row>
    <row r="1324" spans="2:2" x14ac:dyDescent="0.2">
      <c r="B1324" s="9"/>
    </row>
    <row r="1325" spans="2:2" x14ac:dyDescent="0.2">
      <c r="B1325" s="9"/>
    </row>
    <row r="1326" spans="2:2" x14ac:dyDescent="0.2">
      <c r="B1326" s="9"/>
    </row>
    <row r="1327" spans="2:2" x14ac:dyDescent="0.2">
      <c r="B1327" s="9"/>
    </row>
    <row r="1328" spans="2:2" x14ac:dyDescent="0.2">
      <c r="B1328" s="9"/>
    </row>
    <row r="1329" spans="2:2" x14ac:dyDescent="0.2">
      <c r="B1329" s="9"/>
    </row>
    <row r="1330" spans="2:2" x14ac:dyDescent="0.2">
      <c r="B1330" s="9"/>
    </row>
    <row r="1331" spans="2:2" x14ac:dyDescent="0.2">
      <c r="B1331" s="9"/>
    </row>
    <row r="1332" spans="2:2" x14ac:dyDescent="0.2">
      <c r="B1332" s="9"/>
    </row>
    <row r="1333" spans="2:2" x14ac:dyDescent="0.2">
      <c r="B1333" s="9"/>
    </row>
    <row r="1334" spans="2:2" x14ac:dyDescent="0.2">
      <c r="B1334" s="9"/>
    </row>
    <row r="1335" spans="2:2" x14ac:dyDescent="0.2">
      <c r="B1335" s="9"/>
    </row>
    <row r="1336" spans="2:2" x14ac:dyDescent="0.2">
      <c r="B1336" s="9"/>
    </row>
    <row r="1337" spans="2:2" x14ac:dyDescent="0.2">
      <c r="B1337" s="9"/>
    </row>
    <row r="1338" spans="2:2" x14ac:dyDescent="0.2">
      <c r="B1338" s="9"/>
    </row>
    <row r="1339" spans="2:2" x14ac:dyDescent="0.2">
      <c r="B1339" s="9"/>
    </row>
    <row r="1340" spans="2:2" x14ac:dyDescent="0.2">
      <c r="B1340" s="9"/>
    </row>
    <row r="1341" spans="2:2" x14ac:dyDescent="0.2">
      <c r="B1341" s="9"/>
    </row>
    <row r="1342" spans="2:2" x14ac:dyDescent="0.2">
      <c r="B1342" s="9"/>
    </row>
    <row r="1343" spans="2:2" x14ac:dyDescent="0.2">
      <c r="B1343" s="9"/>
    </row>
    <row r="1344" spans="2:2" x14ac:dyDescent="0.2">
      <c r="B1344" s="9"/>
    </row>
    <row r="1345" spans="2:2" x14ac:dyDescent="0.2">
      <c r="B1345" s="9"/>
    </row>
    <row r="1346" spans="2:2" x14ac:dyDescent="0.2">
      <c r="B1346" s="9"/>
    </row>
    <row r="1347" spans="2:2" x14ac:dyDescent="0.2">
      <c r="B1347" s="9"/>
    </row>
    <row r="1348" spans="2:2" x14ac:dyDescent="0.2">
      <c r="B1348" s="9"/>
    </row>
    <row r="1349" spans="2:2" x14ac:dyDescent="0.2">
      <c r="B1349" s="9"/>
    </row>
    <row r="1350" spans="2:2" x14ac:dyDescent="0.2">
      <c r="B1350" s="9"/>
    </row>
    <row r="1351" spans="2:2" x14ac:dyDescent="0.2">
      <c r="B1351" s="9"/>
    </row>
    <row r="1352" spans="2:2" x14ac:dyDescent="0.2">
      <c r="B1352" s="9"/>
    </row>
    <row r="1353" spans="2:2" x14ac:dyDescent="0.2">
      <c r="B1353" s="9"/>
    </row>
    <row r="1354" spans="2:2" x14ac:dyDescent="0.2">
      <c r="B1354" s="9"/>
    </row>
    <row r="1355" spans="2:2" x14ac:dyDescent="0.2">
      <c r="B1355" s="9"/>
    </row>
    <row r="1356" spans="2:2" x14ac:dyDescent="0.2">
      <c r="B1356" s="9"/>
    </row>
    <row r="1357" spans="2:2" x14ac:dyDescent="0.2">
      <c r="B1357" s="9"/>
    </row>
    <row r="1358" spans="2:2" x14ac:dyDescent="0.2">
      <c r="B1358" s="9"/>
    </row>
    <row r="1359" spans="2:2" x14ac:dyDescent="0.2">
      <c r="B1359" s="9"/>
    </row>
    <row r="1360" spans="2:2" x14ac:dyDescent="0.2">
      <c r="B1360" s="9"/>
    </row>
    <row r="1361" spans="2:2" x14ac:dyDescent="0.2">
      <c r="B1361" s="9"/>
    </row>
    <row r="1362" spans="2:2" x14ac:dyDescent="0.2">
      <c r="B1362" s="9"/>
    </row>
    <row r="1363" spans="2:2" x14ac:dyDescent="0.2">
      <c r="B1363" s="9"/>
    </row>
    <row r="1364" spans="2:2" x14ac:dyDescent="0.2">
      <c r="B1364" s="9"/>
    </row>
    <row r="1365" spans="2:2" x14ac:dyDescent="0.2">
      <c r="B1365" s="9"/>
    </row>
    <row r="1366" spans="2:2" x14ac:dyDescent="0.2">
      <c r="B1366" s="9"/>
    </row>
    <row r="1367" spans="2:2" x14ac:dyDescent="0.2">
      <c r="B1367" s="9"/>
    </row>
    <row r="1368" spans="2:2" x14ac:dyDescent="0.2">
      <c r="B1368" s="9"/>
    </row>
    <row r="1369" spans="2:2" x14ac:dyDescent="0.2">
      <c r="B1369" s="9"/>
    </row>
    <row r="1370" spans="2:2" x14ac:dyDescent="0.2">
      <c r="B1370" s="9"/>
    </row>
    <row r="1371" spans="2:2" x14ac:dyDescent="0.2">
      <c r="B1371" s="9"/>
    </row>
    <row r="1372" spans="2:2" x14ac:dyDescent="0.2">
      <c r="B1372" s="9"/>
    </row>
    <row r="1373" spans="2:2" x14ac:dyDescent="0.2">
      <c r="B1373" s="9"/>
    </row>
    <row r="1374" spans="2:2" x14ac:dyDescent="0.2">
      <c r="B1374" s="9"/>
    </row>
    <row r="1375" spans="2:2" x14ac:dyDescent="0.2">
      <c r="B1375" s="9"/>
    </row>
    <row r="1376" spans="2:2" x14ac:dyDescent="0.2">
      <c r="B1376" s="9"/>
    </row>
    <row r="1377" spans="2:2" x14ac:dyDescent="0.2">
      <c r="B1377" s="9"/>
    </row>
    <row r="1378" spans="2:2" x14ac:dyDescent="0.2">
      <c r="B1378" s="9"/>
    </row>
    <row r="1379" spans="2:2" x14ac:dyDescent="0.2">
      <c r="B1379" s="9"/>
    </row>
    <row r="1380" spans="2:2" x14ac:dyDescent="0.2">
      <c r="B1380" s="9"/>
    </row>
    <row r="1381" spans="2:2" x14ac:dyDescent="0.2">
      <c r="B1381" s="9"/>
    </row>
    <row r="1382" spans="2:2" x14ac:dyDescent="0.2">
      <c r="B1382" s="9"/>
    </row>
    <row r="1383" spans="2:2" x14ac:dyDescent="0.2">
      <c r="B1383" s="9"/>
    </row>
    <row r="1384" spans="2:2" x14ac:dyDescent="0.2">
      <c r="B1384" s="9"/>
    </row>
    <row r="1385" spans="2:2" x14ac:dyDescent="0.2">
      <c r="B1385" s="9"/>
    </row>
    <row r="1386" spans="2:2" x14ac:dyDescent="0.2">
      <c r="B1386" s="9"/>
    </row>
    <row r="1387" spans="2:2" x14ac:dyDescent="0.2">
      <c r="B1387" s="9"/>
    </row>
    <row r="1388" spans="2:2" x14ac:dyDescent="0.2">
      <c r="B1388" s="9"/>
    </row>
    <row r="1389" spans="2:2" x14ac:dyDescent="0.2">
      <c r="B1389" s="9"/>
    </row>
    <row r="1390" spans="2:2" x14ac:dyDescent="0.2">
      <c r="B1390" s="9"/>
    </row>
    <row r="1391" spans="2:2" x14ac:dyDescent="0.2">
      <c r="B1391" s="9"/>
    </row>
    <row r="1392" spans="2:2" x14ac:dyDescent="0.2">
      <c r="B1392" s="9"/>
    </row>
    <row r="1393" spans="2:2" x14ac:dyDescent="0.2">
      <c r="B1393" s="9"/>
    </row>
    <row r="1394" spans="2:2" x14ac:dyDescent="0.2">
      <c r="B1394" s="9"/>
    </row>
    <row r="1395" spans="2:2" x14ac:dyDescent="0.2">
      <c r="B1395" s="9"/>
    </row>
    <row r="1396" spans="2:2" x14ac:dyDescent="0.2">
      <c r="B1396" s="9"/>
    </row>
    <row r="1397" spans="2:2" x14ac:dyDescent="0.2">
      <c r="B1397" s="9"/>
    </row>
    <row r="1398" spans="2:2" x14ac:dyDescent="0.2">
      <c r="B1398" s="9"/>
    </row>
    <row r="1399" spans="2:2" x14ac:dyDescent="0.2">
      <c r="B1399" s="9"/>
    </row>
    <row r="1400" spans="2:2" x14ac:dyDescent="0.2">
      <c r="B1400" s="9"/>
    </row>
    <row r="1401" spans="2:2" x14ac:dyDescent="0.2">
      <c r="B1401" s="9"/>
    </row>
    <row r="1402" spans="2:2" x14ac:dyDescent="0.2">
      <c r="B1402" s="9"/>
    </row>
    <row r="1403" spans="2:2" x14ac:dyDescent="0.2">
      <c r="B1403" s="9"/>
    </row>
    <row r="1404" spans="2:2" x14ac:dyDescent="0.2">
      <c r="B1404" s="9"/>
    </row>
    <row r="1405" spans="2:2" x14ac:dyDescent="0.2">
      <c r="B1405" s="9"/>
    </row>
    <row r="1406" spans="2:2" x14ac:dyDescent="0.2">
      <c r="B1406" s="9"/>
    </row>
    <row r="1407" spans="2:2" x14ac:dyDescent="0.2">
      <c r="B1407" s="9"/>
    </row>
    <row r="1408" spans="2:2" x14ac:dyDescent="0.2">
      <c r="B1408" s="9"/>
    </row>
    <row r="1409" spans="2:2" x14ac:dyDescent="0.2">
      <c r="B1409" s="9"/>
    </row>
    <row r="1410" spans="2:2" x14ac:dyDescent="0.2">
      <c r="B1410" s="9"/>
    </row>
    <row r="1411" spans="2:2" x14ac:dyDescent="0.2">
      <c r="B1411" s="9"/>
    </row>
    <row r="1412" spans="2:2" x14ac:dyDescent="0.2">
      <c r="B1412" s="9"/>
    </row>
    <row r="1413" spans="2:2" x14ac:dyDescent="0.2">
      <c r="B1413" s="9"/>
    </row>
    <row r="1414" spans="2:2" x14ac:dyDescent="0.2">
      <c r="B1414" s="9"/>
    </row>
    <row r="1415" spans="2:2" x14ac:dyDescent="0.2">
      <c r="B1415" s="9"/>
    </row>
    <row r="1416" spans="2:2" x14ac:dyDescent="0.2">
      <c r="B1416" s="9"/>
    </row>
    <row r="1417" spans="2:2" x14ac:dyDescent="0.2">
      <c r="B1417" s="9"/>
    </row>
    <row r="1418" spans="2:2" x14ac:dyDescent="0.2">
      <c r="B1418" s="9"/>
    </row>
    <row r="1419" spans="2:2" x14ac:dyDescent="0.2">
      <c r="B1419" s="9"/>
    </row>
    <row r="1420" spans="2:2" x14ac:dyDescent="0.2">
      <c r="B1420" s="9"/>
    </row>
    <row r="1421" spans="2:2" x14ac:dyDescent="0.2">
      <c r="B1421" s="9"/>
    </row>
    <row r="1422" spans="2:2" x14ac:dyDescent="0.2">
      <c r="B1422" s="9"/>
    </row>
    <row r="1423" spans="2:2" x14ac:dyDescent="0.2">
      <c r="B1423" s="9"/>
    </row>
    <row r="1424" spans="2:2" x14ac:dyDescent="0.2">
      <c r="B1424" s="9"/>
    </row>
    <row r="1425" spans="2:2" x14ac:dyDescent="0.2">
      <c r="B1425" s="9"/>
    </row>
    <row r="1426" spans="2:2" x14ac:dyDescent="0.2">
      <c r="B1426" s="9"/>
    </row>
    <row r="1427" spans="2:2" x14ac:dyDescent="0.2">
      <c r="B1427" s="9"/>
    </row>
    <row r="1428" spans="2:2" x14ac:dyDescent="0.2">
      <c r="B1428" s="9"/>
    </row>
    <row r="1429" spans="2:2" x14ac:dyDescent="0.2">
      <c r="B1429" s="9"/>
    </row>
    <row r="1430" spans="2:2" x14ac:dyDescent="0.2">
      <c r="B1430" s="9"/>
    </row>
    <row r="1431" spans="2:2" x14ac:dyDescent="0.2">
      <c r="B1431" s="9"/>
    </row>
    <row r="1432" spans="2:2" x14ac:dyDescent="0.2">
      <c r="B1432" s="9"/>
    </row>
    <row r="1433" spans="2:2" x14ac:dyDescent="0.2">
      <c r="B1433" s="9"/>
    </row>
    <row r="1434" spans="2:2" x14ac:dyDescent="0.2">
      <c r="B1434" s="9"/>
    </row>
    <row r="1435" spans="2:2" x14ac:dyDescent="0.2">
      <c r="B1435" s="9"/>
    </row>
    <row r="1436" spans="2:2" x14ac:dyDescent="0.2">
      <c r="B1436" s="9"/>
    </row>
    <row r="1437" spans="2:2" x14ac:dyDescent="0.2">
      <c r="B1437" s="9"/>
    </row>
    <row r="1438" spans="2:2" x14ac:dyDescent="0.2">
      <c r="B1438" s="9"/>
    </row>
    <row r="1439" spans="2:2" x14ac:dyDescent="0.2">
      <c r="B1439" s="9"/>
    </row>
    <row r="1440" spans="2:2" x14ac:dyDescent="0.2">
      <c r="B1440" s="9"/>
    </row>
    <row r="1441" spans="2:2" x14ac:dyDescent="0.2">
      <c r="B1441" s="9"/>
    </row>
    <row r="1442" spans="2:2" x14ac:dyDescent="0.2">
      <c r="B1442" s="9"/>
    </row>
    <row r="1443" spans="2:2" x14ac:dyDescent="0.2">
      <c r="B1443" s="9"/>
    </row>
    <row r="1444" spans="2:2" x14ac:dyDescent="0.2">
      <c r="B1444" s="9"/>
    </row>
    <row r="1445" spans="2:2" x14ac:dyDescent="0.2">
      <c r="B1445" s="9"/>
    </row>
    <row r="1446" spans="2:2" x14ac:dyDescent="0.2">
      <c r="B1446" s="9"/>
    </row>
    <row r="1447" spans="2:2" x14ac:dyDescent="0.2">
      <c r="B1447" s="9"/>
    </row>
    <row r="1448" spans="2:2" x14ac:dyDescent="0.2">
      <c r="B1448" s="9"/>
    </row>
    <row r="1449" spans="2:2" x14ac:dyDescent="0.2">
      <c r="B1449" s="9"/>
    </row>
    <row r="1450" spans="2:2" x14ac:dyDescent="0.2">
      <c r="B1450" s="9"/>
    </row>
    <row r="1451" spans="2:2" x14ac:dyDescent="0.2">
      <c r="B1451" s="9"/>
    </row>
    <row r="1452" spans="2:2" x14ac:dyDescent="0.2">
      <c r="B1452" s="9"/>
    </row>
    <row r="1453" spans="2:2" x14ac:dyDescent="0.2">
      <c r="B1453" s="9"/>
    </row>
    <row r="1454" spans="2:2" x14ac:dyDescent="0.2">
      <c r="B1454" s="9"/>
    </row>
    <row r="1455" spans="2:2" x14ac:dyDescent="0.2">
      <c r="B1455" s="9"/>
    </row>
    <row r="1456" spans="2:2" x14ac:dyDescent="0.2">
      <c r="B1456" s="9"/>
    </row>
    <row r="1457" spans="2:2" x14ac:dyDescent="0.2">
      <c r="B1457" s="9"/>
    </row>
    <row r="1458" spans="2:2" x14ac:dyDescent="0.2">
      <c r="B1458" s="9"/>
    </row>
    <row r="1459" spans="2:2" x14ac:dyDescent="0.2">
      <c r="B1459" s="9"/>
    </row>
    <row r="1460" spans="2:2" x14ac:dyDescent="0.2">
      <c r="B1460" s="9"/>
    </row>
    <row r="1461" spans="2:2" x14ac:dyDescent="0.2">
      <c r="B1461" s="9"/>
    </row>
    <row r="1462" spans="2:2" x14ac:dyDescent="0.2">
      <c r="B1462" s="9"/>
    </row>
    <row r="1463" spans="2:2" x14ac:dyDescent="0.2">
      <c r="B1463" s="9"/>
    </row>
    <row r="1464" spans="2:2" x14ac:dyDescent="0.2">
      <c r="B1464" s="9"/>
    </row>
    <row r="1465" spans="2:2" x14ac:dyDescent="0.2">
      <c r="B1465" s="9"/>
    </row>
    <row r="1466" spans="2:2" x14ac:dyDescent="0.2">
      <c r="B1466" s="9"/>
    </row>
    <row r="1467" spans="2:2" x14ac:dyDescent="0.2">
      <c r="B1467" s="9"/>
    </row>
    <row r="1468" spans="2:2" x14ac:dyDescent="0.2">
      <c r="B1468" s="9"/>
    </row>
    <row r="1469" spans="2:2" x14ac:dyDescent="0.2">
      <c r="B1469" s="9"/>
    </row>
    <row r="1470" spans="2:2" x14ac:dyDescent="0.2">
      <c r="B1470" s="9"/>
    </row>
    <row r="1471" spans="2:2" x14ac:dyDescent="0.2">
      <c r="B1471" s="9"/>
    </row>
    <row r="1472" spans="2:2" x14ac:dyDescent="0.2">
      <c r="B1472" s="9"/>
    </row>
    <row r="1473" spans="2:2" x14ac:dyDescent="0.2">
      <c r="B1473" s="9"/>
    </row>
    <row r="1474" spans="2:2" x14ac:dyDescent="0.2">
      <c r="B1474" s="9"/>
    </row>
    <row r="1475" spans="2:2" x14ac:dyDescent="0.2">
      <c r="B1475" s="9"/>
    </row>
    <row r="1476" spans="2:2" x14ac:dyDescent="0.2">
      <c r="B1476" s="9"/>
    </row>
    <row r="1477" spans="2:2" x14ac:dyDescent="0.2">
      <c r="B1477" s="9"/>
    </row>
    <row r="1478" spans="2:2" x14ac:dyDescent="0.2">
      <c r="B1478" s="9"/>
    </row>
    <row r="1479" spans="2:2" x14ac:dyDescent="0.2">
      <c r="B1479" s="9"/>
    </row>
    <row r="1480" spans="2:2" x14ac:dyDescent="0.2">
      <c r="B1480" s="9"/>
    </row>
    <row r="1481" spans="2:2" x14ac:dyDescent="0.2">
      <c r="B1481" s="9"/>
    </row>
    <row r="1482" spans="2:2" x14ac:dyDescent="0.2">
      <c r="B1482" s="9"/>
    </row>
    <row r="1483" spans="2:2" x14ac:dyDescent="0.2">
      <c r="B1483" s="9"/>
    </row>
    <row r="1484" spans="2:2" x14ac:dyDescent="0.2">
      <c r="B1484" s="9"/>
    </row>
    <row r="1485" spans="2:2" x14ac:dyDescent="0.2">
      <c r="B1485" s="9"/>
    </row>
    <row r="1486" spans="2:2" x14ac:dyDescent="0.2">
      <c r="B1486" s="9"/>
    </row>
    <row r="1487" spans="2:2" x14ac:dyDescent="0.2">
      <c r="B1487" s="9"/>
    </row>
    <row r="1488" spans="2:2" x14ac:dyDescent="0.2">
      <c r="B1488" s="9"/>
    </row>
    <row r="1489" spans="2:2" x14ac:dyDescent="0.2">
      <c r="B1489" s="9"/>
    </row>
    <row r="1490" spans="2:2" x14ac:dyDescent="0.2">
      <c r="B1490" s="9"/>
    </row>
    <row r="1491" spans="2:2" x14ac:dyDescent="0.2">
      <c r="B1491" s="9"/>
    </row>
    <row r="1492" spans="2:2" x14ac:dyDescent="0.2">
      <c r="B1492" s="9"/>
    </row>
    <row r="1493" spans="2:2" x14ac:dyDescent="0.2">
      <c r="B1493" s="9"/>
    </row>
    <row r="1494" spans="2:2" x14ac:dyDescent="0.2">
      <c r="B1494" s="9"/>
    </row>
    <row r="1495" spans="2:2" x14ac:dyDescent="0.2">
      <c r="B1495" s="9"/>
    </row>
    <row r="1496" spans="2:2" x14ac:dyDescent="0.2">
      <c r="B1496" s="9"/>
    </row>
    <row r="1497" spans="2:2" x14ac:dyDescent="0.2">
      <c r="B1497" s="9"/>
    </row>
    <row r="1498" spans="2:2" x14ac:dyDescent="0.2">
      <c r="B1498" s="9"/>
    </row>
    <row r="1499" spans="2:2" x14ac:dyDescent="0.2">
      <c r="B1499" s="9"/>
    </row>
    <row r="1500" spans="2:2" x14ac:dyDescent="0.2">
      <c r="B1500" s="9"/>
    </row>
    <row r="1501" spans="2:2" x14ac:dyDescent="0.2">
      <c r="B1501" s="9"/>
    </row>
    <row r="1502" spans="2:2" x14ac:dyDescent="0.2">
      <c r="B1502" s="9"/>
    </row>
    <row r="1503" spans="2:2" x14ac:dyDescent="0.2">
      <c r="B1503" s="9"/>
    </row>
    <row r="1504" spans="2:2" x14ac:dyDescent="0.2">
      <c r="B1504" s="9"/>
    </row>
    <row r="1505" spans="2:2" x14ac:dyDescent="0.2">
      <c r="B1505" s="9"/>
    </row>
    <row r="1506" spans="2:2" x14ac:dyDescent="0.2">
      <c r="B1506" s="9"/>
    </row>
    <row r="1507" spans="2:2" x14ac:dyDescent="0.2">
      <c r="B1507" s="9"/>
    </row>
    <row r="1508" spans="2:2" x14ac:dyDescent="0.2">
      <c r="B1508" s="9"/>
    </row>
    <row r="1509" spans="2:2" x14ac:dyDescent="0.2">
      <c r="B1509" s="9"/>
    </row>
    <row r="1510" spans="2:2" x14ac:dyDescent="0.2">
      <c r="B1510" s="9"/>
    </row>
    <row r="1511" spans="2:2" x14ac:dyDescent="0.2">
      <c r="B1511" s="9"/>
    </row>
    <row r="1512" spans="2:2" x14ac:dyDescent="0.2">
      <c r="B1512" s="9"/>
    </row>
    <row r="1513" spans="2:2" x14ac:dyDescent="0.2">
      <c r="B1513" s="9"/>
    </row>
    <row r="1514" spans="2:2" x14ac:dyDescent="0.2">
      <c r="B1514" s="9"/>
    </row>
    <row r="1515" spans="2:2" x14ac:dyDescent="0.2">
      <c r="B1515" s="9"/>
    </row>
    <row r="1516" spans="2:2" x14ac:dyDescent="0.2">
      <c r="B1516" s="9"/>
    </row>
    <row r="1517" spans="2:2" x14ac:dyDescent="0.2">
      <c r="B1517" s="9"/>
    </row>
    <row r="1518" spans="2:2" x14ac:dyDescent="0.2">
      <c r="B1518" s="9"/>
    </row>
    <row r="1519" spans="2:2" x14ac:dyDescent="0.2">
      <c r="B1519" s="9"/>
    </row>
    <row r="1520" spans="2:2" x14ac:dyDescent="0.2">
      <c r="B1520" s="9"/>
    </row>
    <row r="1521" spans="2:2" x14ac:dyDescent="0.2">
      <c r="B1521" s="9"/>
    </row>
    <row r="1522" spans="2:2" x14ac:dyDescent="0.2">
      <c r="B1522" s="9"/>
    </row>
    <row r="1523" spans="2:2" x14ac:dyDescent="0.2">
      <c r="B1523" s="9"/>
    </row>
    <row r="1524" spans="2:2" x14ac:dyDescent="0.2">
      <c r="B1524" s="9"/>
    </row>
    <row r="1525" spans="2:2" x14ac:dyDescent="0.2">
      <c r="B1525" s="9"/>
    </row>
    <row r="1526" spans="2:2" x14ac:dyDescent="0.2">
      <c r="B1526" s="9"/>
    </row>
    <row r="1527" spans="2:2" x14ac:dyDescent="0.2">
      <c r="B1527" s="9"/>
    </row>
    <row r="1528" spans="2:2" x14ac:dyDescent="0.2">
      <c r="B1528" s="9"/>
    </row>
    <row r="1529" spans="2:2" x14ac:dyDescent="0.2">
      <c r="B1529" s="9"/>
    </row>
    <row r="1530" spans="2:2" x14ac:dyDescent="0.2">
      <c r="B1530" s="9"/>
    </row>
    <row r="1531" spans="2:2" x14ac:dyDescent="0.2">
      <c r="B1531" s="9"/>
    </row>
    <row r="1532" spans="2:2" x14ac:dyDescent="0.2">
      <c r="B1532" s="9"/>
    </row>
    <row r="1533" spans="2:2" x14ac:dyDescent="0.2">
      <c r="B1533" s="9"/>
    </row>
    <row r="1534" spans="2:2" x14ac:dyDescent="0.2">
      <c r="B1534" s="9"/>
    </row>
    <row r="1535" spans="2:2" x14ac:dyDescent="0.2">
      <c r="B1535" s="9"/>
    </row>
    <row r="1536" spans="2:2" x14ac:dyDescent="0.2">
      <c r="B1536" s="9"/>
    </row>
    <row r="1537" spans="2:2" x14ac:dyDescent="0.2">
      <c r="B1537" s="9"/>
    </row>
    <row r="1538" spans="2:2" x14ac:dyDescent="0.2">
      <c r="B1538" s="9"/>
    </row>
    <row r="1539" spans="2:2" x14ac:dyDescent="0.2">
      <c r="B1539" s="9"/>
    </row>
    <row r="1540" spans="2:2" x14ac:dyDescent="0.2">
      <c r="B1540" s="9"/>
    </row>
    <row r="1541" spans="2:2" x14ac:dyDescent="0.2">
      <c r="B1541" s="9"/>
    </row>
    <row r="1542" spans="2:2" x14ac:dyDescent="0.2">
      <c r="B1542" s="9"/>
    </row>
    <row r="1543" spans="2:2" x14ac:dyDescent="0.2">
      <c r="B1543" s="9"/>
    </row>
    <row r="1544" spans="2:2" x14ac:dyDescent="0.2">
      <c r="B1544" s="9"/>
    </row>
    <row r="1545" spans="2:2" x14ac:dyDescent="0.2">
      <c r="B1545" s="9"/>
    </row>
    <row r="1546" spans="2:2" x14ac:dyDescent="0.2">
      <c r="B1546" s="9"/>
    </row>
    <row r="1547" spans="2:2" x14ac:dyDescent="0.2">
      <c r="B1547" s="9"/>
    </row>
    <row r="1548" spans="2:2" x14ac:dyDescent="0.2">
      <c r="B1548" s="9"/>
    </row>
    <row r="1549" spans="2:2" x14ac:dyDescent="0.2">
      <c r="B1549" s="9"/>
    </row>
    <row r="1550" spans="2:2" x14ac:dyDescent="0.2">
      <c r="B1550" s="9"/>
    </row>
    <row r="1551" spans="2:2" x14ac:dyDescent="0.2">
      <c r="B1551" s="9"/>
    </row>
    <row r="1552" spans="2:2" x14ac:dyDescent="0.2">
      <c r="B1552" s="9"/>
    </row>
    <row r="1553" spans="2:2" x14ac:dyDescent="0.2">
      <c r="B1553" s="9"/>
    </row>
    <row r="1554" spans="2:2" x14ac:dyDescent="0.2">
      <c r="B1554" s="9"/>
    </row>
    <row r="1555" spans="2:2" x14ac:dyDescent="0.2">
      <c r="B1555" s="9"/>
    </row>
    <row r="1556" spans="2:2" x14ac:dyDescent="0.2">
      <c r="B1556" s="9"/>
    </row>
    <row r="1557" spans="2:2" x14ac:dyDescent="0.2">
      <c r="B1557" s="9"/>
    </row>
    <row r="1558" spans="2:2" x14ac:dyDescent="0.2">
      <c r="B1558" s="9"/>
    </row>
    <row r="1559" spans="2:2" x14ac:dyDescent="0.2">
      <c r="B1559" s="9"/>
    </row>
    <row r="1560" spans="2:2" x14ac:dyDescent="0.2">
      <c r="B1560" s="9"/>
    </row>
    <row r="1561" spans="2:2" x14ac:dyDescent="0.2">
      <c r="B1561" s="9"/>
    </row>
    <row r="1562" spans="2:2" x14ac:dyDescent="0.2">
      <c r="B1562" s="9"/>
    </row>
    <row r="1563" spans="2:2" x14ac:dyDescent="0.2">
      <c r="B1563" s="9"/>
    </row>
    <row r="1564" spans="2:2" x14ac:dyDescent="0.2">
      <c r="B1564" s="9"/>
    </row>
    <row r="1565" spans="2:2" x14ac:dyDescent="0.2">
      <c r="B1565" s="9"/>
    </row>
    <row r="1566" spans="2:2" x14ac:dyDescent="0.2">
      <c r="B1566" s="9"/>
    </row>
    <row r="1567" spans="2:2" x14ac:dyDescent="0.2">
      <c r="B1567" s="9"/>
    </row>
    <row r="1568" spans="2:2" x14ac:dyDescent="0.2">
      <c r="B1568" s="9"/>
    </row>
    <row r="1569" spans="2:2" x14ac:dyDescent="0.2">
      <c r="B1569" s="9"/>
    </row>
    <row r="1570" spans="2:2" x14ac:dyDescent="0.2">
      <c r="B1570" s="9"/>
    </row>
    <row r="1571" spans="2:2" x14ac:dyDescent="0.2">
      <c r="B1571" s="9"/>
    </row>
    <row r="1572" spans="2:2" x14ac:dyDescent="0.2">
      <c r="B1572" s="9"/>
    </row>
    <row r="1573" spans="2:2" x14ac:dyDescent="0.2">
      <c r="B1573" s="9"/>
    </row>
    <row r="1574" spans="2:2" x14ac:dyDescent="0.2">
      <c r="B1574" s="9"/>
    </row>
    <row r="1575" spans="2:2" x14ac:dyDescent="0.2">
      <c r="B1575" s="9"/>
    </row>
    <row r="1576" spans="2:2" x14ac:dyDescent="0.2">
      <c r="B1576" s="9"/>
    </row>
    <row r="1577" spans="2:2" x14ac:dyDescent="0.2">
      <c r="B1577" s="9"/>
    </row>
    <row r="1578" spans="2:2" x14ac:dyDescent="0.2">
      <c r="B1578" s="9"/>
    </row>
    <row r="1579" spans="2:2" x14ac:dyDescent="0.2">
      <c r="B1579" s="9"/>
    </row>
    <row r="1580" spans="2:2" x14ac:dyDescent="0.2">
      <c r="B1580" s="9"/>
    </row>
    <row r="1581" spans="2:2" x14ac:dyDescent="0.2">
      <c r="B1581" s="9"/>
    </row>
    <row r="1582" spans="2:2" x14ac:dyDescent="0.2">
      <c r="B1582" s="9"/>
    </row>
    <row r="1583" spans="2:2" x14ac:dyDescent="0.2">
      <c r="B1583" s="9"/>
    </row>
    <row r="1584" spans="2:2" x14ac:dyDescent="0.2">
      <c r="B1584" s="9"/>
    </row>
    <row r="1585" spans="2:2" x14ac:dyDescent="0.2">
      <c r="B1585" s="9"/>
    </row>
    <row r="1586" spans="2:2" x14ac:dyDescent="0.2">
      <c r="B1586" s="9"/>
    </row>
    <row r="1587" spans="2:2" x14ac:dyDescent="0.2">
      <c r="B1587" s="9"/>
    </row>
    <row r="1588" spans="2:2" x14ac:dyDescent="0.2">
      <c r="B1588" s="9"/>
    </row>
    <row r="1589" spans="2:2" x14ac:dyDescent="0.2">
      <c r="B1589" s="9"/>
    </row>
    <row r="1590" spans="2:2" x14ac:dyDescent="0.2">
      <c r="B1590" s="9"/>
    </row>
    <row r="1591" spans="2:2" x14ac:dyDescent="0.2">
      <c r="B1591" s="9"/>
    </row>
    <row r="1592" spans="2:2" x14ac:dyDescent="0.2">
      <c r="B1592" s="9"/>
    </row>
    <row r="1593" spans="2:2" x14ac:dyDescent="0.2">
      <c r="B1593" s="9"/>
    </row>
    <row r="1594" spans="2:2" x14ac:dyDescent="0.2">
      <c r="B1594" s="9"/>
    </row>
    <row r="1595" spans="2:2" x14ac:dyDescent="0.2">
      <c r="B1595" s="9"/>
    </row>
    <row r="1596" spans="2:2" x14ac:dyDescent="0.2">
      <c r="B1596" s="9"/>
    </row>
    <row r="1597" spans="2:2" x14ac:dyDescent="0.2">
      <c r="B1597" s="9"/>
    </row>
    <row r="1598" spans="2:2" x14ac:dyDescent="0.2">
      <c r="B1598" s="9"/>
    </row>
    <row r="1599" spans="2:2" x14ac:dyDescent="0.2">
      <c r="B1599" s="9"/>
    </row>
    <row r="1600" spans="2:2" x14ac:dyDescent="0.2">
      <c r="B1600" s="9"/>
    </row>
    <row r="1601" spans="2:2" x14ac:dyDescent="0.2">
      <c r="B1601" s="9"/>
    </row>
    <row r="1602" spans="2:2" x14ac:dyDescent="0.2">
      <c r="B1602" s="9"/>
    </row>
    <row r="1603" spans="2:2" x14ac:dyDescent="0.2">
      <c r="B1603" s="9"/>
    </row>
    <row r="1604" spans="2:2" x14ac:dyDescent="0.2">
      <c r="B1604" s="9"/>
    </row>
    <row r="1605" spans="2:2" x14ac:dyDescent="0.2">
      <c r="B1605" s="9"/>
    </row>
    <row r="1606" spans="2:2" x14ac:dyDescent="0.2">
      <c r="B1606" s="9"/>
    </row>
    <row r="1607" spans="2:2" x14ac:dyDescent="0.2">
      <c r="B1607" s="9"/>
    </row>
    <row r="1608" spans="2:2" x14ac:dyDescent="0.2">
      <c r="B1608" s="9"/>
    </row>
    <row r="1609" spans="2:2" x14ac:dyDescent="0.2">
      <c r="B1609" s="9"/>
    </row>
    <row r="1610" spans="2:2" x14ac:dyDescent="0.2">
      <c r="B1610" s="9"/>
    </row>
    <row r="1611" spans="2:2" x14ac:dyDescent="0.2">
      <c r="B1611" s="9"/>
    </row>
    <row r="1612" spans="2:2" x14ac:dyDescent="0.2">
      <c r="B1612" s="9"/>
    </row>
    <row r="1613" spans="2:2" x14ac:dyDescent="0.2">
      <c r="B1613" s="9"/>
    </row>
    <row r="1614" spans="2:2" x14ac:dyDescent="0.2">
      <c r="B1614" s="9"/>
    </row>
    <row r="1615" spans="2:2" x14ac:dyDescent="0.2">
      <c r="B1615" s="9"/>
    </row>
    <row r="1616" spans="2:2" x14ac:dyDescent="0.2">
      <c r="B1616" s="9"/>
    </row>
    <row r="1617" spans="2:2" x14ac:dyDescent="0.2">
      <c r="B1617" s="9"/>
    </row>
    <row r="1618" spans="2:2" x14ac:dyDescent="0.2">
      <c r="B1618" s="9"/>
    </row>
    <row r="1619" spans="2:2" x14ac:dyDescent="0.2">
      <c r="B1619" s="9"/>
    </row>
    <row r="1620" spans="2:2" x14ac:dyDescent="0.2">
      <c r="B1620" s="9"/>
    </row>
    <row r="1621" spans="2:2" x14ac:dyDescent="0.2">
      <c r="B1621" s="9"/>
    </row>
    <row r="1622" spans="2:2" x14ac:dyDescent="0.2">
      <c r="B1622" s="9"/>
    </row>
    <row r="1623" spans="2:2" x14ac:dyDescent="0.2">
      <c r="B1623" s="9"/>
    </row>
    <row r="1624" spans="2:2" x14ac:dyDescent="0.2">
      <c r="B1624" s="9"/>
    </row>
    <row r="1625" spans="2:2" x14ac:dyDescent="0.2">
      <c r="B1625" s="9"/>
    </row>
    <row r="1626" spans="2:2" x14ac:dyDescent="0.2">
      <c r="B1626" s="9"/>
    </row>
    <row r="1627" spans="2:2" x14ac:dyDescent="0.2">
      <c r="B1627" s="9"/>
    </row>
    <row r="1628" spans="2:2" x14ac:dyDescent="0.2">
      <c r="B1628" s="9"/>
    </row>
    <row r="1629" spans="2:2" x14ac:dyDescent="0.2">
      <c r="B1629" s="9"/>
    </row>
    <row r="1630" spans="2:2" x14ac:dyDescent="0.2">
      <c r="B1630" s="9"/>
    </row>
    <row r="1631" spans="2:2" x14ac:dyDescent="0.2">
      <c r="B1631" s="9"/>
    </row>
    <row r="1632" spans="2:2" x14ac:dyDescent="0.2">
      <c r="B1632" s="9"/>
    </row>
    <row r="1633" spans="2:2" x14ac:dyDescent="0.2">
      <c r="B1633" s="9"/>
    </row>
    <row r="1634" spans="2:2" x14ac:dyDescent="0.2">
      <c r="B1634" s="9"/>
    </row>
    <row r="1635" spans="2:2" x14ac:dyDescent="0.2">
      <c r="B1635" s="9"/>
    </row>
    <row r="1636" spans="2:2" x14ac:dyDescent="0.2">
      <c r="B1636" s="9"/>
    </row>
    <row r="1637" spans="2:2" x14ac:dyDescent="0.2">
      <c r="B1637" s="9"/>
    </row>
    <row r="1638" spans="2:2" x14ac:dyDescent="0.2">
      <c r="B1638" s="9"/>
    </row>
    <row r="1639" spans="2:2" x14ac:dyDescent="0.2">
      <c r="B1639" s="9"/>
    </row>
    <row r="1640" spans="2:2" x14ac:dyDescent="0.2">
      <c r="B1640" s="9"/>
    </row>
    <row r="1641" spans="2:2" x14ac:dyDescent="0.2">
      <c r="B1641" s="9"/>
    </row>
    <row r="1642" spans="2:2" x14ac:dyDescent="0.2">
      <c r="B1642" s="9"/>
    </row>
    <row r="1643" spans="2:2" x14ac:dyDescent="0.2">
      <c r="B1643" s="9"/>
    </row>
    <row r="1644" spans="2:2" x14ac:dyDescent="0.2">
      <c r="B1644" s="9"/>
    </row>
    <row r="1645" spans="2:2" x14ac:dyDescent="0.2">
      <c r="B1645" s="9"/>
    </row>
    <row r="1646" spans="2:2" x14ac:dyDescent="0.2">
      <c r="B1646" s="9"/>
    </row>
    <row r="1647" spans="2:2" x14ac:dyDescent="0.2">
      <c r="B1647" s="9"/>
    </row>
    <row r="1648" spans="2:2" x14ac:dyDescent="0.2">
      <c r="B1648" s="9"/>
    </row>
    <row r="1649" spans="2:2" x14ac:dyDescent="0.2">
      <c r="B1649" s="9"/>
    </row>
    <row r="1650" spans="2:2" x14ac:dyDescent="0.2">
      <c r="B1650" s="9"/>
    </row>
    <row r="1651" spans="2:2" x14ac:dyDescent="0.2">
      <c r="B1651" s="9"/>
    </row>
    <row r="1652" spans="2:2" x14ac:dyDescent="0.2">
      <c r="B1652" s="9"/>
    </row>
    <row r="1653" spans="2:2" x14ac:dyDescent="0.2">
      <c r="B1653" s="9"/>
    </row>
    <row r="1654" spans="2:2" x14ac:dyDescent="0.2">
      <c r="B1654" s="9"/>
    </row>
    <row r="1655" spans="2:2" x14ac:dyDescent="0.2">
      <c r="B1655" s="9"/>
    </row>
    <row r="1656" spans="2:2" x14ac:dyDescent="0.2">
      <c r="B1656" s="9"/>
    </row>
    <row r="1657" spans="2:2" x14ac:dyDescent="0.2">
      <c r="B1657" s="9"/>
    </row>
    <row r="1658" spans="2:2" x14ac:dyDescent="0.2">
      <c r="B1658" s="9"/>
    </row>
    <row r="1659" spans="2:2" x14ac:dyDescent="0.2">
      <c r="B1659" s="9"/>
    </row>
    <row r="1660" spans="2:2" x14ac:dyDescent="0.2">
      <c r="B1660" s="9"/>
    </row>
    <row r="1661" spans="2:2" x14ac:dyDescent="0.2">
      <c r="B1661" s="9"/>
    </row>
    <row r="1662" spans="2:2" x14ac:dyDescent="0.2">
      <c r="B1662" s="9"/>
    </row>
    <row r="1663" spans="2:2" x14ac:dyDescent="0.2">
      <c r="B1663" s="9"/>
    </row>
    <row r="1664" spans="2:2" x14ac:dyDescent="0.2">
      <c r="B1664" s="9"/>
    </row>
    <row r="1665" spans="2:2" x14ac:dyDescent="0.2">
      <c r="B1665" s="9"/>
    </row>
    <row r="1666" spans="2:2" x14ac:dyDescent="0.2">
      <c r="B1666" s="9"/>
    </row>
    <row r="1667" spans="2:2" x14ac:dyDescent="0.2">
      <c r="B1667" s="9"/>
    </row>
    <row r="1668" spans="2:2" x14ac:dyDescent="0.2">
      <c r="B1668" s="9"/>
    </row>
    <row r="1669" spans="2:2" x14ac:dyDescent="0.2">
      <c r="B1669" s="9"/>
    </row>
    <row r="1670" spans="2:2" x14ac:dyDescent="0.2">
      <c r="B1670" s="9"/>
    </row>
    <row r="1671" spans="2:2" x14ac:dyDescent="0.2">
      <c r="B1671" s="9"/>
    </row>
    <row r="1672" spans="2:2" x14ac:dyDescent="0.2">
      <c r="B1672" s="9"/>
    </row>
    <row r="1673" spans="2:2" x14ac:dyDescent="0.2">
      <c r="B1673" s="9"/>
    </row>
    <row r="1674" spans="2:2" x14ac:dyDescent="0.2">
      <c r="B1674" s="9"/>
    </row>
    <row r="1675" spans="2:2" x14ac:dyDescent="0.2">
      <c r="B1675" s="9"/>
    </row>
    <row r="1676" spans="2:2" x14ac:dyDescent="0.2">
      <c r="B1676" s="9"/>
    </row>
    <row r="1677" spans="2:2" x14ac:dyDescent="0.2">
      <c r="B1677" s="9"/>
    </row>
    <row r="1678" spans="2:2" x14ac:dyDescent="0.2">
      <c r="B1678" s="9"/>
    </row>
    <row r="1679" spans="2:2" x14ac:dyDescent="0.2">
      <c r="B1679" s="9"/>
    </row>
    <row r="1680" spans="2:2" x14ac:dyDescent="0.2">
      <c r="B1680" s="9"/>
    </row>
    <row r="1681" spans="2:2" x14ac:dyDescent="0.2">
      <c r="B1681" s="9"/>
    </row>
    <row r="1682" spans="2:2" x14ac:dyDescent="0.2">
      <c r="B1682" s="9"/>
    </row>
    <row r="1683" spans="2:2" x14ac:dyDescent="0.2">
      <c r="B1683" s="9"/>
    </row>
    <row r="1684" spans="2:2" x14ac:dyDescent="0.2">
      <c r="B1684" s="9"/>
    </row>
    <row r="1685" spans="2:2" x14ac:dyDescent="0.2">
      <c r="B1685" s="9"/>
    </row>
    <row r="1686" spans="2:2" x14ac:dyDescent="0.2">
      <c r="B1686" s="9"/>
    </row>
    <row r="1687" spans="2:2" x14ac:dyDescent="0.2">
      <c r="B1687" s="9"/>
    </row>
    <row r="1688" spans="2:2" x14ac:dyDescent="0.2">
      <c r="B1688" s="9"/>
    </row>
    <row r="1689" spans="2:2" x14ac:dyDescent="0.2">
      <c r="B1689" s="9"/>
    </row>
    <row r="1690" spans="2:2" x14ac:dyDescent="0.2">
      <c r="B1690" s="9"/>
    </row>
    <row r="1691" spans="2:2" x14ac:dyDescent="0.2">
      <c r="B1691" s="9"/>
    </row>
    <row r="1692" spans="2:2" x14ac:dyDescent="0.2">
      <c r="B1692" s="9"/>
    </row>
    <row r="1693" spans="2:2" x14ac:dyDescent="0.2">
      <c r="B1693" s="9"/>
    </row>
    <row r="1694" spans="2:2" x14ac:dyDescent="0.2">
      <c r="B1694" s="9"/>
    </row>
    <row r="1695" spans="2:2" x14ac:dyDescent="0.2">
      <c r="B1695" s="9"/>
    </row>
    <row r="1696" spans="2:2" x14ac:dyDescent="0.2">
      <c r="B1696" s="9"/>
    </row>
    <row r="1697" spans="2:2" x14ac:dyDescent="0.2">
      <c r="B1697" s="9"/>
    </row>
    <row r="1698" spans="2:2" x14ac:dyDescent="0.2">
      <c r="B1698" s="9"/>
    </row>
    <row r="1699" spans="2:2" x14ac:dyDescent="0.2">
      <c r="B1699" s="9"/>
    </row>
    <row r="1700" spans="2:2" x14ac:dyDescent="0.2">
      <c r="B1700" s="9"/>
    </row>
    <row r="1701" spans="2:2" x14ac:dyDescent="0.2">
      <c r="B1701" s="9"/>
    </row>
    <row r="1702" spans="2:2" x14ac:dyDescent="0.2">
      <c r="B1702" s="9"/>
    </row>
    <row r="1703" spans="2:2" x14ac:dyDescent="0.2">
      <c r="B1703" s="9"/>
    </row>
    <row r="1704" spans="2:2" x14ac:dyDescent="0.2">
      <c r="B1704" s="9"/>
    </row>
    <row r="1705" spans="2:2" x14ac:dyDescent="0.2">
      <c r="B1705" s="9"/>
    </row>
    <row r="1706" spans="2:2" x14ac:dyDescent="0.2">
      <c r="B1706" s="9"/>
    </row>
    <row r="1707" spans="2:2" x14ac:dyDescent="0.2">
      <c r="B1707" s="9"/>
    </row>
    <row r="1708" spans="2:2" x14ac:dyDescent="0.2">
      <c r="B1708" s="9"/>
    </row>
    <row r="1709" spans="2:2" x14ac:dyDescent="0.2">
      <c r="B1709" s="9"/>
    </row>
    <row r="1710" spans="2:2" x14ac:dyDescent="0.2">
      <c r="B1710" s="9"/>
    </row>
    <row r="1711" spans="2:2" x14ac:dyDescent="0.2">
      <c r="B1711" s="9"/>
    </row>
    <row r="1712" spans="2:2" x14ac:dyDescent="0.2">
      <c r="B1712" s="9"/>
    </row>
    <row r="1713" spans="2:2" x14ac:dyDescent="0.2">
      <c r="B1713" s="9"/>
    </row>
    <row r="1714" spans="2:2" x14ac:dyDescent="0.2">
      <c r="B1714" s="9"/>
    </row>
    <row r="1715" spans="2:2" x14ac:dyDescent="0.2">
      <c r="B1715" s="9"/>
    </row>
    <row r="1716" spans="2:2" x14ac:dyDescent="0.2">
      <c r="B1716" s="9"/>
    </row>
    <row r="1717" spans="2:2" x14ac:dyDescent="0.2">
      <c r="B1717" s="9"/>
    </row>
    <row r="1718" spans="2:2" x14ac:dyDescent="0.2">
      <c r="B1718" s="9"/>
    </row>
    <row r="1719" spans="2:2" x14ac:dyDescent="0.2">
      <c r="B1719" s="9"/>
    </row>
    <row r="1720" spans="2:2" x14ac:dyDescent="0.2">
      <c r="B1720" s="9"/>
    </row>
    <row r="1721" spans="2:2" x14ac:dyDescent="0.2">
      <c r="B1721" s="9"/>
    </row>
    <row r="1722" spans="2:2" x14ac:dyDescent="0.2">
      <c r="B1722" s="9"/>
    </row>
    <row r="1723" spans="2:2" x14ac:dyDescent="0.2">
      <c r="B1723" s="9"/>
    </row>
    <row r="1724" spans="2:2" x14ac:dyDescent="0.2">
      <c r="B1724" s="9"/>
    </row>
    <row r="1725" spans="2:2" x14ac:dyDescent="0.2">
      <c r="B1725" s="9"/>
    </row>
    <row r="1726" spans="2:2" x14ac:dyDescent="0.2">
      <c r="B1726" s="9"/>
    </row>
    <row r="1727" spans="2:2" x14ac:dyDescent="0.2">
      <c r="B1727" s="9"/>
    </row>
    <row r="1728" spans="2:2" x14ac:dyDescent="0.2">
      <c r="B1728" s="9"/>
    </row>
    <row r="1729" spans="2:2" x14ac:dyDescent="0.2">
      <c r="B1729" s="9"/>
    </row>
    <row r="1730" spans="2:2" x14ac:dyDescent="0.2">
      <c r="B1730" s="9"/>
    </row>
    <row r="1731" spans="2:2" x14ac:dyDescent="0.2">
      <c r="B1731" s="9"/>
    </row>
    <row r="1732" spans="2:2" x14ac:dyDescent="0.2">
      <c r="B1732" s="9"/>
    </row>
    <row r="1733" spans="2:2" x14ac:dyDescent="0.2">
      <c r="B1733" s="9"/>
    </row>
    <row r="1734" spans="2:2" x14ac:dyDescent="0.2">
      <c r="B1734" s="9"/>
    </row>
    <row r="1735" spans="2:2" x14ac:dyDescent="0.2">
      <c r="B1735" s="9"/>
    </row>
    <row r="1736" spans="2:2" x14ac:dyDescent="0.2">
      <c r="B1736" s="9"/>
    </row>
    <row r="1737" spans="2:2" x14ac:dyDescent="0.2">
      <c r="B1737" s="9"/>
    </row>
    <row r="1738" spans="2:2" x14ac:dyDescent="0.2">
      <c r="B1738" s="9"/>
    </row>
    <row r="1739" spans="2:2" x14ac:dyDescent="0.2">
      <c r="B1739" s="9"/>
    </row>
    <row r="1740" spans="2:2" x14ac:dyDescent="0.2">
      <c r="B1740" s="9"/>
    </row>
    <row r="1741" spans="2:2" x14ac:dyDescent="0.2">
      <c r="B1741" s="9"/>
    </row>
    <row r="1742" spans="2:2" x14ac:dyDescent="0.2">
      <c r="B1742" s="9"/>
    </row>
    <row r="1743" spans="2:2" x14ac:dyDescent="0.2">
      <c r="B1743" s="9"/>
    </row>
    <row r="1744" spans="2:2" x14ac:dyDescent="0.2">
      <c r="B1744" s="9"/>
    </row>
    <row r="1745" spans="2:2" x14ac:dyDescent="0.2">
      <c r="B1745" s="9"/>
    </row>
    <row r="1746" spans="2:2" x14ac:dyDescent="0.2">
      <c r="B1746" s="9"/>
    </row>
    <row r="1747" spans="2:2" x14ac:dyDescent="0.2">
      <c r="B1747" s="9"/>
    </row>
    <row r="1748" spans="2:2" x14ac:dyDescent="0.2">
      <c r="B1748" s="9"/>
    </row>
    <row r="1749" spans="2:2" x14ac:dyDescent="0.2">
      <c r="B1749" s="9"/>
    </row>
    <row r="1750" spans="2:2" x14ac:dyDescent="0.2">
      <c r="B1750" s="9"/>
    </row>
    <row r="1751" spans="2:2" x14ac:dyDescent="0.2">
      <c r="B1751" s="9"/>
    </row>
    <row r="1752" spans="2:2" x14ac:dyDescent="0.2">
      <c r="B1752" s="9"/>
    </row>
    <row r="1753" spans="2:2" x14ac:dyDescent="0.2">
      <c r="B1753" s="9"/>
    </row>
    <row r="1754" spans="2:2" x14ac:dyDescent="0.2">
      <c r="B1754" s="9"/>
    </row>
    <row r="1755" spans="2:2" x14ac:dyDescent="0.2">
      <c r="B1755" s="9"/>
    </row>
    <row r="1756" spans="2:2" x14ac:dyDescent="0.2">
      <c r="B1756" s="9"/>
    </row>
    <row r="1757" spans="2:2" x14ac:dyDescent="0.2">
      <c r="B1757" s="9"/>
    </row>
    <row r="1758" spans="2:2" x14ac:dyDescent="0.2">
      <c r="B1758" s="9"/>
    </row>
    <row r="1759" spans="2:2" x14ac:dyDescent="0.2">
      <c r="B1759" s="9"/>
    </row>
    <row r="1760" spans="2:2" x14ac:dyDescent="0.2">
      <c r="B1760" s="9"/>
    </row>
    <row r="1761" spans="2:2" x14ac:dyDescent="0.2">
      <c r="B1761" s="9"/>
    </row>
    <row r="1762" spans="2:2" x14ac:dyDescent="0.2">
      <c r="B1762" s="9"/>
    </row>
    <row r="1763" spans="2:2" x14ac:dyDescent="0.2">
      <c r="B1763" s="9"/>
    </row>
    <row r="1764" spans="2:2" x14ac:dyDescent="0.2">
      <c r="B1764" s="9"/>
    </row>
    <row r="1765" spans="2:2" x14ac:dyDescent="0.2">
      <c r="B1765" s="9"/>
    </row>
    <row r="1766" spans="2:2" x14ac:dyDescent="0.2">
      <c r="B1766" s="9"/>
    </row>
    <row r="1767" spans="2:2" x14ac:dyDescent="0.2">
      <c r="B1767" s="9"/>
    </row>
    <row r="1768" spans="2:2" x14ac:dyDescent="0.2">
      <c r="B1768" s="9"/>
    </row>
    <row r="1769" spans="2:2" x14ac:dyDescent="0.2">
      <c r="B1769" s="9"/>
    </row>
    <row r="1770" spans="2:2" x14ac:dyDescent="0.2">
      <c r="B1770" s="9"/>
    </row>
    <row r="1771" spans="2:2" x14ac:dyDescent="0.2">
      <c r="B1771" s="9"/>
    </row>
    <row r="1772" spans="2:2" x14ac:dyDescent="0.2">
      <c r="B1772" s="9"/>
    </row>
    <row r="1773" spans="2:2" x14ac:dyDescent="0.2">
      <c r="B1773" s="9"/>
    </row>
    <row r="1774" spans="2:2" x14ac:dyDescent="0.2">
      <c r="B1774" s="9"/>
    </row>
    <row r="1775" spans="2:2" x14ac:dyDescent="0.2">
      <c r="B1775" s="9"/>
    </row>
    <row r="1776" spans="2:2" x14ac:dyDescent="0.2">
      <c r="B1776" s="9"/>
    </row>
    <row r="1777" spans="2:2" x14ac:dyDescent="0.2">
      <c r="B1777" s="9"/>
    </row>
    <row r="1778" spans="2:2" x14ac:dyDescent="0.2">
      <c r="B1778" s="9"/>
    </row>
    <row r="1779" spans="2:2" x14ac:dyDescent="0.2">
      <c r="B1779" s="9"/>
    </row>
    <row r="1780" spans="2:2" x14ac:dyDescent="0.2">
      <c r="B1780" s="9"/>
    </row>
    <row r="1781" spans="2:2" x14ac:dyDescent="0.2">
      <c r="B1781" s="9"/>
    </row>
    <row r="1782" spans="2:2" x14ac:dyDescent="0.2">
      <c r="B1782" s="9"/>
    </row>
    <row r="1783" spans="2:2" x14ac:dyDescent="0.2">
      <c r="B1783" s="9"/>
    </row>
    <row r="1784" spans="2:2" x14ac:dyDescent="0.2">
      <c r="B1784" s="9"/>
    </row>
    <row r="1785" spans="2:2" x14ac:dyDescent="0.2">
      <c r="B1785" s="9"/>
    </row>
    <row r="1786" spans="2:2" x14ac:dyDescent="0.2">
      <c r="B1786" s="9"/>
    </row>
    <row r="1787" spans="2:2" x14ac:dyDescent="0.2">
      <c r="B1787" s="9"/>
    </row>
    <row r="1788" spans="2:2" x14ac:dyDescent="0.2">
      <c r="B1788" s="9"/>
    </row>
    <row r="1789" spans="2:2" x14ac:dyDescent="0.2">
      <c r="B1789" s="9"/>
    </row>
    <row r="1790" spans="2:2" x14ac:dyDescent="0.2">
      <c r="B1790" s="9"/>
    </row>
    <row r="1791" spans="2:2" x14ac:dyDescent="0.2">
      <c r="B1791" s="9"/>
    </row>
    <row r="1792" spans="2:2" x14ac:dyDescent="0.2">
      <c r="B1792" s="9"/>
    </row>
    <row r="1793" spans="2:2" x14ac:dyDescent="0.2">
      <c r="B1793" s="9"/>
    </row>
    <row r="1794" spans="2:2" x14ac:dyDescent="0.2">
      <c r="B1794" s="9"/>
    </row>
    <row r="1795" spans="2:2" x14ac:dyDescent="0.2">
      <c r="B1795" s="9"/>
    </row>
    <row r="1796" spans="2:2" x14ac:dyDescent="0.2">
      <c r="B1796" s="9"/>
    </row>
    <row r="1797" spans="2:2" x14ac:dyDescent="0.2">
      <c r="B1797" s="9"/>
    </row>
    <row r="1798" spans="2:2" x14ac:dyDescent="0.2">
      <c r="B1798" s="9"/>
    </row>
    <row r="1799" spans="2:2" x14ac:dyDescent="0.2">
      <c r="B1799" s="9"/>
    </row>
    <row r="1800" spans="2:2" x14ac:dyDescent="0.2">
      <c r="B1800" s="9"/>
    </row>
    <row r="1801" spans="2:2" x14ac:dyDescent="0.2">
      <c r="B1801" s="9"/>
    </row>
    <row r="1802" spans="2:2" x14ac:dyDescent="0.2">
      <c r="B1802" s="9"/>
    </row>
    <row r="1803" spans="2:2" x14ac:dyDescent="0.2">
      <c r="B1803" s="9"/>
    </row>
    <row r="1804" spans="2:2" x14ac:dyDescent="0.2">
      <c r="B1804" s="9"/>
    </row>
    <row r="1805" spans="2:2" x14ac:dyDescent="0.2">
      <c r="B1805" s="9"/>
    </row>
    <row r="1806" spans="2:2" x14ac:dyDescent="0.2">
      <c r="B1806" s="9"/>
    </row>
    <row r="1807" spans="2:2" x14ac:dyDescent="0.2">
      <c r="B1807" s="9"/>
    </row>
    <row r="1808" spans="2:2" x14ac:dyDescent="0.2">
      <c r="B1808" s="9"/>
    </row>
    <row r="1809" spans="2:2" x14ac:dyDescent="0.2">
      <c r="B1809" s="9"/>
    </row>
    <row r="1810" spans="2:2" x14ac:dyDescent="0.2">
      <c r="B1810" s="9"/>
    </row>
    <row r="1811" spans="2:2" x14ac:dyDescent="0.2">
      <c r="B1811" s="9"/>
    </row>
    <row r="1812" spans="2:2" x14ac:dyDescent="0.2">
      <c r="B1812" s="9"/>
    </row>
    <row r="1813" spans="2:2" x14ac:dyDescent="0.2">
      <c r="B1813" s="9"/>
    </row>
    <row r="1814" spans="2:2" x14ac:dyDescent="0.2">
      <c r="B1814" s="9"/>
    </row>
    <row r="1815" spans="2:2" x14ac:dyDescent="0.2">
      <c r="B1815" s="9"/>
    </row>
    <row r="1816" spans="2:2" x14ac:dyDescent="0.2">
      <c r="B1816" s="9"/>
    </row>
    <row r="1817" spans="2:2" x14ac:dyDescent="0.2">
      <c r="B1817" s="9"/>
    </row>
    <row r="1818" spans="2:2" x14ac:dyDescent="0.2">
      <c r="B1818" s="9"/>
    </row>
    <row r="1819" spans="2:2" x14ac:dyDescent="0.2">
      <c r="B1819" s="9"/>
    </row>
    <row r="1820" spans="2:2" x14ac:dyDescent="0.2">
      <c r="B1820" s="9"/>
    </row>
    <row r="1821" spans="2:2" x14ac:dyDescent="0.2">
      <c r="B1821" s="9"/>
    </row>
    <row r="1822" spans="2:2" x14ac:dyDescent="0.2">
      <c r="B1822" s="9"/>
    </row>
    <row r="1823" spans="2:2" x14ac:dyDescent="0.2">
      <c r="B1823" s="9"/>
    </row>
    <row r="1824" spans="2:2" x14ac:dyDescent="0.2">
      <c r="B1824" s="9"/>
    </row>
    <row r="1825" spans="2:2" x14ac:dyDescent="0.2">
      <c r="B1825" s="9"/>
    </row>
    <row r="1826" spans="2:2" x14ac:dyDescent="0.2">
      <c r="B1826" s="9"/>
    </row>
    <row r="1827" spans="2:2" x14ac:dyDescent="0.2">
      <c r="B1827" s="9"/>
    </row>
    <row r="1828" spans="2:2" x14ac:dyDescent="0.2">
      <c r="B1828" s="9"/>
    </row>
    <row r="1829" spans="2:2" x14ac:dyDescent="0.2">
      <c r="B1829" s="9"/>
    </row>
    <row r="1830" spans="2:2" x14ac:dyDescent="0.2">
      <c r="B1830" s="9"/>
    </row>
    <row r="1831" spans="2:2" x14ac:dyDescent="0.2">
      <c r="B1831" s="9"/>
    </row>
    <row r="1832" spans="2:2" x14ac:dyDescent="0.2">
      <c r="B1832" s="9"/>
    </row>
    <row r="1833" spans="2:2" x14ac:dyDescent="0.2">
      <c r="B1833" s="9"/>
    </row>
    <row r="1834" spans="2:2" x14ac:dyDescent="0.2">
      <c r="B1834" s="9"/>
    </row>
    <row r="1835" spans="2:2" x14ac:dyDescent="0.2">
      <c r="B1835" s="9"/>
    </row>
    <row r="1836" spans="2:2" x14ac:dyDescent="0.2">
      <c r="B1836" s="9"/>
    </row>
    <row r="1837" spans="2:2" x14ac:dyDescent="0.2">
      <c r="B1837" s="9"/>
    </row>
    <row r="1838" spans="2:2" x14ac:dyDescent="0.2">
      <c r="B1838" s="9"/>
    </row>
    <row r="1839" spans="2:2" x14ac:dyDescent="0.2">
      <c r="B1839" s="9"/>
    </row>
    <row r="1840" spans="2:2" x14ac:dyDescent="0.2">
      <c r="B1840" s="9"/>
    </row>
    <row r="1841" spans="2:2" x14ac:dyDescent="0.2">
      <c r="B1841" s="9"/>
    </row>
    <row r="1842" spans="2:2" x14ac:dyDescent="0.2">
      <c r="B1842" s="9"/>
    </row>
    <row r="1843" spans="2:2" x14ac:dyDescent="0.2">
      <c r="B1843" s="9"/>
    </row>
    <row r="1844" spans="2:2" x14ac:dyDescent="0.2">
      <c r="B1844" s="9"/>
    </row>
    <row r="1845" spans="2:2" x14ac:dyDescent="0.2">
      <c r="B1845" s="9"/>
    </row>
    <row r="1846" spans="2:2" x14ac:dyDescent="0.2">
      <c r="B1846" s="9"/>
    </row>
    <row r="1847" spans="2:2" x14ac:dyDescent="0.2">
      <c r="B1847" s="9"/>
    </row>
    <row r="1848" spans="2:2" x14ac:dyDescent="0.2">
      <c r="B1848" s="9"/>
    </row>
    <row r="1849" spans="2:2" x14ac:dyDescent="0.2">
      <c r="B1849" s="9"/>
    </row>
    <row r="1850" spans="2:2" x14ac:dyDescent="0.2">
      <c r="B1850" s="9"/>
    </row>
    <row r="1851" spans="2:2" x14ac:dyDescent="0.2">
      <c r="B1851" s="9"/>
    </row>
    <row r="1852" spans="2:2" x14ac:dyDescent="0.2">
      <c r="B1852" s="9"/>
    </row>
    <row r="1853" spans="2:2" x14ac:dyDescent="0.2">
      <c r="B1853" s="9"/>
    </row>
    <row r="1854" spans="2:2" x14ac:dyDescent="0.2">
      <c r="B1854" s="9"/>
    </row>
    <row r="1855" spans="2:2" x14ac:dyDescent="0.2">
      <c r="B1855" s="9"/>
    </row>
    <row r="1856" spans="2:2" x14ac:dyDescent="0.2">
      <c r="B1856" s="9"/>
    </row>
    <row r="1857" spans="2:2" x14ac:dyDescent="0.2">
      <c r="B1857" s="9"/>
    </row>
    <row r="1858" spans="2:2" x14ac:dyDescent="0.2">
      <c r="B1858" s="9"/>
    </row>
    <row r="1859" spans="2:2" x14ac:dyDescent="0.2">
      <c r="B1859" s="9"/>
    </row>
    <row r="1860" spans="2:2" x14ac:dyDescent="0.2">
      <c r="B1860" s="9"/>
    </row>
    <row r="1861" spans="2:2" x14ac:dyDescent="0.2">
      <c r="B1861" s="9"/>
    </row>
    <row r="1862" spans="2:2" x14ac:dyDescent="0.2">
      <c r="B1862" s="9"/>
    </row>
    <row r="1863" spans="2:2" x14ac:dyDescent="0.2">
      <c r="B1863" s="9"/>
    </row>
    <row r="1864" spans="2:2" x14ac:dyDescent="0.2">
      <c r="B1864" s="9"/>
    </row>
    <row r="1865" spans="2:2" x14ac:dyDescent="0.2">
      <c r="B1865" s="9"/>
    </row>
    <row r="1866" spans="2:2" x14ac:dyDescent="0.2">
      <c r="B1866" s="9"/>
    </row>
    <row r="1867" spans="2:2" x14ac:dyDescent="0.2">
      <c r="B1867" s="9"/>
    </row>
    <row r="1868" spans="2:2" x14ac:dyDescent="0.2">
      <c r="B1868" s="9"/>
    </row>
    <row r="1869" spans="2:2" x14ac:dyDescent="0.2">
      <c r="B1869" s="9"/>
    </row>
    <row r="1870" spans="2:2" x14ac:dyDescent="0.2">
      <c r="B1870" s="9"/>
    </row>
    <row r="1871" spans="2:2" x14ac:dyDescent="0.2">
      <c r="B1871" s="9"/>
    </row>
    <row r="1872" spans="2:2" x14ac:dyDescent="0.2">
      <c r="B1872" s="9"/>
    </row>
    <row r="1873" spans="2:2" x14ac:dyDescent="0.2">
      <c r="B1873" s="9"/>
    </row>
    <row r="1874" spans="2:2" x14ac:dyDescent="0.2">
      <c r="B1874" s="9"/>
    </row>
    <row r="1875" spans="2:2" x14ac:dyDescent="0.2">
      <c r="B1875" s="9"/>
    </row>
    <row r="1876" spans="2:2" x14ac:dyDescent="0.2">
      <c r="B1876" s="9"/>
    </row>
    <row r="1877" spans="2:2" x14ac:dyDescent="0.2">
      <c r="B1877" s="9"/>
    </row>
    <row r="1878" spans="2:2" x14ac:dyDescent="0.2">
      <c r="B1878" s="9"/>
    </row>
    <row r="1879" spans="2:2" x14ac:dyDescent="0.2">
      <c r="B1879" s="9"/>
    </row>
    <row r="1880" spans="2:2" x14ac:dyDescent="0.2">
      <c r="B1880" s="9"/>
    </row>
    <row r="1881" spans="2:2" x14ac:dyDescent="0.2">
      <c r="B1881" s="9"/>
    </row>
    <row r="1882" spans="2:2" x14ac:dyDescent="0.2">
      <c r="B1882" s="9"/>
    </row>
    <row r="1883" spans="2:2" x14ac:dyDescent="0.2">
      <c r="B1883" s="9"/>
    </row>
    <row r="1884" spans="2:2" x14ac:dyDescent="0.2">
      <c r="B1884" s="9"/>
    </row>
    <row r="1885" spans="2:2" x14ac:dyDescent="0.2">
      <c r="B1885" s="9"/>
    </row>
    <row r="1886" spans="2:2" x14ac:dyDescent="0.2">
      <c r="B1886" s="9"/>
    </row>
    <row r="1887" spans="2:2" x14ac:dyDescent="0.2">
      <c r="B1887" s="9"/>
    </row>
    <row r="1888" spans="2:2" x14ac:dyDescent="0.2">
      <c r="B1888" s="9"/>
    </row>
    <row r="1889" spans="2:2" x14ac:dyDescent="0.2">
      <c r="B1889" s="9"/>
    </row>
    <row r="1890" spans="2:2" x14ac:dyDescent="0.2">
      <c r="B1890" s="9"/>
    </row>
    <row r="1891" spans="2:2" x14ac:dyDescent="0.2">
      <c r="B1891" s="9"/>
    </row>
    <row r="1892" spans="2:2" x14ac:dyDescent="0.2">
      <c r="B1892" s="9"/>
    </row>
    <row r="1893" spans="2:2" x14ac:dyDescent="0.2">
      <c r="B1893" s="9"/>
    </row>
    <row r="1894" spans="2:2" x14ac:dyDescent="0.2">
      <c r="B1894" s="9"/>
    </row>
    <row r="1895" spans="2:2" x14ac:dyDescent="0.2">
      <c r="B1895" s="9"/>
    </row>
    <row r="1896" spans="2:2" x14ac:dyDescent="0.2">
      <c r="B1896" s="9"/>
    </row>
    <row r="1897" spans="2:2" x14ac:dyDescent="0.2">
      <c r="B1897" s="9"/>
    </row>
    <row r="1898" spans="2:2" x14ac:dyDescent="0.2">
      <c r="B1898" s="9"/>
    </row>
    <row r="1899" spans="2:2" x14ac:dyDescent="0.2">
      <c r="B1899" s="9"/>
    </row>
    <row r="1900" spans="2:2" x14ac:dyDescent="0.2">
      <c r="B1900" s="9"/>
    </row>
    <row r="1901" spans="2:2" x14ac:dyDescent="0.2">
      <c r="B1901" s="9"/>
    </row>
    <row r="1902" spans="2:2" x14ac:dyDescent="0.2">
      <c r="B1902" s="9"/>
    </row>
    <row r="1903" spans="2:2" x14ac:dyDescent="0.2">
      <c r="B1903" s="9"/>
    </row>
    <row r="1904" spans="2:2" x14ac:dyDescent="0.2">
      <c r="B1904" s="9"/>
    </row>
    <row r="1905" spans="2:2" x14ac:dyDescent="0.2">
      <c r="B1905" s="9"/>
    </row>
    <row r="1906" spans="2:2" x14ac:dyDescent="0.2">
      <c r="B1906" s="9"/>
    </row>
    <row r="1907" spans="2:2" x14ac:dyDescent="0.2">
      <c r="B1907" s="9"/>
    </row>
    <row r="1908" spans="2:2" x14ac:dyDescent="0.2">
      <c r="B1908" s="9"/>
    </row>
    <row r="1909" spans="2:2" x14ac:dyDescent="0.2">
      <c r="B1909" s="9"/>
    </row>
    <row r="1910" spans="2:2" x14ac:dyDescent="0.2">
      <c r="B1910" s="9"/>
    </row>
    <row r="1911" spans="2:2" x14ac:dyDescent="0.2">
      <c r="B1911" s="9"/>
    </row>
    <row r="1912" spans="2:2" x14ac:dyDescent="0.2">
      <c r="B1912" s="9"/>
    </row>
    <row r="1913" spans="2:2" x14ac:dyDescent="0.2">
      <c r="B1913" s="9"/>
    </row>
    <row r="1914" spans="2:2" x14ac:dyDescent="0.2">
      <c r="B1914" s="9"/>
    </row>
    <row r="1915" spans="2:2" x14ac:dyDescent="0.2">
      <c r="B1915" s="9"/>
    </row>
    <row r="1916" spans="2:2" x14ac:dyDescent="0.2">
      <c r="B1916" s="9"/>
    </row>
    <row r="1917" spans="2:2" x14ac:dyDescent="0.2">
      <c r="B1917" s="9"/>
    </row>
    <row r="1918" spans="2:2" x14ac:dyDescent="0.2">
      <c r="B1918" s="9"/>
    </row>
    <row r="1919" spans="2:2" x14ac:dyDescent="0.2">
      <c r="B1919" s="9"/>
    </row>
    <row r="1920" spans="2:2" x14ac:dyDescent="0.2">
      <c r="B1920" s="9"/>
    </row>
    <row r="1921" spans="2:2" x14ac:dyDescent="0.2">
      <c r="B1921" s="9"/>
    </row>
    <row r="1922" spans="2:2" x14ac:dyDescent="0.2">
      <c r="B1922" s="9"/>
    </row>
    <row r="1923" spans="2:2" x14ac:dyDescent="0.2">
      <c r="B1923" s="9"/>
    </row>
    <row r="1924" spans="2:2" x14ac:dyDescent="0.2">
      <c r="B1924" s="9"/>
    </row>
    <row r="1925" spans="2:2" x14ac:dyDescent="0.2">
      <c r="B1925" s="9"/>
    </row>
    <row r="1926" spans="2:2" x14ac:dyDescent="0.2">
      <c r="B1926" s="9"/>
    </row>
    <row r="1927" spans="2:2" x14ac:dyDescent="0.2">
      <c r="B1927" s="9"/>
    </row>
    <row r="1928" spans="2:2" x14ac:dyDescent="0.2">
      <c r="B1928" s="9"/>
    </row>
    <row r="1929" spans="2:2" x14ac:dyDescent="0.2">
      <c r="B1929" s="9"/>
    </row>
    <row r="1930" spans="2:2" x14ac:dyDescent="0.2">
      <c r="B1930" s="9"/>
    </row>
    <row r="1931" spans="2:2" x14ac:dyDescent="0.2">
      <c r="B1931" s="9"/>
    </row>
    <row r="1932" spans="2:2" x14ac:dyDescent="0.2">
      <c r="B1932" s="9"/>
    </row>
    <row r="1933" spans="2:2" x14ac:dyDescent="0.2">
      <c r="B1933" s="9"/>
    </row>
    <row r="1934" spans="2:2" x14ac:dyDescent="0.2">
      <c r="B1934" s="9"/>
    </row>
    <row r="1935" spans="2:2" x14ac:dyDescent="0.2">
      <c r="B1935" s="9"/>
    </row>
    <row r="1936" spans="2:2" x14ac:dyDescent="0.2">
      <c r="B1936" s="9"/>
    </row>
    <row r="1937" spans="2:2" x14ac:dyDescent="0.2">
      <c r="B1937" s="9"/>
    </row>
    <row r="1938" spans="2:2" x14ac:dyDescent="0.2">
      <c r="B1938" s="9"/>
    </row>
    <row r="1939" spans="2:2" x14ac:dyDescent="0.2">
      <c r="B1939" s="9"/>
    </row>
    <row r="1940" spans="2:2" x14ac:dyDescent="0.2">
      <c r="B1940" s="9"/>
    </row>
    <row r="1941" spans="2:2" x14ac:dyDescent="0.2">
      <c r="B1941" s="9"/>
    </row>
    <row r="1942" spans="2:2" x14ac:dyDescent="0.2">
      <c r="B1942" s="9"/>
    </row>
    <row r="1943" spans="2:2" x14ac:dyDescent="0.2">
      <c r="B1943" s="9"/>
    </row>
    <row r="1944" spans="2:2" x14ac:dyDescent="0.2">
      <c r="B1944" s="9"/>
    </row>
    <row r="1945" spans="2:2" x14ac:dyDescent="0.2">
      <c r="B1945" s="9"/>
    </row>
    <row r="1946" spans="2:2" x14ac:dyDescent="0.2">
      <c r="B1946" s="9"/>
    </row>
    <row r="1947" spans="2:2" x14ac:dyDescent="0.2">
      <c r="B1947" s="9"/>
    </row>
    <row r="1948" spans="2:2" x14ac:dyDescent="0.2">
      <c r="B1948" s="9"/>
    </row>
    <row r="1949" spans="2:2" x14ac:dyDescent="0.2">
      <c r="B1949" s="9"/>
    </row>
    <row r="1950" spans="2:2" x14ac:dyDescent="0.2">
      <c r="B1950" s="9"/>
    </row>
    <row r="1951" spans="2:2" x14ac:dyDescent="0.2">
      <c r="B1951" s="9"/>
    </row>
    <row r="1952" spans="2:2" x14ac:dyDescent="0.2">
      <c r="B1952" s="9"/>
    </row>
    <row r="1953" spans="2:2" x14ac:dyDescent="0.2">
      <c r="B1953" s="9"/>
    </row>
    <row r="1954" spans="2:2" x14ac:dyDescent="0.2">
      <c r="B1954" s="9"/>
    </row>
    <row r="1955" spans="2:2" x14ac:dyDescent="0.2">
      <c r="B1955" s="9"/>
    </row>
    <row r="1956" spans="2:2" x14ac:dyDescent="0.2">
      <c r="B1956" s="9"/>
    </row>
    <row r="1957" spans="2:2" x14ac:dyDescent="0.2">
      <c r="B1957" s="9"/>
    </row>
    <row r="1958" spans="2:2" x14ac:dyDescent="0.2">
      <c r="B1958" s="9"/>
    </row>
    <row r="1959" spans="2:2" x14ac:dyDescent="0.2">
      <c r="B1959" s="9"/>
    </row>
    <row r="1960" spans="2:2" x14ac:dyDescent="0.2">
      <c r="B1960" s="9"/>
    </row>
    <row r="1961" spans="2:2" x14ac:dyDescent="0.2">
      <c r="B1961" s="9"/>
    </row>
    <row r="1962" spans="2:2" x14ac:dyDescent="0.2">
      <c r="B1962" s="9"/>
    </row>
    <row r="1963" spans="2:2" x14ac:dyDescent="0.2">
      <c r="B1963" s="9"/>
    </row>
    <row r="1964" spans="2:2" x14ac:dyDescent="0.2">
      <c r="B1964" s="9"/>
    </row>
    <row r="1965" spans="2:2" x14ac:dyDescent="0.2">
      <c r="B1965" s="9"/>
    </row>
    <row r="1966" spans="2:2" x14ac:dyDescent="0.2">
      <c r="B1966" s="9"/>
    </row>
    <row r="1967" spans="2:2" x14ac:dyDescent="0.2">
      <c r="B1967" s="9"/>
    </row>
    <row r="1968" spans="2:2" x14ac:dyDescent="0.2">
      <c r="B1968" s="9"/>
    </row>
    <row r="1969" spans="2:2" x14ac:dyDescent="0.2">
      <c r="B1969" s="9"/>
    </row>
    <row r="1970" spans="2:2" x14ac:dyDescent="0.2">
      <c r="B1970" s="9"/>
    </row>
    <row r="1971" spans="2:2" x14ac:dyDescent="0.2">
      <c r="B1971" s="9"/>
    </row>
    <row r="1972" spans="2:2" x14ac:dyDescent="0.2">
      <c r="B1972" s="9"/>
    </row>
    <row r="1973" spans="2:2" x14ac:dyDescent="0.2">
      <c r="B1973" s="9"/>
    </row>
    <row r="1974" spans="2:2" x14ac:dyDescent="0.2">
      <c r="B1974" s="9"/>
    </row>
    <row r="1975" spans="2:2" x14ac:dyDescent="0.2">
      <c r="B1975" s="9"/>
    </row>
    <row r="1976" spans="2:2" x14ac:dyDescent="0.2">
      <c r="B1976" s="9"/>
    </row>
    <row r="1977" spans="2:2" x14ac:dyDescent="0.2">
      <c r="B1977" s="9"/>
    </row>
    <row r="1978" spans="2:2" x14ac:dyDescent="0.2">
      <c r="B1978" s="9"/>
    </row>
    <row r="1979" spans="2:2" x14ac:dyDescent="0.2">
      <c r="B1979" s="9"/>
    </row>
    <row r="1980" spans="2:2" x14ac:dyDescent="0.2">
      <c r="B1980" s="9"/>
    </row>
    <row r="1981" spans="2:2" x14ac:dyDescent="0.2">
      <c r="B1981" s="9"/>
    </row>
    <row r="1982" spans="2:2" x14ac:dyDescent="0.2">
      <c r="B1982" s="9"/>
    </row>
    <row r="1983" spans="2:2" x14ac:dyDescent="0.2">
      <c r="B1983" s="9"/>
    </row>
    <row r="1984" spans="2:2" x14ac:dyDescent="0.2">
      <c r="B1984" s="9"/>
    </row>
    <row r="1985" spans="2:2" x14ac:dyDescent="0.2">
      <c r="B1985" s="9"/>
    </row>
    <row r="1986" spans="2:2" x14ac:dyDescent="0.2">
      <c r="B1986" s="9"/>
    </row>
    <row r="1987" spans="2:2" x14ac:dyDescent="0.2">
      <c r="B1987" s="9"/>
    </row>
    <row r="1988" spans="2:2" x14ac:dyDescent="0.2">
      <c r="B1988" s="9"/>
    </row>
    <row r="1989" spans="2:2" x14ac:dyDescent="0.2">
      <c r="B1989" s="9"/>
    </row>
    <row r="1990" spans="2:2" x14ac:dyDescent="0.2">
      <c r="B1990" s="9"/>
    </row>
    <row r="1991" spans="2:2" x14ac:dyDescent="0.2">
      <c r="B1991" s="9"/>
    </row>
    <row r="1992" spans="2:2" x14ac:dyDescent="0.2">
      <c r="B1992" s="9"/>
    </row>
    <row r="1993" spans="2:2" x14ac:dyDescent="0.2">
      <c r="B1993" s="9"/>
    </row>
    <row r="1994" spans="2:2" x14ac:dyDescent="0.2">
      <c r="B1994" s="9"/>
    </row>
    <row r="1995" spans="2:2" x14ac:dyDescent="0.2">
      <c r="B1995" s="9"/>
    </row>
    <row r="1996" spans="2:2" x14ac:dyDescent="0.2">
      <c r="B1996" s="9"/>
    </row>
    <row r="1997" spans="2:2" x14ac:dyDescent="0.2">
      <c r="B1997" s="9"/>
    </row>
    <row r="1998" spans="2:2" x14ac:dyDescent="0.2">
      <c r="B1998" s="9"/>
    </row>
    <row r="1999" spans="2:2" x14ac:dyDescent="0.2">
      <c r="B1999" s="9"/>
    </row>
    <row r="2000" spans="2:2" x14ac:dyDescent="0.2">
      <c r="B2000" s="9"/>
    </row>
    <row r="2001" spans="2:2" x14ac:dyDescent="0.2">
      <c r="B2001" s="9"/>
    </row>
    <row r="2002" spans="2:2" x14ac:dyDescent="0.2">
      <c r="B2002" s="9"/>
    </row>
    <row r="2003" spans="2:2" x14ac:dyDescent="0.2">
      <c r="B2003" s="9"/>
    </row>
    <row r="2004" spans="2:2" x14ac:dyDescent="0.2">
      <c r="B2004" s="9"/>
    </row>
    <row r="2005" spans="2:2" x14ac:dyDescent="0.2">
      <c r="B2005" s="9"/>
    </row>
    <row r="2006" spans="2:2" x14ac:dyDescent="0.2">
      <c r="B2006" s="9"/>
    </row>
    <row r="2007" spans="2:2" x14ac:dyDescent="0.2">
      <c r="B2007" s="9"/>
    </row>
    <row r="2008" spans="2:2" x14ac:dyDescent="0.2">
      <c r="B2008" s="9"/>
    </row>
    <row r="2009" spans="2:2" x14ac:dyDescent="0.2">
      <c r="B2009" s="9"/>
    </row>
    <row r="2010" spans="2:2" x14ac:dyDescent="0.2">
      <c r="B2010" s="9"/>
    </row>
    <row r="2011" spans="2:2" x14ac:dyDescent="0.2">
      <c r="B2011" s="9"/>
    </row>
    <row r="2012" spans="2:2" x14ac:dyDescent="0.2">
      <c r="B2012" s="9"/>
    </row>
    <row r="2013" spans="2:2" x14ac:dyDescent="0.2">
      <c r="B2013" s="9"/>
    </row>
    <row r="2014" spans="2:2" x14ac:dyDescent="0.2">
      <c r="B2014" s="9"/>
    </row>
    <row r="2015" spans="2:2" x14ac:dyDescent="0.2">
      <c r="B2015" s="9"/>
    </row>
    <row r="2016" spans="2:2" x14ac:dyDescent="0.2">
      <c r="B2016" s="9"/>
    </row>
    <row r="2017" spans="2:2" x14ac:dyDescent="0.2">
      <c r="B2017" s="9"/>
    </row>
    <row r="2018" spans="2:2" x14ac:dyDescent="0.2">
      <c r="B2018" s="9"/>
    </row>
    <row r="2019" spans="2:2" x14ac:dyDescent="0.2">
      <c r="B2019" s="9"/>
    </row>
    <row r="2020" spans="2:2" x14ac:dyDescent="0.2">
      <c r="B2020" s="9"/>
    </row>
    <row r="2021" spans="2:2" x14ac:dyDescent="0.2">
      <c r="B2021" s="9"/>
    </row>
    <row r="2022" spans="2:2" x14ac:dyDescent="0.2">
      <c r="B2022" s="9"/>
    </row>
    <row r="2023" spans="2:2" x14ac:dyDescent="0.2">
      <c r="B2023" s="9"/>
    </row>
    <row r="2024" spans="2:2" x14ac:dyDescent="0.2">
      <c r="B2024" s="9"/>
    </row>
    <row r="2025" spans="2:2" x14ac:dyDescent="0.2">
      <c r="B2025" s="9"/>
    </row>
    <row r="2026" spans="2:2" x14ac:dyDescent="0.2">
      <c r="B2026" s="9"/>
    </row>
    <row r="2027" spans="2:2" x14ac:dyDescent="0.2">
      <c r="B2027" s="9"/>
    </row>
    <row r="2028" spans="2:2" x14ac:dyDescent="0.2">
      <c r="B2028" s="9"/>
    </row>
    <row r="2029" spans="2:2" x14ac:dyDescent="0.2">
      <c r="B2029" s="9"/>
    </row>
    <row r="2030" spans="2:2" x14ac:dyDescent="0.2">
      <c r="B2030" s="9"/>
    </row>
    <row r="2031" spans="2:2" x14ac:dyDescent="0.2">
      <c r="B2031" s="9"/>
    </row>
    <row r="2032" spans="2:2" x14ac:dyDescent="0.2">
      <c r="B2032" s="9"/>
    </row>
    <row r="2033" spans="2:2" x14ac:dyDescent="0.2">
      <c r="B2033" s="9"/>
    </row>
    <row r="2034" spans="2:2" x14ac:dyDescent="0.2">
      <c r="B2034" s="9"/>
    </row>
    <row r="2035" spans="2:2" x14ac:dyDescent="0.2">
      <c r="B2035" s="9"/>
    </row>
    <row r="2036" spans="2:2" x14ac:dyDescent="0.2">
      <c r="B2036" s="9"/>
    </row>
    <row r="2037" spans="2:2" x14ac:dyDescent="0.2">
      <c r="B2037" s="9"/>
    </row>
    <row r="2038" spans="2:2" x14ac:dyDescent="0.2">
      <c r="B2038" s="9"/>
    </row>
    <row r="2039" spans="2:2" x14ac:dyDescent="0.2">
      <c r="B2039" s="9"/>
    </row>
    <row r="2040" spans="2:2" x14ac:dyDescent="0.2">
      <c r="B2040" s="9"/>
    </row>
    <row r="2041" spans="2:2" x14ac:dyDescent="0.2">
      <c r="B2041" s="9"/>
    </row>
    <row r="2042" spans="2:2" x14ac:dyDescent="0.2">
      <c r="B2042" s="9"/>
    </row>
    <row r="2043" spans="2:2" x14ac:dyDescent="0.2">
      <c r="B2043" s="9"/>
    </row>
    <row r="2044" spans="2:2" x14ac:dyDescent="0.2">
      <c r="B2044" s="9"/>
    </row>
    <row r="2045" spans="2:2" x14ac:dyDescent="0.2">
      <c r="B2045" s="9"/>
    </row>
    <row r="2046" spans="2:2" x14ac:dyDescent="0.2">
      <c r="B2046" s="9"/>
    </row>
    <row r="2047" spans="2:2" x14ac:dyDescent="0.2">
      <c r="B2047" s="9"/>
    </row>
    <row r="2048" spans="2:2" x14ac:dyDescent="0.2">
      <c r="B2048" s="9"/>
    </row>
    <row r="2049" spans="2:2" x14ac:dyDescent="0.2">
      <c r="B2049" s="9"/>
    </row>
    <row r="2050" spans="2:2" x14ac:dyDescent="0.2">
      <c r="B2050" s="9"/>
    </row>
    <row r="2051" spans="2:2" x14ac:dyDescent="0.2">
      <c r="B2051" s="9"/>
    </row>
    <row r="2052" spans="2:2" x14ac:dyDescent="0.2">
      <c r="B2052" s="9"/>
    </row>
    <row r="2053" spans="2:2" x14ac:dyDescent="0.2">
      <c r="B2053" s="9"/>
    </row>
    <row r="2054" spans="2:2" x14ac:dyDescent="0.2">
      <c r="B2054" s="9"/>
    </row>
    <row r="2055" spans="2:2" x14ac:dyDescent="0.2">
      <c r="B2055" s="9"/>
    </row>
    <row r="2056" spans="2:2" x14ac:dyDescent="0.2">
      <c r="B2056" s="9"/>
    </row>
    <row r="2057" spans="2:2" x14ac:dyDescent="0.2">
      <c r="B2057" s="9"/>
    </row>
    <row r="2058" spans="2:2" x14ac:dyDescent="0.2">
      <c r="B2058" s="9"/>
    </row>
    <row r="2059" spans="2:2" x14ac:dyDescent="0.2">
      <c r="B2059" s="9"/>
    </row>
    <row r="2060" spans="2:2" x14ac:dyDescent="0.2">
      <c r="B2060" s="9"/>
    </row>
    <row r="2061" spans="2:2" x14ac:dyDescent="0.2">
      <c r="B2061" s="9"/>
    </row>
    <row r="2062" spans="2:2" x14ac:dyDescent="0.2">
      <c r="B2062" s="9"/>
    </row>
    <row r="2063" spans="2:2" x14ac:dyDescent="0.2">
      <c r="B2063" s="9"/>
    </row>
    <row r="2064" spans="2:2" x14ac:dyDescent="0.2">
      <c r="B2064" s="9"/>
    </row>
    <row r="2065" spans="2:2" x14ac:dyDescent="0.2">
      <c r="B2065" s="9"/>
    </row>
    <row r="2066" spans="2:2" x14ac:dyDescent="0.2">
      <c r="B2066" s="9"/>
    </row>
    <row r="2067" spans="2:2" x14ac:dyDescent="0.2">
      <c r="B2067" s="9"/>
    </row>
    <row r="2068" spans="2:2" x14ac:dyDescent="0.2">
      <c r="B2068" s="9"/>
    </row>
    <row r="2069" spans="2:2" x14ac:dyDescent="0.2">
      <c r="B2069" s="9"/>
    </row>
    <row r="2070" spans="2:2" x14ac:dyDescent="0.2">
      <c r="B2070" s="9"/>
    </row>
    <row r="2071" spans="2:2" x14ac:dyDescent="0.2">
      <c r="B2071" s="9"/>
    </row>
    <row r="2072" spans="2:2" x14ac:dyDescent="0.2">
      <c r="B2072" s="9"/>
    </row>
    <row r="2073" spans="2:2" x14ac:dyDescent="0.2">
      <c r="B2073" s="9"/>
    </row>
    <row r="2074" spans="2:2" x14ac:dyDescent="0.2">
      <c r="B2074" s="9"/>
    </row>
    <row r="2075" spans="2:2" x14ac:dyDescent="0.2">
      <c r="B2075" s="9"/>
    </row>
    <row r="2076" spans="2:2" x14ac:dyDescent="0.2">
      <c r="B2076" s="9"/>
    </row>
    <row r="2077" spans="2:2" x14ac:dyDescent="0.2">
      <c r="B2077" s="9"/>
    </row>
    <row r="2078" spans="2:2" x14ac:dyDescent="0.2">
      <c r="B2078" s="9"/>
    </row>
    <row r="2079" spans="2:2" x14ac:dyDescent="0.2">
      <c r="B2079" s="9"/>
    </row>
    <row r="2080" spans="2:2" x14ac:dyDescent="0.2">
      <c r="B2080" s="9"/>
    </row>
    <row r="2081" spans="2:2" x14ac:dyDescent="0.2">
      <c r="B2081" s="9"/>
    </row>
    <row r="2082" spans="2:2" x14ac:dyDescent="0.2">
      <c r="B2082" s="9"/>
    </row>
    <row r="2083" spans="2:2" x14ac:dyDescent="0.2">
      <c r="B2083" s="9"/>
    </row>
    <row r="2084" spans="2:2" x14ac:dyDescent="0.2">
      <c r="B2084" s="9"/>
    </row>
    <row r="2085" spans="2:2" x14ac:dyDescent="0.2">
      <c r="B2085" s="9"/>
    </row>
    <row r="2086" spans="2:2" x14ac:dyDescent="0.2">
      <c r="B2086" s="9"/>
    </row>
    <row r="2087" spans="2:2" x14ac:dyDescent="0.2">
      <c r="B2087" s="9"/>
    </row>
    <row r="2088" spans="2:2" x14ac:dyDescent="0.2">
      <c r="B2088" s="9"/>
    </row>
    <row r="2089" spans="2:2" x14ac:dyDescent="0.2">
      <c r="B2089" s="9"/>
    </row>
    <row r="2090" spans="2:2" x14ac:dyDescent="0.2">
      <c r="B2090" s="9"/>
    </row>
    <row r="2091" spans="2:2" x14ac:dyDescent="0.2">
      <c r="B2091" s="9"/>
    </row>
    <row r="2092" spans="2:2" x14ac:dyDescent="0.2">
      <c r="B2092" s="9"/>
    </row>
    <row r="2093" spans="2:2" x14ac:dyDescent="0.2">
      <c r="B2093" s="9"/>
    </row>
    <row r="2094" spans="2:2" x14ac:dyDescent="0.2">
      <c r="B2094" s="9"/>
    </row>
    <row r="2095" spans="2:2" x14ac:dyDescent="0.2">
      <c r="B2095" s="9"/>
    </row>
    <row r="2096" spans="2:2" x14ac:dyDescent="0.2">
      <c r="B2096" s="9"/>
    </row>
    <row r="2097" spans="2:2" x14ac:dyDescent="0.2">
      <c r="B2097" s="9"/>
    </row>
    <row r="2098" spans="2:2" x14ac:dyDescent="0.2">
      <c r="B2098" s="9"/>
    </row>
    <row r="2099" spans="2:2" x14ac:dyDescent="0.2">
      <c r="B2099" s="9"/>
    </row>
    <row r="2100" spans="2:2" x14ac:dyDescent="0.2">
      <c r="B2100" s="9"/>
    </row>
    <row r="2101" spans="2:2" x14ac:dyDescent="0.2">
      <c r="B2101" s="9"/>
    </row>
    <row r="2102" spans="2:2" x14ac:dyDescent="0.2">
      <c r="B2102" s="9"/>
    </row>
    <row r="2103" spans="2:2" x14ac:dyDescent="0.2">
      <c r="B2103" s="9"/>
    </row>
    <row r="2104" spans="2:2" x14ac:dyDescent="0.2">
      <c r="B2104" s="9"/>
    </row>
    <row r="2105" spans="2:2" x14ac:dyDescent="0.2">
      <c r="B2105" s="9"/>
    </row>
    <row r="2106" spans="2:2" x14ac:dyDescent="0.2">
      <c r="B2106" s="9"/>
    </row>
    <row r="2107" spans="2:2" x14ac:dyDescent="0.2">
      <c r="B2107" s="9"/>
    </row>
    <row r="2108" spans="2:2" x14ac:dyDescent="0.2">
      <c r="B2108" s="9"/>
    </row>
    <row r="2109" spans="2:2" x14ac:dyDescent="0.2">
      <c r="B2109" s="9"/>
    </row>
    <row r="2110" spans="2:2" x14ac:dyDescent="0.2">
      <c r="B2110" s="9"/>
    </row>
    <row r="2111" spans="2:2" x14ac:dyDescent="0.2">
      <c r="B2111" s="9"/>
    </row>
    <row r="2112" spans="2:2" x14ac:dyDescent="0.2">
      <c r="B2112" s="9"/>
    </row>
    <row r="2113" spans="2:2" x14ac:dyDescent="0.2">
      <c r="B2113" s="9"/>
    </row>
    <row r="2114" spans="2:2" x14ac:dyDescent="0.2">
      <c r="B2114" s="9"/>
    </row>
    <row r="2115" spans="2:2" x14ac:dyDescent="0.2">
      <c r="B2115" s="9"/>
    </row>
    <row r="2116" spans="2:2" x14ac:dyDescent="0.2">
      <c r="B2116" s="9"/>
    </row>
    <row r="2117" spans="2:2" x14ac:dyDescent="0.2">
      <c r="B2117" s="9"/>
    </row>
    <row r="2118" spans="2:2" x14ac:dyDescent="0.2">
      <c r="B2118" s="9"/>
    </row>
    <row r="2119" spans="2:2" x14ac:dyDescent="0.2">
      <c r="B2119" s="9"/>
    </row>
    <row r="2120" spans="2:2" x14ac:dyDescent="0.2">
      <c r="B2120" s="9"/>
    </row>
    <row r="2121" spans="2:2" x14ac:dyDescent="0.2">
      <c r="B2121" s="9"/>
    </row>
    <row r="2122" spans="2:2" x14ac:dyDescent="0.2">
      <c r="B2122" s="9"/>
    </row>
    <row r="2123" spans="2:2" x14ac:dyDescent="0.2">
      <c r="B2123" s="9"/>
    </row>
    <row r="2124" spans="2:2" x14ac:dyDescent="0.2">
      <c r="B2124" s="9"/>
    </row>
    <row r="2125" spans="2:2" x14ac:dyDescent="0.2">
      <c r="B2125" s="9"/>
    </row>
    <row r="2126" spans="2:2" x14ac:dyDescent="0.2">
      <c r="B2126" s="9"/>
    </row>
    <row r="2127" spans="2:2" x14ac:dyDescent="0.2">
      <c r="B2127" s="9"/>
    </row>
    <row r="2128" spans="2:2" x14ac:dyDescent="0.2">
      <c r="B2128" s="9"/>
    </row>
    <row r="2129" spans="2:2" x14ac:dyDescent="0.2">
      <c r="B2129" s="9"/>
    </row>
    <row r="2130" spans="2:2" x14ac:dyDescent="0.2">
      <c r="B2130" s="9"/>
    </row>
    <row r="2131" spans="2:2" x14ac:dyDescent="0.2">
      <c r="B2131" s="9"/>
    </row>
    <row r="2132" spans="2:2" x14ac:dyDescent="0.2">
      <c r="B2132" s="9"/>
    </row>
    <row r="2133" spans="2:2" x14ac:dyDescent="0.2">
      <c r="B2133" s="9"/>
    </row>
    <row r="2134" spans="2:2" x14ac:dyDescent="0.2">
      <c r="B2134" s="9"/>
    </row>
    <row r="2135" spans="2:2" x14ac:dyDescent="0.2">
      <c r="B2135" s="9"/>
    </row>
    <row r="2136" spans="2:2" x14ac:dyDescent="0.2">
      <c r="B2136" s="9"/>
    </row>
    <row r="2137" spans="2:2" x14ac:dyDescent="0.2">
      <c r="B2137" s="9"/>
    </row>
    <row r="2138" spans="2:2" x14ac:dyDescent="0.2">
      <c r="B2138" s="9"/>
    </row>
    <row r="2139" spans="2:2" x14ac:dyDescent="0.2">
      <c r="B2139" s="9"/>
    </row>
    <row r="2140" spans="2:2" x14ac:dyDescent="0.2">
      <c r="B2140" s="9"/>
    </row>
    <row r="2141" spans="2:2" x14ac:dyDescent="0.2">
      <c r="B2141" s="9"/>
    </row>
    <row r="2142" spans="2:2" x14ac:dyDescent="0.2">
      <c r="B2142" s="9"/>
    </row>
    <row r="2143" spans="2:2" x14ac:dyDescent="0.2">
      <c r="B2143" s="9"/>
    </row>
    <row r="2144" spans="2:2" x14ac:dyDescent="0.2">
      <c r="B2144" s="9"/>
    </row>
    <row r="2145" spans="2:2" x14ac:dyDescent="0.2">
      <c r="B2145" s="9"/>
    </row>
    <row r="2146" spans="2:2" x14ac:dyDescent="0.2">
      <c r="B2146" s="9"/>
    </row>
    <row r="2147" spans="2:2" x14ac:dyDescent="0.2">
      <c r="B2147" s="9"/>
    </row>
    <row r="2148" spans="2:2" x14ac:dyDescent="0.2">
      <c r="B2148" s="9"/>
    </row>
    <row r="2149" spans="2:2" x14ac:dyDescent="0.2">
      <c r="B2149" s="9"/>
    </row>
    <row r="2150" spans="2:2" x14ac:dyDescent="0.2">
      <c r="B2150" s="9"/>
    </row>
    <row r="2151" spans="2:2" x14ac:dyDescent="0.2">
      <c r="B2151" s="9"/>
    </row>
    <row r="2152" spans="2:2" x14ac:dyDescent="0.2">
      <c r="B2152" s="9"/>
    </row>
    <row r="2153" spans="2:2" x14ac:dyDescent="0.2">
      <c r="B2153" s="9"/>
    </row>
    <row r="2154" spans="2:2" x14ac:dyDescent="0.2">
      <c r="B2154" s="9"/>
    </row>
    <row r="2155" spans="2:2" x14ac:dyDescent="0.2">
      <c r="B2155" s="9"/>
    </row>
    <row r="2156" spans="2:2" x14ac:dyDescent="0.2">
      <c r="B2156" s="9"/>
    </row>
    <row r="2157" spans="2:2" x14ac:dyDescent="0.2">
      <c r="B2157" s="9"/>
    </row>
    <row r="2158" spans="2:2" x14ac:dyDescent="0.2">
      <c r="B2158" s="9"/>
    </row>
    <row r="2159" spans="2:2" x14ac:dyDescent="0.2">
      <c r="B2159" s="9"/>
    </row>
    <row r="2160" spans="2:2" x14ac:dyDescent="0.2">
      <c r="B2160" s="9"/>
    </row>
    <row r="2161" spans="2:2" x14ac:dyDescent="0.2">
      <c r="B2161" s="9"/>
    </row>
    <row r="2162" spans="2:2" x14ac:dyDescent="0.2">
      <c r="B2162" s="9"/>
    </row>
    <row r="2163" spans="2:2" x14ac:dyDescent="0.2">
      <c r="B2163" s="9"/>
    </row>
    <row r="2164" spans="2:2" x14ac:dyDescent="0.2">
      <c r="B2164" s="9"/>
    </row>
    <row r="2165" spans="2:2" x14ac:dyDescent="0.2">
      <c r="B2165" s="9"/>
    </row>
    <row r="2166" spans="2:2" x14ac:dyDescent="0.2">
      <c r="B2166" s="9"/>
    </row>
    <row r="2167" spans="2:2" x14ac:dyDescent="0.2">
      <c r="B2167" s="9"/>
    </row>
    <row r="2168" spans="2:2" x14ac:dyDescent="0.2">
      <c r="B2168" s="9"/>
    </row>
    <row r="2169" spans="2:2" x14ac:dyDescent="0.2">
      <c r="B2169" s="9"/>
    </row>
    <row r="2170" spans="2:2" x14ac:dyDescent="0.2">
      <c r="B2170" s="9"/>
    </row>
    <row r="2171" spans="2:2" x14ac:dyDescent="0.2">
      <c r="B2171" s="9"/>
    </row>
    <row r="2172" spans="2:2" x14ac:dyDescent="0.2">
      <c r="B2172" s="9"/>
    </row>
    <row r="2173" spans="2:2" x14ac:dyDescent="0.2">
      <c r="B2173" s="9"/>
    </row>
    <row r="2174" spans="2:2" x14ac:dyDescent="0.2">
      <c r="B2174" s="9"/>
    </row>
    <row r="2175" spans="2:2" x14ac:dyDescent="0.2">
      <c r="B2175" s="9"/>
    </row>
    <row r="2176" spans="2:2" x14ac:dyDescent="0.2">
      <c r="B2176" s="9"/>
    </row>
    <row r="2177" spans="2:2" x14ac:dyDescent="0.2">
      <c r="B2177" s="9"/>
    </row>
    <row r="2178" spans="2:2" x14ac:dyDescent="0.2">
      <c r="B2178" s="9"/>
    </row>
    <row r="2179" spans="2:2" x14ac:dyDescent="0.2">
      <c r="B2179" s="9"/>
    </row>
    <row r="2180" spans="2:2" x14ac:dyDescent="0.2">
      <c r="B2180" s="9"/>
    </row>
    <row r="2181" spans="2:2" x14ac:dyDescent="0.2">
      <c r="B2181" s="9"/>
    </row>
    <row r="2182" spans="2:2" x14ac:dyDescent="0.2">
      <c r="B2182" s="9"/>
    </row>
    <row r="2183" spans="2:2" x14ac:dyDescent="0.2">
      <c r="B2183" s="9"/>
    </row>
    <row r="2184" spans="2:2" x14ac:dyDescent="0.2">
      <c r="B2184" s="9"/>
    </row>
    <row r="2185" spans="2:2" x14ac:dyDescent="0.2">
      <c r="B2185" s="9"/>
    </row>
    <row r="2186" spans="2:2" x14ac:dyDescent="0.2">
      <c r="B2186" s="9"/>
    </row>
    <row r="2187" spans="2:2" x14ac:dyDescent="0.2">
      <c r="B2187" s="9"/>
    </row>
    <row r="2188" spans="2:2" x14ac:dyDescent="0.2">
      <c r="B2188" s="9"/>
    </row>
    <row r="2189" spans="2:2" x14ac:dyDescent="0.2">
      <c r="B2189" s="9"/>
    </row>
    <row r="2190" spans="2:2" x14ac:dyDescent="0.2">
      <c r="B2190" s="9"/>
    </row>
    <row r="2191" spans="2:2" x14ac:dyDescent="0.2">
      <c r="B2191" s="9"/>
    </row>
    <row r="2192" spans="2:2" x14ac:dyDescent="0.2">
      <c r="B2192" s="9"/>
    </row>
    <row r="2193" spans="2:2" x14ac:dyDescent="0.2">
      <c r="B2193" s="9"/>
    </row>
    <row r="2194" spans="2:2" x14ac:dyDescent="0.2">
      <c r="B2194" s="9"/>
    </row>
    <row r="2195" spans="2:2" x14ac:dyDescent="0.2">
      <c r="B2195" s="9"/>
    </row>
    <row r="2196" spans="2:2" x14ac:dyDescent="0.2">
      <c r="B2196" s="9"/>
    </row>
    <row r="2197" spans="2:2" x14ac:dyDescent="0.2">
      <c r="B2197" s="9"/>
    </row>
    <row r="2198" spans="2:2" x14ac:dyDescent="0.2">
      <c r="B2198" s="9"/>
    </row>
    <row r="2199" spans="2:2" x14ac:dyDescent="0.2">
      <c r="B2199" s="9"/>
    </row>
    <row r="2200" spans="2:2" x14ac:dyDescent="0.2">
      <c r="B2200" s="9"/>
    </row>
    <row r="2201" spans="2:2" x14ac:dyDescent="0.2">
      <c r="B2201" s="9"/>
    </row>
    <row r="2202" spans="2:2" x14ac:dyDescent="0.2">
      <c r="B2202" s="9"/>
    </row>
    <row r="2203" spans="2:2" x14ac:dyDescent="0.2">
      <c r="B2203" s="9"/>
    </row>
    <row r="2204" spans="2:2" x14ac:dyDescent="0.2">
      <c r="B2204" s="9"/>
    </row>
    <row r="2205" spans="2:2" x14ac:dyDescent="0.2">
      <c r="B2205" s="9"/>
    </row>
    <row r="2206" spans="2:2" x14ac:dyDescent="0.2">
      <c r="B2206" s="9"/>
    </row>
    <row r="2207" spans="2:2" x14ac:dyDescent="0.2">
      <c r="B2207" s="9"/>
    </row>
    <row r="2208" spans="2:2" x14ac:dyDescent="0.2">
      <c r="B2208" s="9"/>
    </row>
    <row r="2209" spans="2:2" x14ac:dyDescent="0.2">
      <c r="B2209" s="9"/>
    </row>
    <row r="2210" spans="2:2" x14ac:dyDescent="0.2">
      <c r="B2210" s="9"/>
    </row>
    <row r="2211" spans="2:2" x14ac:dyDescent="0.2">
      <c r="B2211" s="9"/>
    </row>
    <row r="2212" spans="2:2" x14ac:dyDescent="0.2">
      <c r="B2212" s="9"/>
    </row>
    <row r="2213" spans="2:2" x14ac:dyDescent="0.2">
      <c r="B2213" s="9"/>
    </row>
    <row r="2214" spans="2:2" x14ac:dyDescent="0.2">
      <c r="B2214" s="9"/>
    </row>
    <row r="2215" spans="2:2" x14ac:dyDescent="0.2">
      <c r="B2215" s="9"/>
    </row>
    <row r="2216" spans="2:2" x14ac:dyDescent="0.2">
      <c r="B2216" s="9"/>
    </row>
    <row r="2217" spans="2:2" x14ac:dyDescent="0.2">
      <c r="B2217" s="9"/>
    </row>
    <row r="2218" spans="2:2" x14ac:dyDescent="0.2">
      <c r="B2218" s="9"/>
    </row>
    <row r="2219" spans="2:2" x14ac:dyDescent="0.2">
      <c r="B2219" s="9"/>
    </row>
    <row r="2220" spans="2:2" x14ac:dyDescent="0.2">
      <c r="B2220" s="9"/>
    </row>
    <row r="2221" spans="2:2" x14ac:dyDescent="0.2">
      <c r="B2221" s="9"/>
    </row>
    <row r="2222" spans="2:2" x14ac:dyDescent="0.2">
      <c r="B2222" s="9"/>
    </row>
    <row r="2223" spans="2:2" x14ac:dyDescent="0.2">
      <c r="B2223" s="9"/>
    </row>
    <row r="2224" spans="2:2" x14ac:dyDescent="0.2">
      <c r="B2224" s="9"/>
    </row>
    <row r="2225" spans="2:2" x14ac:dyDescent="0.2">
      <c r="B2225" s="9"/>
    </row>
    <row r="2226" spans="2:2" x14ac:dyDescent="0.2">
      <c r="B2226" s="9"/>
    </row>
    <row r="2227" spans="2:2" x14ac:dyDescent="0.2">
      <c r="B2227" s="9"/>
    </row>
    <row r="2228" spans="2:2" x14ac:dyDescent="0.2">
      <c r="B2228" s="9"/>
    </row>
    <row r="2229" spans="2:2" x14ac:dyDescent="0.2">
      <c r="B2229" s="9"/>
    </row>
    <row r="2230" spans="2:2" x14ac:dyDescent="0.2">
      <c r="B2230" s="9"/>
    </row>
    <row r="2231" spans="2:2" x14ac:dyDescent="0.2">
      <c r="B2231" s="9"/>
    </row>
    <row r="2232" spans="2:2" x14ac:dyDescent="0.2">
      <c r="B2232" s="9"/>
    </row>
    <row r="2233" spans="2:2" x14ac:dyDescent="0.2">
      <c r="B2233" s="9"/>
    </row>
    <row r="2234" spans="2:2" x14ac:dyDescent="0.2">
      <c r="B2234" s="9"/>
    </row>
    <row r="2235" spans="2:2" x14ac:dyDescent="0.2">
      <c r="B2235" s="9"/>
    </row>
    <row r="2236" spans="2:2" x14ac:dyDescent="0.2">
      <c r="B2236" s="9"/>
    </row>
    <row r="2237" spans="2:2" x14ac:dyDescent="0.2">
      <c r="B2237" s="9"/>
    </row>
    <row r="2238" spans="2:2" x14ac:dyDescent="0.2">
      <c r="B2238" s="9"/>
    </row>
    <row r="2239" spans="2:2" x14ac:dyDescent="0.2">
      <c r="B2239" s="9"/>
    </row>
    <row r="2240" spans="2:2" x14ac:dyDescent="0.2">
      <c r="B2240" s="9"/>
    </row>
    <row r="2241" spans="2:2" x14ac:dyDescent="0.2">
      <c r="B2241" s="9"/>
    </row>
  </sheetData>
  <sheetProtection algorithmName="SHA-512" hashValue="dUiNByGSrPAqYws8U5H1KfGvETy6Q+3OF9sBq0LQALEx2OYrOWNjb/Pf+yuWiQibjDagOIbJkaI1OEhAeo4/HA==" saltValue="4c4nfMVYtgqNYLLINb4ioQ==" spinCount="100000" sheet="1" objects="1" scenarios="1" selectLockedCells="1" autoFilter="0"/>
  <customSheetViews>
    <customSheetView guid="{67FFD9AE-B4FE-4D55-B0D5-8B269AAA467F}" scale="90" showGridLines="0">
      <pageMargins left="0.27559055118110237" right="0.27559055118110237" top="0.51181102362204722" bottom="0.98425196850393704" header="0.51181102362204722" footer="0.51181102362204722"/>
      <pageSetup paperSize="9" scale="89" orientation="portrait" r:id="rId1"/>
      <headerFooter alignWithMargins="0"/>
    </customSheetView>
  </customSheetViews>
  <mergeCells count="18">
    <mergeCell ref="B29:AO29"/>
    <mergeCell ref="Q27:AO27"/>
    <mergeCell ref="Q25:AO25"/>
    <mergeCell ref="Q26:AO26"/>
    <mergeCell ref="B65:AO65"/>
    <mergeCell ref="F31:S31"/>
    <mergeCell ref="F25:K25"/>
    <mergeCell ref="B2:AO2"/>
    <mergeCell ref="B4:AO4"/>
    <mergeCell ref="F20:U20"/>
    <mergeCell ref="B23:AO23"/>
    <mergeCell ref="F6:K6"/>
    <mergeCell ref="F12:AA12"/>
    <mergeCell ref="F8:AA8"/>
    <mergeCell ref="F18:U18"/>
    <mergeCell ref="F16:K16"/>
    <mergeCell ref="F14:K14"/>
    <mergeCell ref="F10:AA10"/>
  </mergeCells>
  <phoneticPr fontId="1" type="noConversion"/>
  <pageMargins left="0.7" right="0.7" top="0.75" bottom="0.75" header="0.3" footer="0.3"/>
  <pageSetup paperSize="9" scale="72" orientation="portrait" r:id="rId2"/>
  <headerFooter alignWithMargins="0">
    <oddFooter>&amp;L&amp;1#&amp;"Calibri"&amp;10&amp;K000000Classification: Private</oddFooter>
  </headerFooter>
  <drawing r:id="rId3"/>
  <extLst>
    <ext xmlns:x14="http://schemas.microsoft.com/office/spreadsheetml/2009/9/main" uri="{CCE6A557-97BC-4b89-ADB6-D9C93CAAB3DF}">
      <x14:dataValidations xmlns:xm="http://schemas.microsoft.com/office/excel/2006/main" count="3">
        <x14:dataValidation type="list" allowBlank="1" showInputMessage="1" showErrorMessage="1" xr:uid="{00000000-0002-0000-0800-000000000000}">
          <x14:formula1>
            <xm:f>Lists!$F$2:$F$3</xm:f>
          </x14:formula1>
          <xm:sqref>F14:K14</xm:sqref>
        </x14:dataValidation>
        <x14:dataValidation type="list" allowBlank="1" showInputMessage="1" showErrorMessage="1" xr:uid="{00000000-0002-0000-0800-000001000000}">
          <x14:formula1>
            <xm:f>Lists!$G$2:$G$3</xm:f>
          </x14:formula1>
          <xm:sqref>F25:K25</xm:sqref>
        </x14:dataValidation>
        <x14:dataValidation type="list" allowBlank="1" showInputMessage="1" showErrorMessage="1" xr:uid="{00000000-0002-0000-0800-000002000000}">
          <x14:formula1>
            <xm:f>Lists!$H$2:$H$3</xm:f>
          </x14:formula1>
          <xm:sqref>F31</xm:sqref>
        </x14:dataValidation>
      </x14:dataValidations>
    </ext>
  </extLst>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Worksheets</vt:lpstr>
      </vt:variant>
      <vt:variant>
        <vt:i4>12</vt:i4>
      </vt:variant>
      <vt:variant>
        <vt:lpstr>Named Ranges</vt:lpstr>
      </vt:variant>
      <vt:variant>
        <vt:i4>9</vt:i4>
      </vt:variant>
    </vt:vector>
  </HeadingPairs>
  <TitlesOfParts>
    <vt:vector size="21" baseType="lpstr">
      <vt:lpstr>User Instructions</vt:lpstr>
      <vt:lpstr>Input Form</vt:lpstr>
      <vt:lpstr>Cover Sheet (Ltd Co)</vt:lpstr>
      <vt:lpstr>Cover Sheet (LLP)</vt:lpstr>
      <vt:lpstr>Cover Sheet (Sole Trader)</vt:lpstr>
      <vt:lpstr>Cover Sheet (Other)</vt:lpstr>
      <vt:lpstr>Deregister</vt:lpstr>
      <vt:lpstr>Payments &amp; Limits (2)</vt:lpstr>
      <vt:lpstr>Add Corp Admin</vt:lpstr>
      <vt:lpstr>Edit Corp Admin</vt:lpstr>
      <vt:lpstr>Lists</vt:lpstr>
      <vt:lpstr>Password</vt:lpstr>
      <vt:lpstr>'Add Corp Admin'!Print_Area</vt:lpstr>
      <vt:lpstr>'Cover Sheet (LLP)'!Print_Area</vt:lpstr>
      <vt:lpstr>'Cover Sheet (Ltd Co)'!Print_Area</vt:lpstr>
      <vt:lpstr>'Cover Sheet (Other)'!Print_Area</vt:lpstr>
      <vt:lpstr>'Cover Sheet (Sole Trader)'!Print_Area</vt:lpstr>
      <vt:lpstr>Deregister!Print_Area</vt:lpstr>
      <vt:lpstr>'Edit Corp Admin'!Print_Area</vt:lpstr>
      <vt:lpstr>'Payments &amp; Limits (2)'!Print_Area</vt:lpstr>
      <vt:lpstr>'User Instructions'!Print_Area</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Daniel Marshall</dc:creator>
  <cp:lastModifiedBy>Kyle Bone</cp:lastModifiedBy>
  <cp:lastPrinted>2020-07-22T13:13:54Z</cp:lastPrinted>
  <dcterms:created xsi:type="dcterms:W3CDTF">2013-06-17T12:24:38Z</dcterms:created>
  <dcterms:modified xsi:type="dcterms:W3CDTF">2021-08-31T10:39:05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MSIP_Label_d65515b1-d194-4c62-9847-b9371b304101_Enabled">
    <vt:lpwstr>true</vt:lpwstr>
  </property>
  <property fmtid="{D5CDD505-2E9C-101B-9397-08002B2CF9AE}" pid="3" name="MSIP_Label_d65515b1-d194-4c62-9847-b9371b304101_SetDate">
    <vt:lpwstr>2021-08-31T10:38:43Z</vt:lpwstr>
  </property>
  <property fmtid="{D5CDD505-2E9C-101B-9397-08002B2CF9AE}" pid="4" name="MSIP_Label_d65515b1-d194-4c62-9847-b9371b304101_Method">
    <vt:lpwstr>Standard</vt:lpwstr>
  </property>
  <property fmtid="{D5CDD505-2E9C-101B-9397-08002B2CF9AE}" pid="5" name="MSIP_Label_d65515b1-d194-4c62-9847-b9371b304101_Name">
    <vt:lpwstr>d65515b1-d194-4c62-9847-b9371b304101</vt:lpwstr>
  </property>
  <property fmtid="{D5CDD505-2E9C-101B-9397-08002B2CF9AE}" pid="6" name="MSIP_Label_d65515b1-d194-4c62-9847-b9371b304101_SiteId">
    <vt:lpwstr>0f4fe3c0-2a87-4022-a491-0886f6bd32dd</vt:lpwstr>
  </property>
  <property fmtid="{D5CDD505-2E9C-101B-9397-08002B2CF9AE}" pid="7" name="MSIP_Label_d65515b1-d194-4c62-9847-b9371b304101_ActionId">
    <vt:lpwstr/>
  </property>
  <property fmtid="{D5CDD505-2E9C-101B-9397-08002B2CF9AE}" pid="8" name="MSIP_Label_d65515b1-d194-4c62-9847-b9371b304101_ContentBits">
    <vt:lpwstr>2</vt:lpwstr>
  </property>
</Properties>
</file>